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5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5.xml" ContentType="application/vnd.openxmlformats-officedocument.drawing+xml"/>
  <Override PartName="/xl/comments2.xml" ContentType="application/vnd.openxmlformats-officedocument.spreadsheetml.comments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drawings/drawing6.xml" ContentType="application/vnd.openxmlformats-officedocument.drawing+xml"/>
  <Override PartName="/xl/charts/chart8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15425\Desktop\"/>
    </mc:Choice>
  </mc:AlternateContent>
  <xr:revisionPtr revIDLastSave="0" documentId="8_{DA9859C9-7E71-4089-AAC4-605F401BB428}" xr6:coauthVersionLast="36" xr6:coauthVersionMax="36" xr10:uidLastSave="{00000000-0000-0000-0000-000000000000}"/>
  <bookViews>
    <workbookView xWindow="-110" yWindow="-110" windowWidth="23260" windowHeight="13900" xr2:uid="{9B42445C-A21F-4D3F-83D5-951952E970D0}"/>
  </bookViews>
  <sheets>
    <sheet name="CONTENTS" sheetId="14" r:id="rId1"/>
    <sheet name="T1 Stats" sheetId="3" r:id="rId2"/>
    <sheet name="T2 Ranking" sheetId="4" r:id="rId3"/>
    <sheet name="T3 Next term" sheetId="5" r:id="rId4"/>
    <sheet name="T4 Benefit" sheetId="6" r:id="rId5"/>
    <sheet name="T5 RDD" sheetId="7" r:id="rId6"/>
    <sheet name="T6. Subsidies" sheetId="15" r:id="rId7"/>
    <sheet name="Fig1 Capacity" sheetId="16" r:id="rId8"/>
    <sheet name="Fig2 Offshore" sheetId="17" r:id="rId9"/>
    <sheet name="Fig3 Wind share" sheetId="18" r:id="rId10"/>
    <sheet name="Fig4 Ave size of turbines" sheetId="19" r:id="rId11"/>
    <sheet name="Fig5 CF" sheetId="20" r:id="rId12"/>
    <sheet name="Fig6 Cost" sheetId="21" r:id="rId13"/>
  </sheets>
  <externalReferences>
    <externalReference r:id="rId14"/>
  </externalReferences>
  <definedNames>
    <definedName name="_xlnm._FilterDatabase" localSheetId="8" hidden="1">'Fig2 Offshore'!$B$32:$H$32</definedName>
    <definedName name="_xlnm._FilterDatabase" localSheetId="11" hidden="1">'Fig5 CF'!$B$183:$S$21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ARRAYTEXT_WF"/>
        <xcalcf:feature name="microsoft.com:CNMTM"/>
        <xcalcf:feature name="microsoft.com:LAMBDA_WF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97" i="21" l="1"/>
  <c r="N51" i="21" s="1"/>
  <c r="N96" i="21"/>
  <c r="N50" i="21" s="1"/>
  <c r="C53" i="21"/>
  <c r="C52" i="21" s="1"/>
  <c r="D54" i="21"/>
  <c r="F95" i="21"/>
  <c r="G95" i="21"/>
  <c r="G49" i="21" s="1"/>
  <c r="H95" i="21"/>
  <c r="I95" i="21"/>
  <c r="I49" i="21" s="1"/>
  <c r="J95" i="21"/>
  <c r="J49" i="21" s="1"/>
  <c r="K95" i="21"/>
  <c r="K49" i="21" s="1"/>
  <c r="L95" i="21"/>
  <c r="L49" i="21" s="1"/>
  <c r="M95" i="21"/>
  <c r="O95" i="21"/>
  <c r="O49" i="21" s="1"/>
  <c r="P95" i="21"/>
  <c r="Q95" i="21"/>
  <c r="Q49" i="21" s="1"/>
  <c r="R95" i="21"/>
  <c r="R49" i="21" s="1"/>
  <c r="S95" i="21"/>
  <c r="X95" i="21"/>
  <c r="X49" i="21" s="1"/>
  <c r="Y95" i="21"/>
  <c r="Y49" i="21" s="1"/>
  <c r="Z95" i="21"/>
  <c r="Z49" i="21" s="1"/>
  <c r="F96" i="21"/>
  <c r="G96" i="21"/>
  <c r="G50" i="21" s="1"/>
  <c r="H96" i="21"/>
  <c r="I96" i="21"/>
  <c r="J96" i="21"/>
  <c r="J50" i="21" s="1"/>
  <c r="K96" i="21"/>
  <c r="K50" i="21" s="1"/>
  <c r="L96" i="21"/>
  <c r="L50" i="21" s="1"/>
  <c r="M96" i="21"/>
  <c r="S96" i="21"/>
  <c r="T96" i="21"/>
  <c r="T50" i="21" s="1"/>
  <c r="U96" i="21"/>
  <c r="U50" i="21" s="1"/>
  <c r="V96" i="21"/>
  <c r="W96" i="21"/>
  <c r="Z96" i="21"/>
  <c r="Z50" i="21" s="1"/>
  <c r="AA96" i="21"/>
  <c r="F97" i="21"/>
  <c r="F51" i="21" s="1"/>
  <c r="G97" i="21"/>
  <c r="G51" i="21" s="1"/>
  <c r="H97" i="21"/>
  <c r="I97" i="21"/>
  <c r="J97" i="21"/>
  <c r="J51" i="21" s="1"/>
  <c r="K97" i="21"/>
  <c r="K51" i="21" s="1"/>
  <c r="L97" i="21"/>
  <c r="M97" i="21"/>
  <c r="O97" i="21"/>
  <c r="O51" i="21" s="1"/>
  <c r="P97" i="21"/>
  <c r="Q97" i="21"/>
  <c r="Q51" i="21" s="1"/>
  <c r="T97" i="21"/>
  <c r="T51" i="21" s="1"/>
  <c r="U97" i="21"/>
  <c r="V97" i="21"/>
  <c r="W97" i="21"/>
  <c r="X97" i="21"/>
  <c r="X51" i="21" s="1"/>
  <c r="Y97" i="21"/>
  <c r="Y51" i="21" s="1"/>
  <c r="Z97" i="21"/>
  <c r="Z51" i="21" s="1"/>
  <c r="AA97" i="21"/>
  <c r="AA51" i="21" s="1"/>
  <c r="C96" i="21"/>
  <c r="F98" i="21"/>
  <c r="G98" i="21"/>
  <c r="G52" i="21" s="1"/>
  <c r="H98" i="21"/>
  <c r="I98" i="21"/>
  <c r="J98" i="21"/>
  <c r="J52" i="21" s="1"/>
  <c r="K98" i="21"/>
  <c r="K52" i="21" s="1"/>
  <c r="L98" i="21"/>
  <c r="L52" i="21" s="1"/>
  <c r="M98" i="21"/>
  <c r="O98" i="21"/>
  <c r="O52" i="21" s="1"/>
  <c r="R98" i="21"/>
  <c r="S98" i="21"/>
  <c r="S52" i="21" s="1"/>
  <c r="V98" i="21"/>
  <c r="V52" i="21" s="1"/>
  <c r="W98" i="21"/>
  <c r="X98" i="21"/>
  <c r="X52" i="21" s="1"/>
  <c r="Y98" i="21"/>
  <c r="Y52" i="21" s="1"/>
  <c r="Z98" i="21"/>
  <c r="Z52" i="21" s="1"/>
  <c r="AA98" i="21"/>
  <c r="C97" i="21"/>
  <c r="R99" i="21" s="1"/>
  <c r="F99" i="21"/>
  <c r="F53" i="21" s="1"/>
  <c r="G99" i="21"/>
  <c r="G53" i="21" s="1"/>
  <c r="J99" i="21"/>
  <c r="J53" i="21" s="1"/>
  <c r="K99" i="21"/>
  <c r="K53" i="21" s="1"/>
  <c r="L99" i="21"/>
  <c r="L53" i="21" s="1"/>
  <c r="N99" i="21"/>
  <c r="N53" i="21" s="1"/>
  <c r="O99" i="21"/>
  <c r="O53" i="21" s="1"/>
  <c r="Q99" i="21"/>
  <c r="Q53" i="21" s="1"/>
  <c r="S99" i="21"/>
  <c r="S53" i="21" s="1"/>
  <c r="T99" i="21"/>
  <c r="T53" i="21" s="1"/>
  <c r="U99" i="21"/>
  <c r="U53" i="21" s="1"/>
  <c r="V99" i="21"/>
  <c r="V53" i="21" s="1"/>
  <c r="X99" i="21"/>
  <c r="X53" i="21" s="1"/>
  <c r="Z99" i="21"/>
  <c r="Z53" i="21" s="1"/>
  <c r="C98" i="21"/>
  <c r="G100" i="21"/>
  <c r="G54" i="21" s="1"/>
  <c r="J100" i="21"/>
  <c r="J54" i="21" s="1"/>
  <c r="K100" i="21"/>
  <c r="K54" i="21" s="1"/>
  <c r="L100" i="21"/>
  <c r="L54" i="21" s="1"/>
  <c r="Q100" i="21"/>
  <c r="Q54" i="21" s="1"/>
  <c r="S100" i="21"/>
  <c r="S54" i="21" s="1"/>
  <c r="T100" i="21"/>
  <c r="T54" i="21" s="1"/>
  <c r="U100" i="21"/>
  <c r="U54" i="21" s="1"/>
  <c r="V100" i="21"/>
  <c r="V54" i="21" s="1"/>
  <c r="X100" i="21"/>
  <c r="X54" i="21" s="1"/>
  <c r="Y100" i="21"/>
  <c r="Y54" i="21" s="1"/>
  <c r="Z100" i="21"/>
  <c r="Z54" i="21" s="1"/>
  <c r="F81" i="21"/>
  <c r="F35" i="21" s="1"/>
  <c r="G81" i="21"/>
  <c r="G35" i="21" s="1"/>
  <c r="H81" i="21"/>
  <c r="I81" i="21"/>
  <c r="I35" i="21" s="1"/>
  <c r="J81" i="21"/>
  <c r="K81" i="21"/>
  <c r="L81" i="21"/>
  <c r="L35" i="21" s="1"/>
  <c r="M81" i="21"/>
  <c r="N81" i="21"/>
  <c r="O81" i="21"/>
  <c r="P81" i="21"/>
  <c r="Q81" i="21"/>
  <c r="R81" i="21"/>
  <c r="R35" i="21" s="1"/>
  <c r="S81" i="21"/>
  <c r="S35" i="21" s="1"/>
  <c r="T81" i="21"/>
  <c r="U81" i="21"/>
  <c r="V81" i="21"/>
  <c r="W81" i="21"/>
  <c r="X81" i="21"/>
  <c r="Y81" i="21"/>
  <c r="Y35" i="21" s="1"/>
  <c r="Z81" i="21"/>
  <c r="Z35" i="21" s="1"/>
  <c r="AA81" i="21"/>
  <c r="F82" i="21"/>
  <c r="F36" i="21" s="1"/>
  <c r="G82" i="21"/>
  <c r="G36" i="21" s="1"/>
  <c r="H82" i="21"/>
  <c r="I82" i="21"/>
  <c r="I36" i="21" s="1"/>
  <c r="J82" i="21"/>
  <c r="K82" i="21"/>
  <c r="L82" i="21"/>
  <c r="L36" i="21" s="1"/>
  <c r="M82" i="21"/>
  <c r="N82" i="21"/>
  <c r="O82" i="21"/>
  <c r="P82" i="21"/>
  <c r="Q82" i="21"/>
  <c r="R82" i="21"/>
  <c r="R36" i="21" s="1"/>
  <c r="S82" i="21"/>
  <c r="S36" i="21" s="1"/>
  <c r="T82" i="21"/>
  <c r="U82" i="21"/>
  <c r="V82" i="21"/>
  <c r="W82" i="21"/>
  <c r="X82" i="21"/>
  <c r="Y82" i="21"/>
  <c r="Y36" i="21" s="1"/>
  <c r="Z82" i="21"/>
  <c r="AA82" i="21"/>
  <c r="F83" i="21"/>
  <c r="F37" i="21" s="1"/>
  <c r="G83" i="21"/>
  <c r="G37" i="21" s="1"/>
  <c r="H83" i="21"/>
  <c r="I83" i="21"/>
  <c r="I37" i="21" s="1"/>
  <c r="J83" i="21"/>
  <c r="K83" i="21"/>
  <c r="L83" i="21"/>
  <c r="L37" i="21" s="1"/>
  <c r="M83" i="21"/>
  <c r="N83" i="21"/>
  <c r="O83" i="21"/>
  <c r="O37" i="21" s="1"/>
  <c r="P83" i="21"/>
  <c r="Q83" i="21"/>
  <c r="R83" i="21"/>
  <c r="R37" i="21" s="1"/>
  <c r="S83" i="21"/>
  <c r="S37" i="21" s="1"/>
  <c r="T83" i="21"/>
  <c r="U83" i="21"/>
  <c r="V83" i="21"/>
  <c r="W83" i="21"/>
  <c r="X83" i="21"/>
  <c r="X37" i="21" s="1"/>
  <c r="Y83" i="21"/>
  <c r="Y37" i="21" s="1"/>
  <c r="Z83" i="21"/>
  <c r="AA83" i="21"/>
  <c r="F84" i="21"/>
  <c r="F38" i="21" s="1"/>
  <c r="G84" i="21"/>
  <c r="G38" i="21" s="1"/>
  <c r="H84" i="21"/>
  <c r="I84" i="21"/>
  <c r="I38" i="21" s="1"/>
  <c r="J84" i="21"/>
  <c r="K84" i="21"/>
  <c r="K38" i="21" s="1"/>
  <c r="L84" i="21"/>
  <c r="L38" i="21" s="1"/>
  <c r="M84" i="21"/>
  <c r="N84" i="21"/>
  <c r="O84" i="21"/>
  <c r="O38" i="21" s="1"/>
  <c r="P84" i="21"/>
  <c r="Q84" i="21"/>
  <c r="R84" i="21"/>
  <c r="R38" i="21" s="1"/>
  <c r="S84" i="21"/>
  <c r="S38" i="21" s="1"/>
  <c r="T84" i="21"/>
  <c r="U84" i="21"/>
  <c r="V84" i="21"/>
  <c r="W84" i="21"/>
  <c r="X84" i="21"/>
  <c r="X38" i="21" s="1"/>
  <c r="Y84" i="21"/>
  <c r="Y38" i="21" s="1"/>
  <c r="Z84" i="21"/>
  <c r="AA84" i="21"/>
  <c r="F85" i="21"/>
  <c r="F39" i="21" s="1"/>
  <c r="G85" i="21"/>
  <c r="G39" i="21" s="1"/>
  <c r="H85" i="21"/>
  <c r="I85" i="21"/>
  <c r="I39" i="21" s="1"/>
  <c r="J85" i="21"/>
  <c r="J39" i="21" s="1"/>
  <c r="K85" i="21"/>
  <c r="K39" i="21" s="1"/>
  <c r="L85" i="21"/>
  <c r="L39" i="21" s="1"/>
  <c r="M85" i="21"/>
  <c r="M39" i="21" s="1"/>
  <c r="N85" i="21"/>
  <c r="O85" i="21"/>
  <c r="P85" i="21"/>
  <c r="Q85" i="21"/>
  <c r="Q39" i="21" s="1"/>
  <c r="R85" i="21"/>
  <c r="R39" i="21" s="1"/>
  <c r="S85" i="21"/>
  <c r="S39" i="21" s="1"/>
  <c r="T85" i="21"/>
  <c r="T39" i="21" s="1"/>
  <c r="U85" i="21"/>
  <c r="U39" i="21" s="1"/>
  <c r="V85" i="21"/>
  <c r="W85" i="21"/>
  <c r="X85" i="21"/>
  <c r="X39" i="21" s="1"/>
  <c r="Y85" i="21"/>
  <c r="Z85" i="21"/>
  <c r="AA85" i="21"/>
  <c r="F86" i="21"/>
  <c r="F40" i="21" s="1"/>
  <c r="G86" i="21"/>
  <c r="G40" i="21" s="1"/>
  <c r="H86" i="21"/>
  <c r="I86" i="21"/>
  <c r="I40" i="21" s="1"/>
  <c r="J86" i="21"/>
  <c r="J40" i="21" s="1"/>
  <c r="K86" i="21"/>
  <c r="K40" i="21" s="1"/>
  <c r="L86" i="21"/>
  <c r="L40" i="21" s="1"/>
  <c r="M86" i="21"/>
  <c r="N86" i="21"/>
  <c r="O86" i="21"/>
  <c r="P86" i="21"/>
  <c r="Q86" i="21"/>
  <c r="R86" i="21"/>
  <c r="R40" i="21" s="1"/>
  <c r="S86" i="21"/>
  <c r="T86" i="21"/>
  <c r="U86" i="21"/>
  <c r="U40" i="21" s="1"/>
  <c r="V86" i="21"/>
  <c r="W86" i="21"/>
  <c r="X86" i="21"/>
  <c r="X40" i="21" s="1"/>
  <c r="Y86" i="21"/>
  <c r="Z86" i="21"/>
  <c r="AA86" i="21"/>
  <c r="F87" i="21"/>
  <c r="G87" i="21"/>
  <c r="G41" i="21" s="1"/>
  <c r="H87" i="21"/>
  <c r="I87" i="21"/>
  <c r="I41" i="21" s="1"/>
  <c r="J87" i="21"/>
  <c r="K87" i="21"/>
  <c r="K41" i="21" s="1"/>
  <c r="L87" i="21"/>
  <c r="L41" i="21" s="1"/>
  <c r="M87" i="21"/>
  <c r="M41" i="21" s="1"/>
  <c r="N87" i="21"/>
  <c r="O87" i="21"/>
  <c r="P87" i="21"/>
  <c r="Q87" i="21"/>
  <c r="R87" i="21"/>
  <c r="R41" i="21" s="1"/>
  <c r="S87" i="21"/>
  <c r="T87" i="21"/>
  <c r="U87" i="21"/>
  <c r="V87" i="21"/>
  <c r="W87" i="21"/>
  <c r="X87" i="21"/>
  <c r="Y87" i="21"/>
  <c r="Z87" i="21"/>
  <c r="AA87" i="21"/>
  <c r="F88" i="21"/>
  <c r="G88" i="21"/>
  <c r="G42" i="21" s="1"/>
  <c r="H88" i="21"/>
  <c r="I88" i="21"/>
  <c r="J88" i="21"/>
  <c r="K88" i="21"/>
  <c r="K42" i="21" s="1"/>
  <c r="L88" i="21"/>
  <c r="L42" i="21" s="1"/>
  <c r="M88" i="21"/>
  <c r="N88" i="21"/>
  <c r="O88" i="21"/>
  <c r="P88" i="21"/>
  <c r="Q88" i="21"/>
  <c r="R88" i="21"/>
  <c r="R42" i="21" s="1"/>
  <c r="S88" i="21"/>
  <c r="T88" i="21"/>
  <c r="U88" i="21"/>
  <c r="U42" i="21" s="1"/>
  <c r="V88" i="21"/>
  <c r="W88" i="21"/>
  <c r="X88" i="21"/>
  <c r="Y88" i="21"/>
  <c r="Z88" i="21"/>
  <c r="AA88" i="21"/>
  <c r="F89" i="21"/>
  <c r="G89" i="21"/>
  <c r="G43" i="21" s="1"/>
  <c r="H89" i="21"/>
  <c r="I89" i="21"/>
  <c r="J89" i="21"/>
  <c r="K89" i="21"/>
  <c r="K43" i="21" s="1"/>
  <c r="L89" i="21"/>
  <c r="L43" i="21" s="1"/>
  <c r="M89" i="21"/>
  <c r="N89" i="21"/>
  <c r="O89" i="21"/>
  <c r="P89" i="21"/>
  <c r="Q89" i="21"/>
  <c r="R89" i="21"/>
  <c r="R43" i="21" s="1"/>
  <c r="S89" i="21"/>
  <c r="T89" i="21"/>
  <c r="U89" i="21"/>
  <c r="U43" i="21" s="1"/>
  <c r="V89" i="21"/>
  <c r="W89" i="21"/>
  <c r="X89" i="21"/>
  <c r="Y89" i="21"/>
  <c r="Z89" i="21"/>
  <c r="Z43" i="21" s="1"/>
  <c r="AA89" i="21"/>
  <c r="F90" i="21"/>
  <c r="G90" i="21"/>
  <c r="G44" i="21" s="1"/>
  <c r="H90" i="21"/>
  <c r="I90" i="21"/>
  <c r="J90" i="21"/>
  <c r="K90" i="21"/>
  <c r="K44" i="21" s="1"/>
  <c r="L90" i="21"/>
  <c r="L44" i="21" s="1"/>
  <c r="M90" i="21"/>
  <c r="M44" i="21" s="1"/>
  <c r="N90" i="21"/>
  <c r="N44" i="21" s="1"/>
  <c r="O90" i="21"/>
  <c r="P90" i="21"/>
  <c r="Q90" i="21"/>
  <c r="R90" i="21"/>
  <c r="R44" i="21" s="1"/>
  <c r="S90" i="21"/>
  <c r="T90" i="21"/>
  <c r="U90" i="21"/>
  <c r="U44" i="21" s="1"/>
  <c r="V90" i="21"/>
  <c r="V44" i="21" s="1"/>
  <c r="W90" i="21"/>
  <c r="X90" i="21"/>
  <c r="Y90" i="21"/>
  <c r="Z90" i="21"/>
  <c r="Z44" i="21" s="1"/>
  <c r="AA90" i="21"/>
  <c r="AA44" i="21" s="1"/>
  <c r="F91" i="21"/>
  <c r="G91" i="21"/>
  <c r="G45" i="21" s="1"/>
  <c r="H91" i="21"/>
  <c r="I91" i="21"/>
  <c r="J91" i="21"/>
  <c r="J45" i="21" s="1"/>
  <c r="K91" i="21"/>
  <c r="K45" i="21" s="1"/>
  <c r="L91" i="21"/>
  <c r="L45" i="21" s="1"/>
  <c r="M91" i="21"/>
  <c r="N91" i="21"/>
  <c r="N45" i="21" s="1"/>
  <c r="O91" i="21"/>
  <c r="O45" i="21" s="1"/>
  <c r="P91" i="21"/>
  <c r="Q91" i="21"/>
  <c r="R91" i="21"/>
  <c r="R45" i="21" s="1"/>
  <c r="S91" i="21"/>
  <c r="T91" i="21"/>
  <c r="U91" i="21"/>
  <c r="V91" i="21"/>
  <c r="W91" i="21"/>
  <c r="W45" i="21" s="1"/>
  <c r="X91" i="21"/>
  <c r="X45" i="21" s="1"/>
  <c r="Y91" i="21"/>
  <c r="Z91" i="21"/>
  <c r="Z45" i="21" s="1"/>
  <c r="AA91" i="21"/>
  <c r="AA45" i="21" s="1"/>
  <c r="F92" i="21"/>
  <c r="G92" i="21"/>
  <c r="G46" i="21" s="1"/>
  <c r="H92" i="21"/>
  <c r="H46" i="21" s="1"/>
  <c r="I92" i="21"/>
  <c r="J92" i="21"/>
  <c r="J46" i="21" s="1"/>
  <c r="K92" i="21"/>
  <c r="K46" i="21" s="1"/>
  <c r="L92" i="21"/>
  <c r="L46" i="21" s="1"/>
  <c r="M92" i="21"/>
  <c r="M46" i="21" s="1"/>
  <c r="N92" i="21"/>
  <c r="N46" i="21" s="1"/>
  <c r="O92" i="21"/>
  <c r="P92" i="21"/>
  <c r="Q92" i="21"/>
  <c r="R92" i="21"/>
  <c r="R46" i="21" s="1"/>
  <c r="S92" i="21"/>
  <c r="T92" i="21"/>
  <c r="U92" i="21"/>
  <c r="V92" i="21"/>
  <c r="W92" i="21"/>
  <c r="X92" i="21"/>
  <c r="X46" i="21" s="1"/>
  <c r="Y92" i="21"/>
  <c r="Y46" i="21" s="1"/>
  <c r="Z92" i="21"/>
  <c r="Z46" i="21" s="1"/>
  <c r="AA92" i="21"/>
  <c r="AA46" i="21" s="1"/>
  <c r="F93" i="21"/>
  <c r="G93" i="21"/>
  <c r="H93" i="21"/>
  <c r="H47" i="21" s="1"/>
  <c r="I93" i="21"/>
  <c r="J93" i="21"/>
  <c r="J47" i="21" s="1"/>
  <c r="K93" i="21"/>
  <c r="K47" i="21" s="1"/>
  <c r="L93" i="21"/>
  <c r="L47" i="21" s="1"/>
  <c r="M93" i="21"/>
  <c r="N93" i="21"/>
  <c r="N47" i="21" s="1"/>
  <c r="O93" i="21"/>
  <c r="P93" i="21"/>
  <c r="Q93" i="21"/>
  <c r="R93" i="21"/>
  <c r="R47" i="21" s="1"/>
  <c r="S93" i="21"/>
  <c r="S47" i="21" s="1"/>
  <c r="T93" i="21"/>
  <c r="T47" i="21" s="1"/>
  <c r="U93" i="21"/>
  <c r="V93" i="21"/>
  <c r="W93" i="21"/>
  <c r="X93" i="21"/>
  <c r="X47" i="21" s="1"/>
  <c r="Y93" i="21"/>
  <c r="Y47" i="21" s="1"/>
  <c r="Z93" i="21"/>
  <c r="Z47" i="21" s="1"/>
  <c r="AA93" i="21"/>
  <c r="AA47" i="21" s="1"/>
  <c r="F94" i="21"/>
  <c r="G94" i="21"/>
  <c r="G48" i="21" s="1"/>
  <c r="H94" i="21"/>
  <c r="I94" i="21"/>
  <c r="J94" i="21"/>
  <c r="J48" i="21" s="1"/>
  <c r="K94" i="21"/>
  <c r="K48" i="21" s="1"/>
  <c r="L94" i="21"/>
  <c r="M94" i="21"/>
  <c r="N94" i="21"/>
  <c r="N48" i="21" s="1"/>
  <c r="O94" i="21"/>
  <c r="P94" i="21"/>
  <c r="Q94" i="21"/>
  <c r="Q48" i="21" s="1"/>
  <c r="R94" i="21"/>
  <c r="R48" i="21" s="1"/>
  <c r="S94" i="21"/>
  <c r="T94" i="21"/>
  <c r="T48" i="21" s="1"/>
  <c r="U94" i="21"/>
  <c r="V94" i="21"/>
  <c r="W94" i="21"/>
  <c r="X94" i="21"/>
  <c r="X48" i="21" s="1"/>
  <c r="Y94" i="21"/>
  <c r="Y48" i="21" s="1"/>
  <c r="Z94" i="21"/>
  <c r="Z48" i="21" s="1"/>
  <c r="AA94" i="21"/>
  <c r="N95" i="21"/>
  <c r="N49" i="21" s="1"/>
  <c r="T95" i="21"/>
  <c r="T49" i="21" s="1"/>
  <c r="U95" i="21"/>
  <c r="V95" i="21"/>
  <c r="W95" i="21"/>
  <c r="AA95" i="21"/>
  <c r="O96" i="21"/>
  <c r="O50" i="21" s="1"/>
  <c r="P96" i="21"/>
  <c r="Q96" i="21"/>
  <c r="Q50" i="21" s="1"/>
  <c r="R96" i="21"/>
  <c r="X96" i="21"/>
  <c r="X50" i="21" s="1"/>
  <c r="Y96" i="21"/>
  <c r="Y50" i="21" s="1"/>
  <c r="R97" i="21"/>
  <c r="S97" i="21"/>
  <c r="N98" i="21"/>
  <c r="N52" i="21" s="1"/>
  <c r="P98" i="21"/>
  <c r="Q98" i="21"/>
  <c r="Q52" i="21" s="1"/>
  <c r="T98" i="21"/>
  <c r="T52" i="21" s="1"/>
  <c r="U98" i="21"/>
  <c r="Y99" i="21"/>
  <c r="Y53" i="21" s="1"/>
  <c r="F100" i="21"/>
  <c r="F54" i="21" s="1"/>
  <c r="N100" i="21"/>
  <c r="N54" i="21" s="1"/>
  <c r="O100" i="21"/>
  <c r="O54" i="21" s="1"/>
  <c r="K87" i="20"/>
  <c r="K85" i="20"/>
  <c r="D84" i="20"/>
  <c r="E84" i="20"/>
  <c r="F84" i="20"/>
  <c r="G84" i="20"/>
  <c r="H84" i="20"/>
  <c r="I84" i="20"/>
  <c r="D85" i="20"/>
  <c r="E85" i="20"/>
  <c r="F85" i="20"/>
  <c r="G85" i="20"/>
  <c r="H85" i="20"/>
  <c r="I85" i="20"/>
  <c r="D86" i="20"/>
  <c r="E86" i="20"/>
  <c r="F86" i="20"/>
  <c r="G86" i="20"/>
  <c r="H86" i="20"/>
  <c r="I86" i="20"/>
  <c r="D87" i="20"/>
  <c r="E87" i="20"/>
  <c r="F87" i="20"/>
  <c r="G87" i="20"/>
  <c r="H87" i="20"/>
  <c r="I87" i="20"/>
  <c r="D88" i="20" a="1"/>
  <c r="D88" i="20" s="1"/>
  <c r="E88" i="20" a="1"/>
  <c r="E88" i="20" s="1"/>
  <c r="F88" i="20" a="1"/>
  <c r="F88" i="20" s="1"/>
  <c r="G88" i="20" a="1"/>
  <c r="G88" i="20" s="1"/>
  <c r="H88" i="20" a="1"/>
  <c r="H88" i="20" s="1"/>
  <c r="I88" i="20" a="1"/>
  <c r="I88" i="20" s="1"/>
  <c r="D89" i="20" a="1"/>
  <c r="D89" i="20" s="1"/>
  <c r="E89" i="20" a="1"/>
  <c r="E89" i="20" s="1"/>
  <c r="F89" i="20" a="1"/>
  <c r="F89" i="20" s="1"/>
  <c r="G89" i="20" a="1"/>
  <c r="G89" i="20" s="1"/>
  <c r="H89" i="20" a="1"/>
  <c r="H89" i="20" s="1"/>
  <c r="I89" i="20" a="1"/>
  <c r="I89" i="20" s="1"/>
  <c r="D90" i="20" a="1"/>
  <c r="D90" i="20" s="1"/>
  <c r="E90" i="20" a="1"/>
  <c r="E90" i="20" s="1"/>
  <c r="F90" i="20" a="1"/>
  <c r="F90" i="20" s="1"/>
  <c r="G90" i="20" a="1"/>
  <c r="G90" i="20" s="1"/>
  <c r="H90" i="20" a="1"/>
  <c r="H90" i="20" s="1"/>
  <c r="I90" i="20" a="1"/>
  <c r="I90" i="20" s="1"/>
  <c r="D91" i="20" a="1"/>
  <c r="D91" i="20" s="1"/>
  <c r="E91" i="20" a="1"/>
  <c r="E91" i="20" s="1"/>
  <c r="F91" i="20" a="1"/>
  <c r="F91" i="20" s="1"/>
  <c r="G91" i="20" a="1"/>
  <c r="G91" i="20" s="1"/>
  <c r="H91" i="20" a="1"/>
  <c r="H91" i="20" s="1"/>
  <c r="I91" i="20" a="1"/>
  <c r="I91" i="20" s="1"/>
  <c r="Z58" i="19" a="1"/>
  <c r="Z58" i="19" s="1"/>
  <c r="AA59" i="19" a="1"/>
  <c r="AA59" i="19" s="1"/>
  <c r="AB59" i="19" a="1"/>
  <c r="AB59" i="19" s="1"/>
  <c r="AC59" i="19" a="1"/>
  <c r="AC59" i="19" s="1"/>
  <c r="AD59" i="19" a="1"/>
  <c r="AD59" i="19" s="1"/>
  <c r="Y59" i="19" a="1"/>
  <c r="Y59" i="19" s="1"/>
  <c r="AA60" i="19"/>
  <c r="Z60" i="19"/>
  <c r="AB60" i="19"/>
  <c r="AC60" i="19"/>
  <c r="C58" i="19"/>
  <c r="D58" i="19"/>
  <c r="E58" i="19"/>
  <c r="F58" i="19"/>
  <c r="G58" i="19"/>
  <c r="H58" i="19"/>
  <c r="I58" i="19"/>
  <c r="J58" i="19"/>
  <c r="K58" i="19"/>
  <c r="L58" i="19"/>
  <c r="M58" i="19"/>
  <c r="N58" i="19"/>
  <c r="O58" i="19"/>
  <c r="P58" i="19"/>
  <c r="Q58" i="19"/>
  <c r="R58" i="19"/>
  <c r="S58" i="19"/>
  <c r="T58" i="19"/>
  <c r="U58" i="19"/>
  <c r="V58" i="19"/>
  <c r="W58" i="19"/>
  <c r="X58" i="19"/>
  <c r="Y58" i="19" a="1"/>
  <c r="Y58" i="19" s="1"/>
  <c r="C59" i="19"/>
  <c r="D59" i="19"/>
  <c r="E59" i="19"/>
  <c r="F59" i="19"/>
  <c r="G59" i="19"/>
  <c r="H59" i="19"/>
  <c r="I59" i="19"/>
  <c r="J59" i="19"/>
  <c r="K59" i="19"/>
  <c r="L59" i="19"/>
  <c r="M59" i="19"/>
  <c r="N59" i="19"/>
  <c r="O59" i="19"/>
  <c r="P59" i="19"/>
  <c r="Q59" i="19"/>
  <c r="R59" i="19"/>
  <c r="S59" i="19"/>
  <c r="T59" i="19"/>
  <c r="U59" i="19"/>
  <c r="V59" i="19"/>
  <c r="W59" i="19"/>
  <c r="X59" i="19"/>
  <c r="C60" i="19"/>
  <c r="D60" i="19"/>
  <c r="E60" i="19"/>
  <c r="F60" i="19"/>
  <c r="G60" i="19"/>
  <c r="H60" i="19"/>
  <c r="I60" i="19"/>
  <c r="J60" i="19"/>
  <c r="K60" i="19"/>
  <c r="L60" i="19"/>
  <c r="M60" i="19"/>
  <c r="M61" i="19" s="1"/>
  <c r="N60" i="19"/>
  <c r="O60" i="19"/>
  <c r="P60" i="19"/>
  <c r="Q60" i="19"/>
  <c r="R60" i="19"/>
  <c r="S60" i="19"/>
  <c r="T60" i="19"/>
  <c r="U60" i="19"/>
  <c r="V60" i="19"/>
  <c r="W60" i="19"/>
  <c r="X60" i="19"/>
  <c r="AD60" i="19"/>
  <c r="AA67" i="19"/>
  <c r="AB67" i="19"/>
  <c r="AD67" i="19"/>
  <c r="Y68" i="19"/>
  <c r="Z68" i="19"/>
  <c r="AA68" i="19"/>
  <c r="AC68" i="19"/>
  <c r="AD68" i="19"/>
  <c r="Y69" i="19"/>
  <c r="Z69" i="19"/>
  <c r="AC69" i="19"/>
  <c r="Y70" i="19"/>
  <c r="AD70" i="19"/>
  <c r="Z71" i="19"/>
  <c r="AD71" i="19"/>
  <c r="Y72" i="19"/>
  <c r="Z72" i="19"/>
  <c r="AA72" i="19"/>
  <c r="AB72" i="19"/>
  <c r="AD72" i="19"/>
  <c r="Y73" i="19"/>
  <c r="Z73" i="19"/>
  <c r="AA73" i="19"/>
  <c r="X74" i="19"/>
  <c r="Y74" i="19"/>
  <c r="AD74" i="19"/>
  <c r="Y75" i="19"/>
  <c r="Z75" i="19"/>
  <c r="AB75" i="19"/>
  <c r="AB76" i="19"/>
  <c r="AD76" i="19"/>
  <c r="Y77" i="19"/>
  <c r="Z77" i="19"/>
  <c r="AA77" i="19"/>
  <c r="AD77" i="19"/>
  <c r="AB78" i="19"/>
  <c r="AD78" i="19"/>
  <c r="Y80" i="19"/>
  <c r="Z80" i="19"/>
  <c r="AA80" i="19"/>
  <c r="AB80" i="19"/>
  <c r="AC80" i="19"/>
  <c r="AD80" i="19"/>
  <c r="X81" i="19"/>
  <c r="X84" i="19" s="1"/>
  <c r="AB81" i="19"/>
  <c r="AD83" i="19"/>
  <c r="S84" i="19"/>
  <c r="T84" i="19"/>
  <c r="U84" i="19"/>
  <c r="V84" i="19"/>
  <c r="W84" i="19"/>
  <c r="S85" i="19"/>
  <c r="T85" i="19"/>
  <c r="U85" i="19"/>
  <c r="V85" i="19"/>
  <c r="W85" i="19"/>
  <c r="S86" i="19"/>
  <c r="T86" i="19"/>
  <c r="U86" i="19"/>
  <c r="V86" i="19"/>
  <c r="W86" i="19"/>
  <c r="C67" i="18"/>
  <c r="D67" i="18"/>
  <c r="E67" i="18"/>
  <c r="F67" i="18"/>
  <c r="G67" i="18"/>
  <c r="J67" i="18"/>
  <c r="C68" i="18"/>
  <c r="D68" i="18"/>
  <c r="E68" i="18"/>
  <c r="F68" i="18"/>
  <c r="G68" i="18"/>
  <c r="K63" i="18"/>
  <c r="L63" i="18"/>
  <c r="K68" i="18"/>
  <c r="M63" i="18"/>
  <c r="L68" i="18"/>
  <c r="P63" i="18"/>
  <c r="M67" i="18"/>
  <c r="C63" i="18"/>
  <c r="D63" i="18"/>
  <c r="E63" i="18"/>
  <c r="F63" i="18"/>
  <c r="G63" i="18"/>
  <c r="H63" i="18"/>
  <c r="I63" i="18"/>
  <c r="J63" i="18"/>
  <c r="I54" i="17"/>
  <c r="M54" i="17"/>
  <c r="K55" i="17"/>
  <c r="N55" i="17"/>
  <c r="I56" i="17"/>
  <c r="K56" i="17"/>
  <c r="N56" i="17"/>
  <c r="I57" i="17"/>
  <c r="J57" i="17"/>
  <c r="K57" i="17"/>
  <c r="L57" i="17"/>
  <c r="M57" i="17"/>
  <c r="N57" i="17"/>
  <c r="I58" i="17"/>
  <c r="K58" i="17"/>
  <c r="N58" i="17"/>
  <c r="I59" i="17"/>
  <c r="J59" i="17"/>
  <c r="K59" i="17"/>
  <c r="L59" i="17"/>
  <c r="M59" i="17"/>
  <c r="N59" i="17"/>
  <c r="I60" i="17"/>
  <c r="M60" i="17"/>
  <c r="N60" i="17"/>
  <c r="I61" i="17"/>
  <c r="J62" i="17"/>
  <c r="I63" i="17"/>
  <c r="J63" i="17"/>
  <c r="K63" i="17"/>
  <c r="L63" i="17"/>
  <c r="M63" i="17"/>
  <c r="N63" i="17"/>
  <c r="I64" i="17"/>
  <c r="J64" i="17"/>
  <c r="I65" i="17"/>
  <c r="J65" i="17"/>
  <c r="K65" i="17"/>
  <c r="L65" i="17"/>
  <c r="M65" i="17"/>
  <c r="N65" i="17"/>
  <c r="J66" i="17"/>
  <c r="J67" i="17"/>
  <c r="K67" i="17"/>
  <c r="L67" i="17"/>
  <c r="M67" i="17"/>
  <c r="N67" i="17"/>
  <c r="I68" i="17"/>
  <c r="J68" i="17"/>
  <c r="C48" i="17"/>
  <c r="D48" i="17"/>
  <c r="D69" i="17" s="1"/>
  <c r="E48" i="17"/>
  <c r="E69" i="17" s="1"/>
  <c r="F48" i="17"/>
  <c r="F69" i="17" s="1"/>
  <c r="G48" i="17"/>
  <c r="G69" i="17" s="1"/>
  <c r="H48" i="17"/>
  <c r="H69" i="17" s="1"/>
  <c r="C49" i="17"/>
  <c r="C70" i="17" s="1"/>
  <c r="D49" i="17"/>
  <c r="D70" i="17" s="1"/>
  <c r="E49" i="17"/>
  <c r="E70" i="17" s="1"/>
  <c r="F49" i="17"/>
  <c r="F70" i="17" s="1"/>
  <c r="G49" i="17"/>
  <c r="G70" i="17" s="1"/>
  <c r="H49" i="17"/>
  <c r="H70" i="17" s="1"/>
  <c r="C54" i="17"/>
  <c r="D54" i="17"/>
  <c r="E54" i="17"/>
  <c r="F54" i="17"/>
  <c r="G54" i="17"/>
  <c r="H54" i="17"/>
  <c r="J54" i="17"/>
  <c r="L54" i="17"/>
  <c r="C55" i="17"/>
  <c r="D55" i="17"/>
  <c r="E55" i="17"/>
  <c r="F55" i="17"/>
  <c r="G55" i="17"/>
  <c r="H55" i="17"/>
  <c r="I55" i="17"/>
  <c r="C56" i="17"/>
  <c r="D56" i="17"/>
  <c r="E56" i="17"/>
  <c r="F56" i="17"/>
  <c r="G56" i="17"/>
  <c r="H56" i="17"/>
  <c r="J56" i="17"/>
  <c r="L56" i="17"/>
  <c r="M56" i="17"/>
  <c r="C57" i="17"/>
  <c r="D57" i="17"/>
  <c r="E57" i="17"/>
  <c r="F57" i="17"/>
  <c r="G57" i="17"/>
  <c r="H57" i="17"/>
  <c r="C58" i="17"/>
  <c r="D58" i="17"/>
  <c r="E58" i="17"/>
  <c r="F58" i="17"/>
  <c r="G58" i="17"/>
  <c r="H58" i="17"/>
  <c r="J58" i="17"/>
  <c r="L58" i="17"/>
  <c r="M58" i="17"/>
  <c r="C59" i="17"/>
  <c r="D59" i="17"/>
  <c r="E59" i="17"/>
  <c r="F59" i="17"/>
  <c r="G59" i="17"/>
  <c r="H59" i="17"/>
  <c r="C60" i="17"/>
  <c r="D60" i="17"/>
  <c r="E60" i="17"/>
  <c r="F60" i="17"/>
  <c r="G60" i="17"/>
  <c r="H60" i="17"/>
  <c r="J60" i="17"/>
  <c r="K60" i="17"/>
  <c r="L60" i="17"/>
  <c r="C61" i="17"/>
  <c r="D61" i="17"/>
  <c r="E61" i="17"/>
  <c r="F61" i="17"/>
  <c r="G61" i="17"/>
  <c r="H61" i="17"/>
  <c r="C62" i="17"/>
  <c r="D62" i="17"/>
  <c r="E62" i="17"/>
  <c r="F62" i="17"/>
  <c r="G62" i="17"/>
  <c r="H62" i="17"/>
  <c r="K62" i="17"/>
  <c r="L62" i="17"/>
  <c r="M62" i="17"/>
  <c r="N62" i="17"/>
  <c r="C63" i="17"/>
  <c r="D63" i="17"/>
  <c r="E63" i="17"/>
  <c r="F63" i="17"/>
  <c r="G63" i="17"/>
  <c r="H63" i="17"/>
  <c r="C64" i="17"/>
  <c r="D64" i="17"/>
  <c r="E64" i="17"/>
  <c r="F64" i="17"/>
  <c r="G64" i="17"/>
  <c r="H64" i="17"/>
  <c r="K64" i="17"/>
  <c r="L64" i="17"/>
  <c r="M64" i="17"/>
  <c r="N64" i="17"/>
  <c r="C65" i="17"/>
  <c r="D65" i="17"/>
  <c r="E65" i="17"/>
  <c r="F65" i="17"/>
  <c r="G65" i="17"/>
  <c r="H65" i="17"/>
  <c r="C66" i="17"/>
  <c r="D66" i="17"/>
  <c r="E66" i="17"/>
  <c r="F66" i="17"/>
  <c r="G66" i="17"/>
  <c r="H66" i="17"/>
  <c r="I66" i="17"/>
  <c r="K66" i="17"/>
  <c r="L66" i="17"/>
  <c r="M66" i="17"/>
  <c r="N66" i="17"/>
  <c r="C67" i="17"/>
  <c r="D67" i="17"/>
  <c r="E67" i="17"/>
  <c r="F67" i="17"/>
  <c r="G67" i="17"/>
  <c r="H67" i="17"/>
  <c r="I67" i="17"/>
  <c r="C68" i="17"/>
  <c r="D68" i="17"/>
  <c r="E68" i="17"/>
  <c r="F68" i="17"/>
  <c r="G68" i="17"/>
  <c r="H68" i="17"/>
  <c r="K68" i="17"/>
  <c r="L68" i="17"/>
  <c r="M68" i="17"/>
  <c r="N68" i="17"/>
  <c r="C69" i="17"/>
  <c r="O39" i="16"/>
  <c r="Q39" i="16"/>
  <c r="P41" i="16"/>
  <c r="P39" i="16" s="1"/>
  <c r="G28" i="5"/>
  <c r="L61" i="19" l="1"/>
  <c r="P61" i="19"/>
  <c r="N49" i="17"/>
  <c r="N70" i="17" s="1"/>
  <c r="M48" i="17"/>
  <c r="M69" i="17" s="1"/>
  <c r="M49" i="17"/>
  <c r="M70" i="17" s="1"/>
  <c r="L48" i="17"/>
  <c r="L69" i="17" s="1"/>
  <c r="L49" i="17"/>
  <c r="L70" i="17" s="1"/>
  <c r="K49" i="17"/>
  <c r="K70" i="17" s="1"/>
  <c r="J48" i="17"/>
  <c r="J69" i="17" s="1"/>
  <c r="J49" i="17"/>
  <c r="J70" i="17" s="1"/>
  <c r="N48" i="17"/>
  <c r="N69" i="17" s="1"/>
  <c r="K48" i="17"/>
  <c r="K69" i="17" s="1"/>
  <c r="I49" i="17"/>
  <c r="I70" i="17" s="1"/>
  <c r="I62" i="17"/>
  <c r="AB92" i="21"/>
  <c r="P99" i="21"/>
  <c r="AB86" i="21"/>
  <c r="AA99" i="21"/>
  <c r="M99" i="21"/>
  <c r="AB87" i="21"/>
  <c r="AB82" i="21"/>
  <c r="W99" i="21"/>
  <c r="AB89" i="21"/>
  <c r="AB94" i="21"/>
  <c r="F49" i="21"/>
  <c r="AB95" i="21"/>
  <c r="AB81" i="21"/>
  <c r="AB93" i="21"/>
  <c r="AB91" i="21"/>
  <c r="AB90" i="21"/>
  <c r="AB88" i="21"/>
  <c r="AB85" i="21"/>
  <c r="AB84" i="21"/>
  <c r="AB83" i="21"/>
  <c r="F50" i="21"/>
  <c r="AB96" i="21"/>
  <c r="R100" i="21"/>
  <c r="R54" i="21" s="1"/>
  <c r="H100" i="21"/>
  <c r="I100" i="21"/>
  <c r="I54" i="21" s="1"/>
  <c r="M100" i="21"/>
  <c r="M54" i="21" s="1"/>
  <c r="AA100" i="21"/>
  <c r="AA54" i="21" s="1"/>
  <c r="P100" i="21"/>
  <c r="P54" i="21" s="1"/>
  <c r="W100" i="21"/>
  <c r="W54" i="21" s="1"/>
  <c r="F52" i="21"/>
  <c r="AB98" i="21"/>
  <c r="AE98" i="21" s="1"/>
  <c r="AB97" i="21"/>
  <c r="C51" i="21"/>
  <c r="D52" i="21"/>
  <c r="M52" i="21" s="1"/>
  <c r="H99" i="21"/>
  <c r="I99" i="21"/>
  <c r="D53" i="21"/>
  <c r="J85" i="20"/>
  <c r="M88" i="20" a="1"/>
  <c r="M88" i="20" s="1"/>
  <c r="M89" i="20" a="1"/>
  <c r="M89" i="20" s="1"/>
  <c r="M90" i="20" a="1"/>
  <c r="M90" i="20" s="1"/>
  <c r="M91" i="20" a="1"/>
  <c r="M91" i="20" s="1"/>
  <c r="M84" i="20"/>
  <c r="M86" i="20"/>
  <c r="O87" i="20"/>
  <c r="L84" i="20"/>
  <c r="L86" i="20"/>
  <c r="L88" i="20" a="1"/>
  <c r="L88" i="20" s="1"/>
  <c r="L89" i="20" a="1"/>
  <c r="L89" i="20" s="1"/>
  <c r="L90" i="20" a="1"/>
  <c r="L90" i="20" s="1"/>
  <c r="L91" i="20" a="1"/>
  <c r="L91" i="20" s="1"/>
  <c r="N85" i="20"/>
  <c r="M87" i="20"/>
  <c r="N87" i="20"/>
  <c r="K84" i="20"/>
  <c r="K86" i="20"/>
  <c r="K88" i="20" a="1"/>
  <c r="K88" i="20" s="1"/>
  <c r="K89" i="20" a="1"/>
  <c r="K89" i="20" s="1"/>
  <c r="K90" i="20" a="1"/>
  <c r="K90" i="20" s="1"/>
  <c r="K91" i="20" a="1"/>
  <c r="K91" i="20" s="1"/>
  <c r="N86" i="20"/>
  <c r="N88" i="20" a="1"/>
  <c r="N88" i="20" s="1"/>
  <c r="N89" i="20" a="1"/>
  <c r="N89" i="20" s="1"/>
  <c r="N90" i="20" a="1"/>
  <c r="N90" i="20" s="1"/>
  <c r="N91" i="20" a="1"/>
  <c r="N91" i="20" s="1"/>
  <c r="N84" i="20"/>
  <c r="L87" i="20"/>
  <c r="M85" i="20"/>
  <c r="O85" i="20"/>
  <c r="J84" i="20"/>
  <c r="J86" i="20"/>
  <c r="J89" i="20" a="1"/>
  <c r="J89" i="20" s="1"/>
  <c r="J91" i="20" a="1"/>
  <c r="J91" i="20" s="1"/>
  <c r="J88" i="20" a="1"/>
  <c r="J88" i="20" s="1"/>
  <c r="J90" i="20" a="1"/>
  <c r="J90" i="20" s="1"/>
  <c r="J87" i="20"/>
  <c r="L85" i="20"/>
  <c r="O86" i="20"/>
  <c r="O89" i="20" a="1"/>
  <c r="O89" i="20" s="1"/>
  <c r="O90" i="20" a="1"/>
  <c r="O90" i="20" s="1"/>
  <c r="O91" i="20" a="1"/>
  <c r="O91" i="20" s="1"/>
  <c r="O84" i="20"/>
  <c r="O88" i="20" a="1"/>
  <c r="O88" i="20" s="1"/>
  <c r="K61" i="19"/>
  <c r="I61" i="19"/>
  <c r="AD84" i="19"/>
  <c r="O61" i="19"/>
  <c r="AC84" i="19"/>
  <c r="AA84" i="19"/>
  <c r="Z84" i="19"/>
  <c r="Y84" i="19"/>
  <c r="AB84" i="19"/>
  <c r="N61" i="19"/>
  <c r="X61" i="19"/>
  <c r="W61" i="19"/>
  <c r="J61" i="19"/>
  <c r="T61" i="19"/>
  <c r="H61" i="19"/>
  <c r="V61" i="19"/>
  <c r="Q61" i="19"/>
  <c r="U61" i="19"/>
  <c r="S61" i="19"/>
  <c r="R61" i="19"/>
  <c r="G61" i="19"/>
  <c r="AD61" i="19"/>
  <c r="AC61" i="19"/>
  <c r="AA61" i="19"/>
  <c r="AB61" i="19"/>
  <c r="Z59" i="19" a="1"/>
  <c r="Z59" i="19" s="1"/>
  <c r="AD86" i="19"/>
  <c r="AD85" i="19"/>
  <c r="Y60" i="19"/>
  <c r="Y61" i="19" s="1"/>
  <c r="AC58" i="19" a="1"/>
  <c r="AC58" i="19" s="1"/>
  <c r="AC85" i="19"/>
  <c r="AB58" i="19" a="1"/>
  <c r="AB58" i="19" s="1"/>
  <c r="AA86" i="19"/>
  <c r="AA85" i="19"/>
  <c r="AD58" i="19" a="1"/>
  <c r="AD58" i="19" s="1"/>
  <c r="AC86" i="19"/>
  <c r="AB86" i="19"/>
  <c r="AB85" i="19"/>
  <c r="Z86" i="19"/>
  <c r="Z85" i="19"/>
  <c r="AA58" i="19" a="1"/>
  <c r="AA58" i="19" s="1"/>
  <c r="Y86" i="19"/>
  <c r="Y85" i="19"/>
  <c r="X86" i="19"/>
  <c r="X85" i="19"/>
  <c r="M68" i="18"/>
  <c r="L67" i="18"/>
  <c r="J68" i="18"/>
  <c r="H67" i="18"/>
  <c r="O63" i="18"/>
  <c r="H68" i="18"/>
  <c r="I67" i="18"/>
  <c r="I68" i="18"/>
  <c r="N63" i="18"/>
  <c r="K67" i="18"/>
  <c r="I48" i="17"/>
  <c r="I69" i="17" s="1"/>
  <c r="N61" i="17"/>
  <c r="N54" i="17"/>
  <c r="M61" i="17"/>
  <c r="M55" i="17"/>
  <c r="K61" i="17"/>
  <c r="K54" i="17"/>
  <c r="L61" i="17"/>
  <c r="L55" i="17"/>
  <c r="J61" i="17"/>
  <c r="J55" i="17"/>
  <c r="AC87" i="21" l="1"/>
  <c r="AC86" i="21"/>
  <c r="AC92" i="21"/>
  <c r="AC89" i="21"/>
  <c r="AC83" i="21"/>
  <c r="AC94" i="21"/>
  <c r="M53" i="21"/>
  <c r="AC82" i="21"/>
  <c r="AC88" i="21"/>
  <c r="H52" i="21"/>
  <c r="H53" i="21"/>
  <c r="AB99" i="21"/>
  <c r="AC100" i="21" s="1"/>
  <c r="I52" i="21"/>
  <c r="AA52" i="21"/>
  <c r="AC91" i="21"/>
  <c r="R52" i="21"/>
  <c r="R53" i="21"/>
  <c r="AC90" i="21"/>
  <c r="AE96" i="21"/>
  <c r="AC97" i="21"/>
  <c r="W52" i="21"/>
  <c r="AC96" i="21"/>
  <c r="W53" i="21"/>
  <c r="AA53" i="21"/>
  <c r="AC84" i="21"/>
  <c r="I53" i="21"/>
  <c r="AC98" i="21"/>
  <c r="AE97" i="21"/>
  <c r="P53" i="21"/>
  <c r="AC93" i="21"/>
  <c r="P52" i="21"/>
  <c r="AC99" i="21"/>
  <c r="H54" i="21"/>
  <c r="AB100" i="21"/>
  <c r="AC85" i="21"/>
  <c r="AC95" i="21"/>
  <c r="C50" i="21"/>
  <c r="D51" i="21"/>
  <c r="U52" i="21"/>
  <c r="X62" i="19"/>
  <c r="W62" i="19"/>
  <c r="Y62" i="19"/>
  <c r="Z61" i="19"/>
  <c r="L51" i="21" l="1"/>
  <c r="M51" i="21"/>
  <c r="S51" i="21"/>
  <c r="V51" i="21"/>
  <c r="U51" i="21"/>
  <c r="I51" i="21"/>
  <c r="R51" i="21"/>
  <c r="P51" i="21"/>
  <c r="H51" i="21"/>
  <c r="W51" i="21"/>
  <c r="C49" i="21"/>
  <c r="D50" i="21"/>
  <c r="AC62" i="19"/>
  <c r="AD62" i="19"/>
  <c r="AA62" i="19"/>
  <c r="Z62" i="19"/>
  <c r="AB62" i="19"/>
  <c r="M50" i="21" l="1"/>
  <c r="AA50" i="21"/>
  <c r="S50" i="21"/>
  <c r="I50" i="21"/>
  <c r="P50" i="21"/>
  <c r="H50" i="21"/>
  <c r="V50" i="21"/>
  <c r="R50" i="21"/>
  <c r="W50" i="21"/>
  <c r="C48" i="21"/>
  <c r="D49" i="21"/>
  <c r="W49" i="21" l="1"/>
  <c r="V49" i="21"/>
  <c r="H49" i="21"/>
  <c r="P49" i="21"/>
  <c r="AA49" i="21"/>
  <c r="S49" i="21"/>
  <c r="M49" i="21"/>
  <c r="U49" i="21"/>
  <c r="C47" i="21"/>
  <c r="D48" i="21"/>
  <c r="W48" i="21" l="1"/>
  <c r="L48" i="21"/>
  <c r="V48" i="21"/>
  <c r="M48" i="21"/>
  <c r="H48" i="21"/>
  <c r="U48" i="21"/>
  <c r="O48" i="21"/>
  <c r="S48" i="21"/>
  <c r="P48" i="21"/>
  <c r="F48" i="21"/>
  <c r="I48" i="21"/>
  <c r="AA48" i="21"/>
  <c r="C46" i="21"/>
  <c r="D47" i="21"/>
  <c r="W47" i="21" l="1"/>
  <c r="V47" i="21"/>
  <c r="M47" i="21"/>
  <c r="P47" i="21"/>
  <c r="G47" i="21"/>
  <c r="F47" i="21"/>
  <c r="O47" i="21"/>
  <c r="I47" i="21"/>
  <c r="Q47" i="21"/>
  <c r="U47" i="21"/>
  <c r="C45" i="21"/>
  <c r="D46" i="21"/>
  <c r="W46" i="21" l="1"/>
  <c r="V46" i="21"/>
  <c r="P46" i="21"/>
  <c r="S46" i="21"/>
  <c r="F46" i="21"/>
  <c r="O46" i="21"/>
  <c r="Q46" i="21"/>
  <c r="T46" i="21"/>
  <c r="U46" i="21"/>
  <c r="I46" i="21"/>
  <c r="C44" i="21"/>
  <c r="D45" i="21"/>
  <c r="C43" i="21" l="1"/>
  <c r="D44" i="21"/>
  <c r="M45" i="21"/>
  <c r="V45" i="21"/>
  <c r="Y45" i="21"/>
  <c r="U45" i="21"/>
  <c r="S45" i="21"/>
  <c r="F45" i="21"/>
  <c r="P45" i="21"/>
  <c r="H45" i="21"/>
  <c r="I45" i="21"/>
  <c r="T45" i="21"/>
  <c r="Q45" i="21"/>
  <c r="W44" i="21" l="1"/>
  <c r="J44" i="21"/>
  <c r="X44" i="21"/>
  <c r="Y44" i="21"/>
  <c r="I44" i="21"/>
  <c r="T44" i="21"/>
  <c r="F44" i="21"/>
  <c r="P44" i="21"/>
  <c r="Q44" i="21"/>
  <c r="H44" i="21"/>
  <c r="S44" i="21"/>
  <c r="O44" i="21"/>
  <c r="C42" i="21"/>
  <c r="D43" i="21"/>
  <c r="W43" i="21" l="1"/>
  <c r="M43" i="21"/>
  <c r="J43" i="21"/>
  <c r="V43" i="21"/>
  <c r="X43" i="21"/>
  <c r="Y43" i="21"/>
  <c r="O43" i="21"/>
  <c r="I43" i="21"/>
  <c r="T43" i="21"/>
  <c r="P43" i="21"/>
  <c r="N43" i="21"/>
  <c r="H43" i="21"/>
  <c r="S43" i="21"/>
  <c r="F43" i="21"/>
  <c r="Q43" i="21"/>
  <c r="AA43" i="21"/>
  <c r="C41" i="21"/>
  <c r="D42" i="21"/>
  <c r="C40" i="21" l="1"/>
  <c r="D41" i="21"/>
  <c r="W42" i="21"/>
  <c r="Y42" i="21"/>
  <c r="J42" i="21"/>
  <c r="M42" i="21"/>
  <c r="V42" i="21"/>
  <c r="X42" i="21"/>
  <c r="O42" i="21"/>
  <c r="I42" i="21"/>
  <c r="S42" i="21"/>
  <c r="Z42" i="21"/>
  <c r="N42" i="21"/>
  <c r="P42" i="21"/>
  <c r="H42" i="21"/>
  <c r="T42" i="21"/>
  <c r="F42" i="21"/>
  <c r="Q42" i="21"/>
  <c r="AA42" i="21"/>
  <c r="W41" i="21" l="1"/>
  <c r="X41" i="21"/>
  <c r="Y41" i="21"/>
  <c r="J41" i="21"/>
  <c r="N41" i="21"/>
  <c r="V41" i="21"/>
  <c r="Q41" i="21"/>
  <c r="O41" i="21"/>
  <c r="F41" i="21"/>
  <c r="P41" i="21"/>
  <c r="U41" i="21"/>
  <c r="H41" i="21"/>
  <c r="Z41" i="21"/>
  <c r="T41" i="21"/>
  <c r="S41" i="21"/>
  <c r="AA41" i="21"/>
  <c r="C39" i="21"/>
  <c r="D40" i="21"/>
  <c r="W40" i="21" l="1"/>
  <c r="V40" i="21"/>
  <c r="Y40" i="21"/>
  <c r="M40" i="21"/>
  <c r="N40" i="21"/>
  <c r="Q40" i="21"/>
  <c r="T40" i="21"/>
  <c r="H40" i="21"/>
  <c r="AA40" i="21"/>
  <c r="P40" i="21"/>
  <c r="Z40" i="21"/>
  <c r="O40" i="21"/>
  <c r="S40" i="21"/>
  <c r="C38" i="21"/>
  <c r="D39" i="21"/>
  <c r="W39" i="21" l="1"/>
  <c r="V39" i="21"/>
  <c r="Y39" i="21"/>
  <c r="N39" i="21"/>
  <c r="P39" i="21"/>
  <c r="AA39" i="21"/>
  <c r="Z39" i="21"/>
  <c r="H39" i="21"/>
  <c r="O39" i="21"/>
  <c r="C37" i="21"/>
  <c r="D38" i="21"/>
  <c r="C36" i="21" l="1"/>
  <c r="D37" i="21"/>
  <c r="W38" i="21"/>
  <c r="V38" i="21"/>
  <c r="J38" i="21"/>
  <c r="M38" i="21"/>
  <c r="AA38" i="21"/>
  <c r="Z38" i="21"/>
  <c r="N38" i="21"/>
  <c r="Q38" i="21"/>
  <c r="P38" i="21"/>
  <c r="H38" i="21"/>
  <c r="T38" i="21"/>
  <c r="U38" i="21"/>
  <c r="C35" i="21" l="1"/>
  <c r="D35" i="21" s="1"/>
  <c r="D36" i="21"/>
  <c r="K37" i="21"/>
  <c r="W37" i="21"/>
  <c r="M37" i="21"/>
  <c r="Z37" i="21"/>
  <c r="V37" i="21"/>
  <c r="J37" i="21"/>
  <c r="AA37" i="21"/>
  <c r="T37" i="21"/>
  <c r="H37" i="21"/>
  <c r="N37" i="21"/>
  <c r="Q37" i="21"/>
  <c r="U37" i="21"/>
  <c r="P37" i="21"/>
  <c r="K36" i="21" l="1"/>
  <c r="W36" i="21"/>
  <c r="J36" i="21"/>
  <c r="X36" i="21"/>
  <c r="M36" i="21"/>
  <c r="V36" i="21"/>
  <c r="T36" i="21"/>
  <c r="U36" i="21"/>
  <c r="AA36" i="21"/>
  <c r="Z36" i="21"/>
  <c r="H36" i="21"/>
  <c r="Q36" i="21"/>
  <c r="N36" i="21"/>
  <c r="P36" i="21"/>
  <c r="O36" i="21"/>
  <c r="U35" i="21"/>
  <c r="K35" i="21"/>
  <c r="W35" i="21"/>
  <c r="J35" i="21"/>
  <c r="V35" i="21"/>
  <c r="X35" i="21"/>
  <c r="N35" i="21"/>
  <c r="T35" i="21"/>
  <c r="Q35" i="21"/>
  <c r="P35" i="21"/>
  <c r="O35" i="21"/>
  <c r="AA35" i="21"/>
  <c r="H35" i="21"/>
  <c r="M35" i="21"/>
  <c r="F29" i="5" l="1"/>
  <c r="E29" i="5"/>
  <c r="D29" i="5"/>
  <c r="D27" i="3"/>
  <c r="F30" i="5" l="1"/>
  <c r="C28" i="5"/>
  <c r="G29" i="5"/>
  <c r="C29" i="5"/>
  <c r="D30" i="5" s="1"/>
  <c r="D28" i="5"/>
  <c r="E28" i="5"/>
  <c r="F28" i="5"/>
  <c r="D31" i="4"/>
  <c r="F31" i="4"/>
  <c r="G30" i="5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icrosoft Office User</author>
  </authors>
  <commentList>
    <comment ref="P39" authorId="0" shapeId="0" xr:uid="{B47ED9E5-53B5-3943-A48C-605F9294E8EB}">
      <text>
        <r>
          <rPr>
            <b/>
            <sz val="10"/>
            <color rgb="FF000000"/>
            <rFont val="Tahoma"/>
            <family val="2"/>
          </rPr>
          <t>Microsoft Office User:</t>
        </r>
        <r>
          <rPr>
            <sz val="10"/>
            <color rgb="FF000000"/>
            <rFont val="Tahoma"/>
            <family val="2"/>
          </rPr>
          <t xml:space="preserve">
</t>
        </r>
        <r>
          <rPr>
            <sz val="10"/>
            <color rgb="FF000000"/>
            <rFont val="Tahoma"/>
            <family val="2"/>
          </rPr>
          <t>650.1 GW WAS CORRECTED IN 2020 REPORT TO 679.3 GW</t>
        </r>
      </text>
    </comment>
    <comment ref="P40" authorId="0" shapeId="0" xr:uid="{8091FEDE-F3B9-784C-B338-52252D9A17FF}">
      <text>
        <r>
          <rPr>
            <b/>
            <sz val="10"/>
            <color rgb="FF000000"/>
            <rFont val="Tahoma"/>
            <family val="2"/>
          </rPr>
          <t>Microsoft Office User:</t>
        </r>
        <r>
          <rPr>
            <sz val="10"/>
            <color rgb="FF000000"/>
            <rFont val="Tahoma"/>
            <family val="2"/>
          </rPr>
          <t xml:space="preserve">
</t>
        </r>
        <r>
          <rPr>
            <sz val="10"/>
            <color rgb="FF000000"/>
            <rFont val="Tahoma"/>
            <family val="2"/>
          </rPr>
          <t>621 GW WAS CORRECTED IN 2020 REPORT TO 650,1 GW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Rissanen Simo</author>
  </authors>
  <commentList>
    <comment ref="S184" authorId="0" shapeId="0" xr:uid="{00000000-0006-0000-1400-000002000000}">
      <text>
        <r>
          <rPr>
            <b/>
            <sz val="9"/>
            <color indexed="81"/>
            <rFont val="Tahoma"/>
            <family val="2"/>
          </rPr>
          <t>Rissanen Simo:</t>
        </r>
        <r>
          <rPr>
            <sz val="9"/>
            <color indexed="81"/>
            <rFont val="Tahoma"/>
            <family val="2"/>
          </rPr>
          <t xml:space="preserve">
exco report, 2844</t>
        </r>
      </text>
    </comment>
    <comment ref="S219" authorId="0" shapeId="0" xr:uid="{00000000-0006-0000-1400-000003000000}">
      <text>
        <r>
          <rPr>
            <b/>
            <sz val="9"/>
            <color indexed="81"/>
            <rFont val="Tahoma"/>
            <family val="2"/>
          </rPr>
          <t>Rissanen Simo:</t>
        </r>
        <r>
          <rPr>
            <sz val="9"/>
            <color indexed="81"/>
            <rFont val="Tahoma"/>
            <family val="2"/>
          </rPr>
          <t xml:space="preserve">
exco report, 2844</t>
        </r>
      </text>
    </comment>
  </commentList>
</comments>
</file>

<file path=xl/sharedStrings.xml><?xml version="1.0" encoding="utf-8"?>
<sst xmlns="http://schemas.openxmlformats.org/spreadsheetml/2006/main" count="1469" uniqueCount="286">
  <si>
    <t>Austria</t>
  </si>
  <si>
    <t>Belgium</t>
  </si>
  <si>
    <t>Canada</t>
  </si>
  <si>
    <t>China</t>
  </si>
  <si>
    <t>Denmark</t>
  </si>
  <si>
    <t>Finland</t>
  </si>
  <si>
    <t>France</t>
  </si>
  <si>
    <t>Germany</t>
  </si>
  <si>
    <t>India</t>
  </si>
  <si>
    <t>Ireland</t>
  </si>
  <si>
    <t>Italy</t>
  </si>
  <si>
    <t>Japan</t>
  </si>
  <si>
    <t>Korea</t>
  </si>
  <si>
    <t>Mexico</t>
  </si>
  <si>
    <t>Netherlands</t>
  </si>
  <si>
    <t>Norway</t>
  </si>
  <si>
    <t>Portugal</t>
  </si>
  <si>
    <t>Spain</t>
  </si>
  <si>
    <t>Sweden</t>
  </si>
  <si>
    <t>Switzerland</t>
  </si>
  <si>
    <t>UK</t>
  </si>
  <si>
    <t>USA</t>
  </si>
  <si>
    <t>Greece</t>
  </si>
  <si>
    <t/>
  </si>
  <si>
    <t>Table 3. National Statistics of the IEA Wind Member Countries 2022</t>
  </si>
  <si>
    <t>Country</t>
  </si>
  <si>
    <t>Total Installed Wind Power Capacity (GW)</t>
  </si>
  <si>
    <t>Annual Net Increase in Capacity (MW)</t>
  </si>
  <si>
    <t>Wind-based Electrical Energy (TWh)</t>
  </si>
  <si>
    <t>National Demand on Electrical Energy (TWh)</t>
  </si>
  <si>
    <t>National Electricity Demand Met by Wind Energy (%)</t>
  </si>
  <si>
    <t>México</t>
  </si>
  <si>
    <t>United Kingdom</t>
  </si>
  <si>
    <t>United States</t>
  </si>
  <si>
    <t>Totals</t>
  </si>
  <si>
    <t>Non-IEA Wind TCP countries</t>
  </si>
  <si>
    <t>World total</t>
  </si>
  <si>
    <t>onshore</t>
  </si>
  <si>
    <t>MW</t>
  </si>
  <si>
    <t>offshore</t>
  </si>
  <si>
    <t>total</t>
  </si>
  <si>
    <t>added</t>
  </si>
  <si>
    <t>Increase in Cumulative Capacity</t>
  </si>
  <si>
    <t>%</t>
  </si>
  <si>
    <r>
      <t>kW/km</t>
    </r>
    <r>
      <rPr>
        <b/>
        <vertAlign val="superscript"/>
        <sz val="9"/>
        <color rgb="FF000000"/>
        <rFont val="Arial"/>
        <family val="2"/>
      </rPr>
      <t>2</t>
    </r>
  </si>
  <si>
    <t>kW</t>
  </si>
  <si>
    <t xml:space="preserve">Planning </t>
  </si>
  <si>
    <t xml:space="preserve">Under </t>
  </si>
  <si>
    <t>Total (MW)</t>
  </si>
  <si>
    <t>Land-based</t>
  </si>
  <si>
    <t>Offshore</t>
  </si>
  <si>
    <t xml:space="preserve">Canada </t>
  </si>
  <si>
    <t xml:space="preserve">Denmark </t>
  </si>
  <si>
    <t xml:space="preserve">Germany </t>
  </si>
  <si>
    <t>--- = no data available</t>
  </si>
  <si>
    <r>
      <t xml:space="preserve">a </t>
    </r>
    <r>
      <rPr>
        <sz val="9"/>
        <color rgb="FF000000"/>
        <rFont val="Arial"/>
        <family val="2"/>
      </rPr>
      <t>Projects have been approved by all planning bodies</t>
    </r>
  </si>
  <si>
    <r>
      <t xml:space="preserve">b </t>
    </r>
    <r>
      <rPr>
        <sz val="9"/>
        <color rgb="FF000000"/>
        <rFont val="Arial"/>
        <family val="2"/>
      </rPr>
      <t>Physical work has begun on the projects</t>
    </r>
  </si>
  <si>
    <t>---</t>
  </si>
  <si>
    <t>Estimated Number of Jobs</t>
  </si>
  <si>
    <t>Austria*</t>
  </si>
  <si>
    <t>Korea**</t>
  </si>
  <si>
    <t>Total</t>
  </si>
  <si>
    <t>*Austria value of exports</t>
  </si>
  <si>
    <t>**Korea domestic manufacture only</t>
  </si>
  <si>
    <r>
      <t>a</t>
    </r>
    <r>
      <rPr>
        <sz val="9"/>
        <color rgb="FF000000"/>
        <rFont val="Arial"/>
        <family val="2"/>
      </rPr>
      <t xml:space="preserve"> Applicable conversion rate EUR to USD: 1.076</t>
    </r>
  </si>
  <si>
    <t>Capacity (MW)</t>
  </si>
  <si>
    <r>
      <t>Economic Impact (million USD</t>
    </r>
    <r>
      <rPr>
        <b/>
        <vertAlign val="superscript"/>
        <sz val="9"/>
        <color rgb="FF000000"/>
        <rFont val="Arial"/>
        <family val="2"/>
      </rPr>
      <t>a</t>
    </r>
    <r>
      <rPr>
        <b/>
        <sz val="9"/>
        <color rgb="FF000000"/>
        <rFont val="Arial"/>
        <family val="2"/>
      </rPr>
      <t>)</t>
    </r>
  </si>
  <si>
    <t xml:space="preserve">2010 Budget </t>
  </si>
  <si>
    <t xml:space="preserve">2011 Budget </t>
  </si>
  <si>
    <t xml:space="preserve">2012 Budget </t>
  </si>
  <si>
    <t xml:space="preserve">2013 Budget </t>
  </si>
  <si>
    <t xml:space="preserve">2014 Budget </t>
  </si>
  <si>
    <t xml:space="preserve">2015 Budget </t>
  </si>
  <si>
    <t>2016 Budget</t>
  </si>
  <si>
    <t>2017 Budget</t>
  </si>
  <si>
    <t>2018 Budget</t>
  </si>
  <si>
    <t>2019 Budget</t>
  </si>
  <si>
    <t>2020 Budget</t>
  </si>
  <si>
    <t>2021 Budget</t>
  </si>
  <si>
    <t>2022 Budget</t>
  </si>
  <si>
    <t>million USD</t>
  </si>
  <si>
    <t>--- </t>
  </si>
  <si>
    <t xml:space="preserve">European Commission </t>
  </si>
  <si>
    <t>euros converted</t>
  </si>
  <si>
    <t>last years number</t>
  </si>
  <si>
    <t>--- indicates no data available</t>
  </si>
  <si>
    <t>Currency is expressed in year of budget. It is not adjusted to present value</t>
  </si>
  <si>
    <r>
      <t xml:space="preserve">a </t>
    </r>
    <r>
      <rPr>
        <sz val="9"/>
        <color rgb="FF000000"/>
        <rFont val="Arial"/>
        <family val="2"/>
      </rPr>
      <t>Projects supported by public funds</t>
    </r>
  </si>
  <si>
    <r>
      <rPr>
        <b/>
        <i/>
        <sz val="11"/>
        <color theme="1"/>
        <rFont val="Calibri"/>
        <family val="2"/>
        <scheme val="minor"/>
      </rPr>
      <t>Bold italic</t>
    </r>
    <r>
      <rPr>
        <sz val="11"/>
        <color theme="1"/>
        <rFont val="Calibri"/>
        <family val="2"/>
        <scheme val="minor"/>
      </rPr>
      <t xml:space="preserve"> indicates estimates</t>
    </r>
  </si>
  <si>
    <t>Annual Generation, IEA WIND (TWh)</t>
  </si>
  <si>
    <t>Capacity at start of year, IEA WIND (GW)</t>
  </si>
  <si>
    <t>Total Capacity (GW)</t>
  </si>
  <si>
    <t>Annual new capacity, IEA WIND (GW)</t>
  </si>
  <si>
    <t>share before 2020 without India</t>
  </si>
  <si>
    <t>Global capacity, GWEC (GW)</t>
  </si>
  <si>
    <t>Global capacity, GWEC land-based  (GW)</t>
  </si>
  <si>
    <t>Global capacity, GWEC offshore  (GW)</t>
  </si>
  <si>
    <t>Offshore Wind Power Capacity in IEA Wind Member Countries 2011-2022 (MW)</t>
  </si>
  <si>
    <t>2011 Capacity (MW)</t>
  </si>
  <si>
    <t>2012 Capacity (MW)</t>
  </si>
  <si>
    <t>2013 Capacity (MW)</t>
  </si>
  <si>
    <t>2014 Capacity (MW)</t>
  </si>
  <si>
    <t>2015 Capacity (MW)</t>
  </si>
  <si>
    <t>2016 Capacity (MW)</t>
  </si>
  <si>
    <t>2017 Capacity (MW)</t>
  </si>
  <si>
    <t>2018 Capacity (MW)</t>
  </si>
  <si>
    <t>2019 Capacity (MW)</t>
  </si>
  <si>
    <t>2020 Capacity (MW)</t>
  </si>
  <si>
    <t>2021 Capacity (MW)</t>
  </si>
  <si>
    <t>2022 Capacity (MW)</t>
  </si>
  <si>
    <t>2011 Capacity (GW)</t>
  </si>
  <si>
    <t>2012 Capacity (GW)</t>
  </si>
  <si>
    <t>2013 Capacity (GW)</t>
  </si>
  <si>
    <t>2014 Capacity (GW)</t>
  </si>
  <si>
    <t>2015 Capacity (GW)</t>
  </si>
  <si>
    <t>2016 Capacity (GW)</t>
  </si>
  <si>
    <t>2017 Capacity (GW)</t>
  </si>
  <si>
    <t>2018 Capacity (GW)</t>
  </si>
  <si>
    <t>2019 Capacity (GW)</t>
  </si>
  <si>
    <t>2020 Capacity (GW)</t>
  </si>
  <si>
    <t>2021 Capacity (GW)</t>
  </si>
  <si>
    <t>2022 Capacity (GW)</t>
  </si>
  <si>
    <t>Other</t>
  </si>
  <si>
    <t>Offshore Wind Power Capacity in IEA Wind Member Countries 2011-2022 (GW)</t>
  </si>
  <si>
    <t>Total of IEA Wind Countries</t>
  </si>
  <si>
    <t>Sum of all wind generation divided by sum of all electricity demand</t>
  </si>
  <si>
    <t>average share</t>
  </si>
  <si>
    <t>Ranking 2022 by wind share</t>
  </si>
  <si>
    <t>min</t>
  </si>
  <si>
    <t>max</t>
  </si>
  <si>
    <t>ave</t>
  </si>
  <si>
    <t>not weighted average, just county by country average</t>
  </si>
  <si>
    <t>increase in ave</t>
  </si>
  <si>
    <t>10 years sliding ave increase</t>
  </si>
  <si>
    <t>2003 Arklow 3.6 MW turbines total 25 MW</t>
  </si>
  <si>
    <t>2009 2.3 MW Hywind</t>
  </si>
  <si>
    <t>weighted average</t>
  </si>
  <si>
    <t>Spain 2007 5 MW not included</t>
  </si>
  <si>
    <t>Norway 2021 3.6 MW not included</t>
  </si>
  <si>
    <t>Belgium land-based</t>
  </si>
  <si>
    <t>Belgium offshore</t>
  </si>
  <si>
    <t>Belgium all</t>
  </si>
  <si>
    <t>China all</t>
  </si>
  <si>
    <t>China land-based</t>
  </si>
  <si>
    <t>China offshore</t>
  </si>
  <si>
    <t>Denmark all</t>
  </si>
  <si>
    <t>Denmark land-based</t>
  </si>
  <si>
    <t>Denmark offshore</t>
  </si>
  <si>
    <t>Germany land-based</t>
  </si>
  <si>
    <t>Germany offshore</t>
  </si>
  <si>
    <t>Germany all</t>
  </si>
  <si>
    <t>Ireland kand.based</t>
  </si>
  <si>
    <t>Ireland offshore</t>
  </si>
  <si>
    <t>Netherlands land-based</t>
  </si>
  <si>
    <t>Netherlands offshore</t>
  </si>
  <si>
    <t>Netherlands all</t>
  </si>
  <si>
    <t>Sweden land-based</t>
  </si>
  <si>
    <t>Sweden offshore</t>
  </si>
  <si>
    <t>United Kingdom land-based</t>
  </si>
  <si>
    <t>United Kingdom offshore</t>
  </si>
  <si>
    <t>United Kingdom all</t>
  </si>
  <si>
    <t>United States all</t>
  </si>
  <si>
    <t>United States offshore</t>
  </si>
  <si>
    <t>United States land-based</t>
  </si>
  <si>
    <t>Average</t>
  </si>
  <si>
    <t>Average land-based and offshore</t>
  </si>
  <si>
    <t>Average of land-based</t>
  </si>
  <si>
    <t>Average of offshore</t>
  </si>
  <si>
    <t>min land</t>
  </si>
  <si>
    <t>max land</t>
  </si>
  <si>
    <t>min offshore</t>
  </si>
  <si>
    <t>OFFSHORE</t>
  </si>
  <si>
    <t>2022: DK, UK, US &gt;40% cap factor</t>
  </si>
  <si>
    <t>2021: DK &gt;40% cap factor</t>
  </si>
  <si>
    <t>China 2021 offshore datapoint has been removed, would need data from turbines operating all year, so much added in 2021 that the number is not correct (20%)</t>
  </si>
  <si>
    <t>2020:UK offshore fleet &gt;45% cap factor</t>
  </si>
  <si>
    <t>2020: DK, BE, DE &gt;40% cap factor</t>
  </si>
  <si>
    <t>NL 2020 offshore datapoint has been removed, would need data from turbines operating all year, so much added in 2020 that the number is not correct (33%)</t>
  </si>
  <si>
    <t>NOTE: countries that have offshore but only report total generation, will end up calculating land-based wrong (France, Finland, Portugal, Japan).
Reported (for turbines operating the full year only) used where available, for others calculated assuming half of the new capacity generating in 2022</t>
  </si>
  <si>
    <t>LAND-BASED</t>
  </si>
  <si>
    <t>2022: NO, FI, US, CAN &gt;30% cap factor</t>
  </si>
  <si>
    <t>US</t>
  </si>
  <si>
    <t>Table 1</t>
  </si>
  <si>
    <t>Table 2</t>
  </si>
  <si>
    <t>Table 3</t>
  </si>
  <si>
    <t>Table 4</t>
  </si>
  <si>
    <t>Table 5</t>
  </si>
  <si>
    <t>Figure 1</t>
  </si>
  <si>
    <t>Annual net, new, and cumulative wind power capacity and electricity production for member countries</t>
  </si>
  <si>
    <t>Figure 2</t>
  </si>
  <si>
    <t>The evolution of offshore wind power installed capacity</t>
  </si>
  <si>
    <t>Figure 3</t>
  </si>
  <si>
    <t>National electricity demand met by wind-generated electricity</t>
  </si>
  <si>
    <t>Figure 4</t>
  </si>
  <si>
    <t>Average size of newly installed wind turbines</t>
  </si>
  <si>
    <t>Figure 5</t>
  </si>
  <si>
    <t xml:space="preserve">Average wind power output (capacity factor) by country for offshore and land-based wind power </t>
  </si>
  <si>
    <t>Figure 6</t>
  </si>
  <si>
    <t>Land-based wind power project cost history from reporting IEA Wind TCP countries.</t>
  </si>
  <si>
    <t>Auctions for guaranteed price</t>
  </si>
  <si>
    <t>No</t>
  </si>
  <si>
    <t>Yes</t>
  </si>
  <si>
    <t>Auctions for premium</t>
  </si>
  <si>
    <t>Capital subsidies</t>
  </si>
  <si>
    <t xml:space="preserve">Feed-in tariff (FIT) </t>
  </si>
  <si>
    <t>Variable premium over market price</t>
  </si>
  <si>
    <t>Fixed premium over the market price</t>
  </si>
  <si>
    <t>Income tax credits</t>
  </si>
  <si>
    <t>Relief from import tax</t>
  </si>
  <si>
    <t>Renewable portfolio standards (RPS), renewables production obligation (RPO), or renewables obligation (RO)</t>
  </si>
  <si>
    <t>Green certificates</t>
  </si>
  <si>
    <t>Green electricity schemes</t>
  </si>
  <si>
    <t>Carbon tax</t>
  </si>
  <si>
    <t>Investment funds for wind energy</t>
  </si>
  <si>
    <t>Spatial planning activities</t>
  </si>
  <si>
    <t>Special incentives for small wind</t>
  </si>
  <si>
    <t>Notes for 2022</t>
  </si>
  <si>
    <t>TO CONTENTS</t>
  </si>
  <si>
    <t>Other (&lt; 200 MW)</t>
  </si>
  <si>
    <t>year</t>
  </si>
  <si>
    <t>Fig label</t>
  </si>
  <si>
    <t>all</t>
  </si>
  <si>
    <t>max offshore</t>
  </si>
  <si>
    <t>land-based</t>
  </si>
  <si>
    <t>TREND OF AVERAGE CAPACITY FACTORS</t>
  </si>
  <si>
    <t>reduction from highest year 2011</t>
  </si>
  <si>
    <t>ave euros</t>
  </si>
  <si>
    <t>reduction %</t>
  </si>
  <si>
    <t xml:space="preserve">table for EUR to USD conversion </t>
  </si>
  <si>
    <t>landbased project cost based on year</t>
  </si>
  <si>
    <t>original data reported</t>
  </si>
  <si>
    <t>Multiplier</t>
  </si>
  <si>
    <t>Value of current day Euro</t>
  </si>
  <si>
    <t>Average inflation rate (HICP)</t>
  </si>
  <si>
    <t>x-axis</t>
  </si>
  <si>
    <t>European</t>
  </si>
  <si>
    <t>x-axis for countries not reporting in recent years</t>
  </si>
  <si>
    <t>Table 6</t>
  </si>
  <si>
    <t>Statisctics from Global Wind Energy Council</t>
  </si>
  <si>
    <r>
      <rPr>
        <sz val="9"/>
        <color rgb="FF000000"/>
        <rFont val="Arial"/>
        <family val="2"/>
      </rPr>
      <t>Note:</t>
    </r>
    <r>
      <rPr>
        <b/>
        <i/>
        <sz val="9"/>
        <color rgb="FF000000"/>
        <rFont val="Arial"/>
        <family val="2"/>
      </rPr>
      <t xml:space="preserve"> Bold italic</t>
    </r>
    <r>
      <rPr>
        <sz val="9"/>
        <color rgb="FF000000"/>
        <rFont val="Arial"/>
        <family val="2"/>
      </rPr>
      <t xml:space="preserve"> indicates estimates</t>
    </r>
  </si>
  <si>
    <t>Average capacity new land based turbines</t>
  </si>
  <si>
    <t>Capacity relative to country size</t>
  </si>
  <si>
    <t>New Capacity in 2022</t>
  </si>
  <si>
    <t>Cumulative Capacity (end of 2022)</t>
  </si>
  <si>
    <t>Capacity per capita</t>
  </si>
  <si>
    <t>Average capacity (all turbines)</t>
  </si>
  <si>
    <t>New Capacity in 2021</t>
  </si>
  <si>
    <t>Average capacity factor*</t>
  </si>
  <si>
    <r>
      <t>Approval</t>
    </r>
    <r>
      <rPr>
        <b/>
        <vertAlign val="superscript"/>
        <sz val="9"/>
        <color rgb="FF000000"/>
        <rFont val="Arial"/>
        <family val="2"/>
      </rPr>
      <t xml:space="preserve">a </t>
    </r>
    <r>
      <rPr>
        <b/>
        <sz val="9"/>
        <color rgb="FF000000"/>
        <rFont val="Arial"/>
        <family val="2"/>
      </rPr>
      <t>(MW)</t>
    </r>
  </si>
  <si>
    <r>
      <t>Construction</t>
    </r>
    <r>
      <rPr>
        <b/>
        <vertAlign val="superscript"/>
        <sz val="9"/>
        <color rgb="FF000000"/>
        <rFont val="Arial"/>
        <family val="2"/>
      </rPr>
      <t xml:space="preserve">b  </t>
    </r>
    <r>
      <rPr>
        <b/>
        <sz val="9"/>
        <color rgb="FF000000"/>
        <rFont val="Arial"/>
        <family val="2"/>
      </rPr>
      <t>(MW)</t>
    </r>
  </si>
  <si>
    <t>Number of countries reporting</t>
  </si>
  <si>
    <t>Sum (MW)</t>
  </si>
  <si>
    <t>Total on&amp;offshore (MW)</t>
  </si>
  <si>
    <t>NOTE: some countries report previous year numbers. Economic benefit not comparable for all countries.</t>
  </si>
  <si>
    <t>Table 4. Capacity in Relation to Estimated Jobs and Economic Impact 2022</t>
  </si>
  <si>
    <t>Table 5. National R&amp;D Budgets for Reporting Countries, 2010–2021</t>
  </si>
  <si>
    <t>EUR/USD conversion rates</t>
  </si>
  <si>
    <t>Table 6. Subsidies and incentive programmes</t>
  </si>
  <si>
    <t>Note: Year indictates the year the information was last updated</t>
  </si>
  <si>
    <t>Global Wind Energy Council (GWEC)</t>
  </si>
  <si>
    <t>IEA wind member countries, total</t>
  </si>
  <si>
    <t>Share</t>
  </si>
  <si>
    <t>Number of countries &gt;10%</t>
  </si>
  <si>
    <t>Number of countries &gt;20%</t>
  </si>
  <si>
    <t xml:space="preserve">Average offshore turbine size per country </t>
  </si>
  <si>
    <t>Average size of new turbines (land based plus offshore)</t>
  </si>
  <si>
    <t>ON &amp; OFFSHORE</t>
  </si>
  <si>
    <t>Reported Average Capacity Factors 2011-2022 (%)</t>
  </si>
  <si>
    <t>EUR</t>
  </si>
  <si>
    <t>EUR to USD conversation rate</t>
  </si>
  <si>
    <t>Note: Korea reported same cost for all years, therefore not included in the graph. Different values in the table due to inflation adjustment</t>
  </si>
  <si>
    <t>*references for average inflation rates</t>
  </si>
  <si>
    <t>Incentive programmes for wind energy projects</t>
  </si>
  <si>
    <t>IEA WIND TCP Annual report 2022 Executive summary data, tables and figures</t>
  </si>
  <si>
    <t>Wind Power Capacity Rankings: Capacity,  % Increase, Relative to Country Size, Average size of turbines and Average capacity factor</t>
  </si>
  <si>
    <t>Capacity in Relation to Estimated Jobs and Economic Impact 2022</t>
  </si>
  <si>
    <t>National Statistics of the IEA Wind Member Countries 2022</t>
  </si>
  <si>
    <t>National R&amp;D Budgets for Reporting Countries, 2010–2022</t>
  </si>
  <si>
    <t xml:space="preserve">Potential Capacity Increases Beyond 2022 in Reporting Member Countries </t>
  </si>
  <si>
    <t>Note: some cells are empty because not all countries have reported their numbers-
*some have also offshore included</t>
  </si>
  <si>
    <t xml:space="preserve">Table 3. Potential Capacity Increases Beyond 2022 in Reporting Member Countries </t>
  </si>
  <si>
    <r>
      <t>Table 2a. Top Ten Wind Power Capacity Rankings 2022:  Capacity,  % Increase, Relative to Country Size,</t>
    </r>
    <r>
      <rPr>
        <b/>
        <sz val="10"/>
        <color theme="1"/>
        <rFont val="Calibri"/>
        <family val="2"/>
        <scheme val="minor"/>
      </rPr>
      <t xml:space="preserve"> Average size of turbines and Average capacity factor</t>
    </r>
  </si>
  <si>
    <r>
      <t>Table 2b. Top Ten Wind Power Capacity Rankings 2021:  Capacity,  % Increase, Relative to Country Size,</t>
    </r>
    <r>
      <rPr>
        <b/>
        <sz val="10"/>
        <color theme="1"/>
        <rFont val="Calibri"/>
        <family val="2"/>
        <scheme val="minor"/>
      </rPr>
      <t xml:space="preserve"> Average size of turbines and Average capacity factor</t>
    </r>
  </si>
  <si>
    <r>
      <t>Denmark</t>
    </r>
    <r>
      <rPr>
        <b/>
        <vertAlign val="superscript"/>
        <sz val="9"/>
        <color rgb="FF000000"/>
        <rFont val="Arial"/>
        <family val="2"/>
      </rPr>
      <t>a</t>
    </r>
  </si>
  <si>
    <t xml:space="preserve">Note: 2020 Total includes India 60 TWh (4%).
2021 Total with India 2020 numbers is 8,4%.
2022 Total with India 69TWh
</t>
  </si>
  <si>
    <t>Inflation-adjusted costs for land-based projects (USD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164" formatCode="_-* #,##0.00_-;\-* #,##0.00_-;_-* &quot;-&quot;??_-;_-@_-"/>
    <numFmt numFmtId="165" formatCode="0.0\ %"/>
    <numFmt numFmtId="166" formatCode="0.0"/>
    <numFmt numFmtId="167" formatCode="#,##0.0"/>
    <numFmt numFmtId="168" formatCode="_-* #,##0.0_-;\-* #,##0.0_-;_-* &quot;-&quot;??_-;_-@_-"/>
    <numFmt numFmtId="169" formatCode="_(* #,##0.00_);_(* \(#,##0.00\);_(* &quot;-&quot;??_);_(@_)"/>
    <numFmt numFmtId="170" formatCode="0.0000"/>
    <numFmt numFmtId="171" formatCode="0.00000"/>
    <numFmt numFmtId="172" formatCode="0.000"/>
  </numFmts>
  <fonts count="5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name val="Arial"/>
      <family val="2"/>
    </font>
    <font>
      <b/>
      <sz val="10"/>
      <color theme="1"/>
      <name val="Arial"/>
      <family val="2"/>
    </font>
    <font>
      <b/>
      <sz val="10"/>
      <color rgb="FFFF0000"/>
      <name val="Arial"/>
      <family val="2"/>
    </font>
    <font>
      <sz val="10"/>
      <name val="Arial"/>
      <family val="2"/>
    </font>
    <font>
      <sz val="10"/>
      <color theme="1"/>
      <name val="Arial"/>
      <family val="2"/>
    </font>
    <font>
      <sz val="10"/>
      <color rgb="FFFF0000"/>
      <name val="Arial"/>
      <family val="2"/>
    </font>
    <font>
      <b/>
      <sz val="9"/>
      <name val="Arial"/>
      <family val="2"/>
    </font>
    <font>
      <b/>
      <sz val="10"/>
      <color rgb="FF000000"/>
      <name val="Tahoma"/>
      <family val="2"/>
    </font>
    <font>
      <sz val="10"/>
      <color rgb="FF000000"/>
      <name val="Tahoma"/>
      <family val="2"/>
    </font>
    <font>
      <b/>
      <sz val="9"/>
      <color rgb="FF000000"/>
      <name val="Arial"/>
      <family val="2"/>
    </font>
    <font>
      <sz val="9"/>
      <color rgb="FF000000"/>
      <name val="Arial"/>
      <family val="2"/>
    </font>
    <font>
      <i/>
      <sz val="9"/>
      <color rgb="FF000000"/>
      <name val="Arial"/>
      <family val="2"/>
    </font>
    <font>
      <b/>
      <i/>
      <sz val="9"/>
      <color rgb="FF000000"/>
      <name val="Arial"/>
      <family val="2"/>
    </font>
    <font>
      <b/>
      <i/>
      <sz val="11"/>
      <color theme="1"/>
      <name val="Calibri"/>
      <family val="2"/>
      <scheme val="minor"/>
    </font>
    <font>
      <b/>
      <sz val="9"/>
      <color theme="1"/>
      <name val="Arial"/>
      <family val="2"/>
    </font>
    <font>
      <vertAlign val="superscript"/>
      <sz val="9"/>
      <color rgb="FF000000"/>
      <name val="Arial"/>
      <family val="2"/>
    </font>
    <font>
      <b/>
      <sz val="11"/>
      <color rgb="FF000000"/>
      <name val="Calibri"/>
      <family val="2"/>
    </font>
    <font>
      <sz val="11"/>
      <color rgb="FFFF0000"/>
      <name val="Calibri"/>
      <family val="2"/>
    </font>
    <font>
      <sz val="11"/>
      <color theme="1"/>
      <name val="Calibri"/>
      <family val="2"/>
    </font>
    <font>
      <sz val="11"/>
      <color rgb="FF000000"/>
      <name val="Calibri"/>
      <family val="2"/>
    </font>
    <font>
      <i/>
      <sz val="11"/>
      <color rgb="FF000000"/>
      <name val="Calibri"/>
      <family val="2"/>
    </font>
    <font>
      <b/>
      <i/>
      <sz val="11"/>
      <color rgb="FF000000"/>
      <name val="Calibri"/>
      <family val="2"/>
    </font>
    <font>
      <u/>
      <sz val="11"/>
      <color theme="10"/>
      <name val="Calibri"/>
      <family val="2"/>
      <scheme val="minor"/>
    </font>
    <font>
      <b/>
      <sz val="10"/>
      <color rgb="FF000000"/>
      <name val="Arial"/>
      <family val="2"/>
    </font>
    <font>
      <b/>
      <sz val="10"/>
      <color theme="1"/>
      <name val="Calibri"/>
      <family val="2"/>
      <scheme val="minor"/>
    </font>
    <font>
      <b/>
      <vertAlign val="superscript"/>
      <sz val="9"/>
      <color rgb="FF000000"/>
      <name val="Arial"/>
      <family val="2"/>
    </font>
    <font>
      <sz val="9"/>
      <color indexed="81"/>
      <name val="Tahoma"/>
      <family val="2"/>
    </font>
    <font>
      <sz val="11"/>
      <name val="Calibri"/>
      <family val="2"/>
    </font>
    <font>
      <sz val="10"/>
      <name val="Calibri"/>
      <family val="2"/>
      <scheme val="minor"/>
    </font>
    <font>
      <b/>
      <sz val="9"/>
      <color rgb="FF0054C9"/>
      <name val="Calibri"/>
      <family val="2"/>
      <scheme val="minor"/>
    </font>
    <font>
      <sz val="9"/>
      <color rgb="FF0054C9"/>
      <name val="Calibri"/>
      <family val="2"/>
      <scheme val="minor"/>
    </font>
    <font>
      <sz val="20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9"/>
      <name val="Arial"/>
      <family val="2"/>
    </font>
    <font>
      <sz val="11"/>
      <color indexed="8"/>
      <name val="Calibri"/>
      <family val="2"/>
    </font>
    <font>
      <b/>
      <sz val="11"/>
      <color rgb="FFFF0000"/>
      <name val="Calibri"/>
      <family val="2"/>
      <scheme val="minor"/>
    </font>
    <font>
      <sz val="11"/>
      <color rgb="FF222222"/>
      <name val="Arial"/>
      <family val="2"/>
    </font>
    <font>
      <sz val="11"/>
      <name val="Calibri"/>
      <family val="2"/>
      <scheme val="minor"/>
    </font>
    <font>
      <sz val="10"/>
      <color indexed="10"/>
      <name val="Arial"/>
      <family val="2"/>
    </font>
    <font>
      <b/>
      <sz val="9"/>
      <color indexed="81"/>
      <name val="Tahoma"/>
      <family val="2"/>
    </font>
    <font>
      <sz val="8"/>
      <name val="Arial"/>
      <family val="2"/>
    </font>
    <font>
      <sz val="10"/>
      <color indexed="50"/>
      <name val="Arial"/>
      <family val="2"/>
    </font>
    <font>
      <sz val="11"/>
      <color indexed="8"/>
      <name val="Calibri"/>
      <family val="2"/>
      <scheme val="minor"/>
    </font>
    <font>
      <b/>
      <sz val="1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1"/>
      <color theme="1"/>
      <name val="Calibri"/>
      <family val="2"/>
    </font>
    <font>
      <sz val="8"/>
      <color theme="1"/>
      <name val="Arial"/>
      <family val="2"/>
    </font>
  </fonts>
  <fills count="1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9BC2E6"/>
        <bgColor indexed="64"/>
      </patternFill>
    </fill>
    <fill>
      <patternFill patternType="solid">
        <fgColor rgb="FFBDD7EE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8" tint="0.59999389629810485"/>
        <bgColor indexed="64"/>
      </patternFill>
    </fill>
  </fills>
  <borders count="55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 style="medium">
        <color indexed="64"/>
      </left>
      <right style="medium">
        <color indexed="64"/>
      </right>
      <top style="medium">
        <color rgb="FF000000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8">
    <xf numFmtId="0" fontId="0" fillId="0" borderId="0"/>
    <xf numFmtId="16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26" fillId="0" borderId="0" applyNumberFormat="0" applyFill="0" applyBorder="0" applyAlignment="0" applyProtection="0"/>
    <xf numFmtId="0" fontId="7" fillId="0" borderId="0"/>
    <xf numFmtId="169" fontId="1" fillId="0" borderId="0" applyFont="0" applyFill="0" applyBorder="0" applyAlignment="0" applyProtection="0"/>
    <xf numFmtId="0" fontId="38" fillId="0" borderId="0"/>
    <xf numFmtId="9" fontId="7" fillId="0" borderId="0" applyFont="0" applyFill="0" applyBorder="0" applyAlignment="0" applyProtection="0"/>
  </cellStyleXfs>
  <cellXfs count="513">
    <xf numFmtId="0" fontId="0" fillId="0" borderId="0" xfId="0"/>
    <xf numFmtId="0" fontId="3" fillId="0" borderId="0" xfId="0" applyFont="1"/>
    <xf numFmtId="0" fontId="2" fillId="0" borderId="0" xfId="0" applyFont="1"/>
    <xf numFmtId="0" fontId="0" fillId="0" borderId="9" xfId="0" applyBorder="1"/>
    <xf numFmtId="10" fontId="2" fillId="0" borderId="0" xfId="0" applyNumberFormat="1" applyFont="1"/>
    <xf numFmtId="1" fontId="0" fillId="0" borderId="0" xfId="0" applyNumberFormat="1"/>
    <xf numFmtId="2" fontId="0" fillId="0" borderId="0" xfId="0" applyNumberFormat="1"/>
    <xf numFmtId="165" fontId="0" fillId="0" borderId="0" xfId="2" applyNumberFormat="1" applyFont="1"/>
    <xf numFmtId="0" fontId="3" fillId="0" borderId="0" xfId="0" applyFont="1" applyAlignment="1">
      <alignment horizontal="center"/>
    </xf>
    <xf numFmtId="0" fontId="13" fillId="4" borderId="9" xfId="0" applyFont="1" applyFill="1" applyBorder="1" applyAlignment="1">
      <alignment vertical="center"/>
    </xf>
    <xf numFmtId="0" fontId="13" fillId="4" borderId="28" xfId="0" applyFont="1" applyFill="1" applyBorder="1" applyAlignment="1">
      <alignment horizontal="center" vertical="center" wrapText="1"/>
    </xf>
    <xf numFmtId="0" fontId="14" fillId="0" borderId="9" xfId="0" applyFont="1" applyBorder="1" applyAlignment="1">
      <alignment vertical="center"/>
    </xf>
    <xf numFmtId="166" fontId="2" fillId="0" borderId="0" xfId="0" applyNumberFormat="1" applyFont="1"/>
    <xf numFmtId="165" fontId="2" fillId="0" borderId="0" xfId="2" applyNumberFormat="1" applyFont="1"/>
    <xf numFmtId="3" fontId="0" fillId="0" borderId="0" xfId="0" applyNumberFormat="1"/>
    <xf numFmtId="0" fontId="22" fillId="0" borderId="0" xfId="0" applyFont="1"/>
    <xf numFmtId="0" fontId="26" fillId="0" borderId="0" xfId="3"/>
    <xf numFmtId="0" fontId="13" fillId="0" borderId="28" xfId="0" applyFont="1" applyBorder="1" applyAlignment="1">
      <alignment horizontal="center" vertical="center"/>
    </xf>
    <xf numFmtId="0" fontId="13" fillId="0" borderId="28" xfId="0" applyFont="1" applyBorder="1" applyAlignment="1">
      <alignment horizontal="center" vertical="center" wrapText="1"/>
    </xf>
    <xf numFmtId="0" fontId="14" fillId="0" borderId="9" xfId="0" applyFont="1" applyBorder="1" applyAlignment="1">
      <alignment horizontal="right" vertical="center"/>
    </xf>
    <xf numFmtId="0" fontId="14" fillId="0" borderId="28" xfId="0" applyFont="1" applyBorder="1" applyAlignment="1">
      <alignment vertical="center"/>
    </xf>
    <xf numFmtId="3" fontId="14" fillId="0" borderId="28" xfId="0" applyNumberFormat="1" applyFont="1" applyBorder="1" applyAlignment="1">
      <alignment horizontal="right" vertical="center"/>
    </xf>
    <xf numFmtId="9" fontId="14" fillId="0" borderId="28" xfId="0" applyNumberFormat="1" applyFont="1" applyBorder="1" applyAlignment="1">
      <alignment horizontal="right" vertical="center"/>
    </xf>
    <xf numFmtId="1" fontId="14" fillId="0" borderId="28" xfId="0" applyNumberFormat="1" applyFont="1" applyBorder="1" applyAlignment="1">
      <alignment horizontal="right" vertical="center"/>
    </xf>
    <xf numFmtId="2" fontId="14" fillId="0" borderId="28" xfId="0" applyNumberFormat="1" applyFont="1" applyBorder="1" applyAlignment="1">
      <alignment horizontal="right" vertical="center"/>
    </xf>
    <xf numFmtId="9" fontId="14" fillId="0" borderId="28" xfId="2" applyFont="1" applyFill="1" applyBorder="1" applyAlignment="1">
      <alignment horizontal="right" vertical="center"/>
    </xf>
    <xf numFmtId="165" fontId="0" fillId="0" borderId="0" xfId="2" applyNumberFormat="1" applyFont="1" applyFill="1"/>
    <xf numFmtId="0" fontId="0" fillId="0" borderId="0" xfId="0" applyAlignment="1">
      <alignment wrapText="1"/>
    </xf>
    <xf numFmtId="0" fontId="0" fillId="0" borderId="23" xfId="0" applyBorder="1"/>
    <xf numFmtId="0" fontId="0" fillId="0" borderId="30" xfId="0" applyBorder="1"/>
    <xf numFmtId="0" fontId="0" fillId="0" borderId="13" xfId="0" applyBorder="1"/>
    <xf numFmtId="0" fontId="0" fillId="0" borderId="31" xfId="0" applyBorder="1"/>
    <xf numFmtId="0" fontId="14" fillId="0" borderId="0" xfId="0" applyFont="1" applyAlignment="1">
      <alignment vertical="center"/>
    </xf>
    <xf numFmtId="0" fontId="0" fillId="0" borderId="28" xfId="0" applyBorder="1"/>
    <xf numFmtId="0" fontId="20" fillId="0" borderId="0" xfId="0" applyFont="1"/>
    <xf numFmtId="2" fontId="22" fillId="0" borderId="0" xfId="0" applyNumberFormat="1" applyFont="1"/>
    <xf numFmtId="0" fontId="0" fillId="7" borderId="6" xfId="0" applyFill="1" applyBorder="1"/>
    <xf numFmtId="1" fontId="22" fillId="0" borderId="6" xfId="0" applyNumberFormat="1" applyFont="1" applyBorder="1"/>
    <xf numFmtId="0" fontId="7" fillId="0" borderId="0" xfId="0" applyFont="1"/>
    <xf numFmtId="166" fontId="22" fillId="0" borderId="0" xfId="0" applyNumberFormat="1" applyFont="1"/>
    <xf numFmtId="1" fontId="22" fillId="0" borderId="0" xfId="0" applyNumberFormat="1" applyFont="1"/>
    <xf numFmtId="0" fontId="0" fillId="0" borderId="6" xfId="0" applyBorder="1"/>
    <xf numFmtId="0" fontId="8" fillId="0" borderId="6" xfId="0" applyFont="1" applyBorder="1"/>
    <xf numFmtId="1" fontId="0" fillId="0" borderId="5" xfId="0" applyNumberFormat="1" applyBorder="1"/>
    <xf numFmtId="166" fontId="0" fillId="0" borderId="33" xfId="0" applyNumberFormat="1" applyBorder="1"/>
    <xf numFmtId="1" fontId="22" fillId="0" borderId="5" xfId="0" applyNumberFormat="1" applyFont="1" applyBorder="1"/>
    <xf numFmtId="1" fontId="0" fillId="0" borderId="18" xfId="0" applyNumberFormat="1" applyBorder="1"/>
    <xf numFmtId="0" fontId="0" fillId="0" borderId="14" xfId="0" applyBorder="1"/>
    <xf numFmtId="166" fontId="0" fillId="0" borderId="24" xfId="0" applyNumberFormat="1" applyBorder="1"/>
    <xf numFmtId="0" fontId="9" fillId="0" borderId="0" xfId="0" applyFont="1" applyAlignment="1">
      <alignment wrapText="1"/>
    </xf>
    <xf numFmtId="166" fontId="31" fillId="0" borderId="0" xfId="0" applyNumberFormat="1" applyFont="1"/>
    <xf numFmtId="1" fontId="0" fillId="0" borderId="17" xfId="0" applyNumberFormat="1" applyBorder="1"/>
    <xf numFmtId="0" fontId="0" fillId="0" borderId="3" xfId="0" applyBorder="1"/>
    <xf numFmtId="166" fontId="0" fillId="0" borderId="41" xfId="0" applyNumberFormat="1" applyBorder="1"/>
    <xf numFmtId="0" fontId="5" fillId="0" borderId="0" xfId="0" applyFont="1" applyAlignment="1">
      <alignment wrapText="1"/>
    </xf>
    <xf numFmtId="0" fontId="8" fillId="0" borderId="0" xfId="0" applyFont="1" applyAlignment="1">
      <alignment wrapText="1"/>
    </xf>
    <xf numFmtId="0" fontId="7" fillId="0" borderId="6" xfId="0" applyFont="1" applyBorder="1"/>
    <xf numFmtId="0" fontId="32" fillId="0" borderId="6" xfId="0" applyFont="1" applyBorder="1" applyAlignment="1">
      <alignment horizontal="center" vertical="center"/>
    </xf>
    <xf numFmtId="37" fontId="32" fillId="0" borderId="6" xfId="5" applyNumberFormat="1" applyFont="1" applyFill="1" applyBorder="1" applyAlignment="1">
      <alignment horizontal="center" vertical="center"/>
    </xf>
    <xf numFmtId="3" fontId="32" fillId="0" borderId="6" xfId="0" applyNumberFormat="1" applyFont="1" applyBorder="1" applyAlignment="1">
      <alignment horizontal="center" vertical="center" wrapText="1"/>
    </xf>
    <xf numFmtId="3" fontId="32" fillId="2" borderId="6" xfId="0" applyNumberFormat="1" applyFont="1" applyFill="1" applyBorder="1" applyAlignment="1">
      <alignment horizontal="center" vertical="center"/>
    </xf>
    <xf numFmtId="0" fontId="32" fillId="2" borderId="6" xfId="0" applyFont="1" applyFill="1" applyBorder="1" applyAlignment="1">
      <alignment horizontal="center" vertical="center"/>
    </xf>
    <xf numFmtId="2" fontId="32" fillId="0" borderId="6" xfId="0" applyNumberFormat="1" applyFont="1" applyBorder="1" applyAlignment="1">
      <alignment horizontal="center" vertical="center"/>
    </xf>
    <xf numFmtId="0" fontId="32" fillId="0" borderId="6" xfId="0" quotePrefix="1" applyFont="1" applyBorder="1" applyAlignment="1">
      <alignment horizontal="center" vertical="center" wrapText="1"/>
    </xf>
    <xf numFmtId="0" fontId="32" fillId="0" borderId="6" xfId="0" applyFont="1" applyBorder="1" applyAlignment="1">
      <alignment horizontal="center" vertical="center" wrapText="1"/>
    </xf>
    <xf numFmtId="1" fontId="7" fillId="0" borderId="0" xfId="0" applyNumberFormat="1" applyFont="1"/>
    <xf numFmtId="0" fontId="33" fillId="0" borderId="0" xfId="0" applyFont="1"/>
    <xf numFmtId="0" fontId="34" fillId="0" borderId="0" xfId="0" applyFont="1"/>
    <xf numFmtId="14" fontId="20" fillId="0" borderId="0" xfId="0" applyNumberFormat="1" applyFont="1"/>
    <xf numFmtId="0" fontId="23" fillId="0" borderId="0" xfId="0" applyFont="1"/>
    <xf numFmtId="0" fontId="22" fillId="0" borderId="5" xfId="0" applyFont="1" applyBorder="1"/>
    <xf numFmtId="0" fontId="0" fillId="0" borderId="1" xfId="0" applyBorder="1"/>
    <xf numFmtId="1" fontId="22" fillId="0" borderId="11" xfId="0" applyNumberFormat="1" applyFont="1" applyBorder="1"/>
    <xf numFmtId="0" fontId="35" fillId="0" borderId="0" xfId="0" applyFont="1"/>
    <xf numFmtId="0" fontId="39" fillId="0" borderId="0" xfId="0" applyFont="1"/>
    <xf numFmtId="0" fontId="0" fillId="0" borderId="0" xfId="0" applyFill="1"/>
    <xf numFmtId="0" fontId="2" fillId="0" borderId="0" xfId="0" applyFont="1" applyFill="1"/>
    <xf numFmtId="0" fontId="0" fillId="10" borderId="0" xfId="0" applyFill="1"/>
    <xf numFmtId="3" fontId="40" fillId="0" borderId="0" xfId="0" applyNumberFormat="1" applyFont="1"/>
    <xf numFmtId="166" fontId="0" fillId="0" borderId="0" xfId="2" applyNumberFormat="1" applyFont="1" applyBorder="1"/>
    <xf numFmtId="0" fontId="0" fillId="0" borderId="0" xfId="0" applyAlignment="1">
      <alignment horizontal="right"/>
    </xf>
    <xf numFmtId="166" fontId="37" fillId="2" borderId="0" xfId="0" applyNumberFormat="1" applyFont="1" applyFill="1" applyAlignment="1">
      <alignment horizontal="right" vertical="top"/>
    </xf>
    <xf numFmtId="0" fontId="3" fillId="0" borderId="0" xfId="0" applyFont="1" applyAlignment="1">
      <alignment wrapText="1"/>
    </xf>
    <xf numFmtId="0" fontId="4" fillId="0" borderId="0" xfId="0" applyFont="1"/>
    <xf numFmtId="0" fontId="37" fillId="2" borderId="0" xfId="0" applyFont="1" applyFill="1" applyAlignment="1">
      <alignment horizontal="left" vertical="top"/>
    </xf>
    <xf numFmtId="9" fontId="0" fillId="0" borderId="0" xfId="0" applyNumberFormat="1"/>
    <xf numFmtId="9" fontId="0" fillId="0" borderId="0" xfId="2" applyFont="1" applyBorder="1"/>
    <xf numFmtId="1" fontId="8" fillId="0" borderId="0" xfId="0" applyNumberFormat="1" applyFont="1"/>
    <xf numFmtId="3" fontId="32" fillId="0" borderId="6" xfId="0" applyNumberFormat="1" applyFont="1" applyBorder="1" applyAlignment="1">
      <alignment horizontal="center" vertical="center"/>
    </xf>
    <xf numFmtId="37" fontId="7" fillId="0" borderId="0" xfId="5" applyNumberFormat="1" applyFont="1" applyFill="1" applyBorder="1"/>
    <xf numFmtId="37" fontId="42" fillId="0" borderId="0" xfId="5" applyNumberFormat="1" applyFont="1" applyFill="1" applyBorder="1"/>
    <xf numFmtId="37" fontId="7" fillId="0" borderId="0" xfId="5" applyNumberFormat="1" applyFont="1" applyFill="1" applyBorder="1" applyAlignment="1">
      <alignment horizontal="right"/>
    </xf>
    <xf numFmtId="0" fontId="37" fillId="0" borderId="0" xfId="0" applyFont="1" applyAlignment="1">
      <alignment horizontal="left" vertical="top"/>
    </xf>
    <xf numFmtId="46" fontId="0" fillId="0" borderId="0" xfId="0" applyNumberFormat="1"/>
    <xf numFmtId="168" fontId="0" fillId="0" borderId="28" xfId="1" applyNumberFormat="1" applyFont="1" applyBorder="1"/>
    <xf numFmtId="168" fontId="0" fillId="0" borderId="13" xfId="1" applyNumberFormat="1" applyFont="1" applyBorder="1"/>
    <xf numFmtId="168" fontId="0" fillId="0" borderId="30" xfId="1" applyNumberFormat="1" applyFont="1" applyBorder="1"/>
    <xf numFmtId="168" fontId="0" fillId="0" borderId="23" xfId="1" applyNumberFormat="1" applyFont="1" applyBorder="1"/>
    <xf numFmtId="168" fontId="0" fillId="0" borderId="22" xfId="1" applyNumberFormat="1" applyFont="1" applyBorder="1"/>
    <xf numFmtId="168" fontId="0" fillId="0" borderId="31" xfId="1" applyNumberFormat="1" applyFont="1" applyBorder="1"/>
    <xf numFmtId="168" fontId="0" fillId="0" borderId="0" xfId="1" applyNumberFormat="1" applyFont="1" applyBorder="1"/>
    <xf numFmtId="168" fontId="0" fillId="0" borderId="20" xfId="1" applyNumberFormat="1" applyFont="1" applyBorder="1"/>
    <xf numFmtId="166" fontId="0" fillId="0" borderId="23" xfId="0" applyNumberFormat="1" applyBorder="1"/>
    <xf numFmtId="0" fontId="0" fillId="9" borderId="0" xfId="0" applyFill="1"/>
    <xf numFmtId="166" fontId="0" fillId="0" borderId="6" xfId="0" applyNumberFormat="1" applyBorder="1"/>
    <xf numFmtId="0" fontId="7" fillId="0" borderId="0" xfId="4"/>
    <xf numFmtId="165" fontId="7" fillId="0" borderId="0" xfId="2" applyNumberFormat="1" applyFont="1" applyBorder="1"/>
    <xf numFmtId="1" fontId="7" fillId="0" borderId="0" xfId="4" applyNumberFormat="1"/>
    <xf numFmtId="1" fontId="7" fillId="8" borderId="0" xfId="0" applyNumberFormat="1" applyFont="1" applyFill="1"/>
    <xf numFmtId="1" fontId="9" fillId="8" borderId="0" xfId="0" applyNumberFormat="1" applyFont="1" applyFill="1"/>
    <xf numFmtId="0" fontId="9" fillId="0" borderId="0" xfId="4" applyFont="1"/>
    <xf numFmtId="0" fontId="44" fillId="0" borderId="0" xfId="0" applyFont="1" applyAlignment="1">
      <alignment horizontal="right"/>
    </xf>
    <xf numFmtId="0" fontId="44" fillId="8" borderId="0" xfId="0" applyFont="1" applyFill="1" applyAlignment="1">
      <alignment horizontal="right"/>
    </xf>
    <xf numFmtId="0" fontId="44" fillId="8" borderId="0" xfId="0" applyFont="1" applyFill="1"/>
    <xf numFmtId="0" fontId="7" fillId="0" borderId="0" xfId="4" applyAlignment="1">
      <alignment vertical="top"/>
    </xf>
    <xf numFmtId="170" fontId="7" fillId="0" borderId="0" xfId="4" applyNumberFormat="1"/>
    <xf numFmtId="0" fontId="7" fillId="0" borderId="0" xfId="4" applyAlignment="1">
      <alignment horizontal="right"/>
    </xf>
    <xf numFmtId="0" fontId="9" fillId="0" borderId="0" xfId="4" applyFont="1" applyAlignment="1">
      <alignment vertical="top"/>
    </xf>
    <xf numFmtId="0" fontId="7" fillId="11" borderId="0" xfId="4" applyFill="1"/>
    <xf numFmtId="10" fontId="7" fillId="11" borderId="0" xfId="4" applyNumberFormat="1" applyFill="1"/>
    <xf numFmtId="171" fontId="7" fillId="11" borderId="0" xfId="4" applyNumberFormat="1" applyFill="1"/>
    <xf numFmtId="0" fontId="26" fillId="0" borderId="0" xfId="3" applyBorder="1"/>
    <xf numFmtId="170" fontId="7" fillId="11" borderId="0" xfId="4" applyNumberFormat="1" applyFill="1"/>
    <xf numFmtId="10" fontId="0" fillId="11" borderId="0" xfId="7" applyNumberFormat="1" applyFont="1" applyFill="1" applyBorder="1"/>
    <xf numFmtId="172" fontId="7" fillId="11" borderId="0" xfId="4" applyNumberFormat="1" applyFill="1"/>
    <xf numFmtId="0" fontId="4" fillId="0" borderId="0" xfId="4" applyFont="1"/>
    <xf numFmtId="0" fontId="7" fillId="11" borderId="0" xfId="4" applyFill="1" applyAlignment="1">
      <alignment horizontal="center" wrapText="1"/>
    </xf>
    <xf numFmtId="10" fontId="7" fillId="0" borderId="0" xfId="4" applyNumberFormat="1"/>
    <xf numFmtId="171" fontId="7" fillId="0" borderId="0" xfId="4" applyNumberFormat="1"/>
    <xf numFmtId="10" fontId="0" fillId="0" borderId="0" xfId="7" applyNumberFormat="1" applyFont="1" applyFill="1" applyBorder="1"/>
    <xf numFmtId="172" fontId="7" fillId="0" borderId="0" xfId="4" applyNumberFormat="1"/>
    <xf numFmtId="10" fontId="0" fillId="0" borderId="0" xfId="7" applyNumberFormat="1" applyFont="1" applyBorder="1"/>
    <xf numFmtId="0" fontId="45" fillId="0" borderId="0" xfId="4" applyFont="1"/>
    <xf numFmtId="0" fontId="7" fillId="0" borderId="0" xfId="4" applyAlignment="1">
      <alignment horizontal="center" wrapText="1"/>
    </xf>
    <xf numFmtId="0" fontId="6" fillId="0" borderId="0" xfId="4" applyFont="1"/>
    <xf numFmtId="0" fontId="7" fillId="0" borderId="0" xfId="0" applyFont="1" applyAlignment="1">
      <alignment horizontal="left" vertical="top"/>
    </xf>
    <xf numFmtId="167" fontId="9" fillId="0" borderId="0" xfId="0" applyNumberFormat="1" applyFont="1" applyAlignment="1" applyProtection="1">
      <alignment horizontal="center" vertical="center"/>
      <protection locked="0"/>
    </xf>
    <xf numFmtId="4" fontId="9" fillId="0" borderId="0" xfId="0" applyNumberFormat="1" applyFont="1" applyAlignment="1" applyProtection="1">
      <alignment horizontal="center" vertical="center"/>
      <protection locked="0"/>
    </xf>
    <xf numFmtId="0" fontId="0" fillId="0" borderId="0" xfId="0" applyBorder="1"/>
    <xf numFmtId="0" fontId="0" fillId="0" borderId="22" xfId="0" applyFont="1" applyBorder="1"/>
    <xf numFmtId="0" fontId="3" fillId="0" borderId="22" xfId="0" applyFont="1" applyBorder="1"/>
    <xf numFmtId="0" fontId="0" fillId="0" borderId="0" xfId="0" applyFill="1" applyBorder="1"/>
    <xf numFmtId="0" fontId="0" fillId="0" borderId="29" xfId="0" applyFont="1" applyBorder="1"/>
    <xf numFmtId="0" fontId="26" fillId="0" borderId="0" xfId="3" applyFill="1"/>
    <xf numFmtId="2" fontId="0" fillId="0" borderId="0" xfId="0" applyNumberFormat="1" applyFill="1"/>
    <xf numFmtId="0" fontId="3" fillId="6" borderId="6" xfId="0" applyFont="1" applyFill="1" applyBorder="1"/>
    <xf numFmtId="0" fontId="3" fillId="6" borderId="16" xfId="0" applyFont="1" applyFill="1" applyBorder="1"/>
    <xf numFmtId="0" fontId="3" fillId="7" borderId="5" xfId="0" applyFont="1" applyFill="1" applyBorder="1"/>
    <xf numFmtId="0" fontId="3" fillId="7" borderId="42" xfId="0" applyFont="1" applyFill="1" applyBorder="1"/>
    <xf numFmtId="0" fontId="3" fillId="6" borderId="5" xfId="0" applyFont="1" applyFill="1" applyBorder="1"/>
    <xf numFmtId="0" fontId="3" fillId="7" borderId="18" xfId="0" applyFont="1" applyFill="1" applyBorder="1"/>
    <xf numFmtId="0" fontId="0" fillId="0" borderId="6" xfId="0" applyFont="1" applyBorder="1"/>
    <xf numFmtId="0" fontId="3" fillId="6" borderId="6" xfId="0" applyFont="1" applyFill="1" applyBorder="1" applyAlignment="1">
      <alignment horizontal="center" wrapText="1"/>
    </xf>
    <xf numFmtId="0" fontId="3" fillId="6" borderId="10" xfId="0" applyFont="1" applyFill="1" applyBorder="1" applyAlignment="1">
      <alignment horizontal="center" wrapText="1"/>
    </xf>
    <xf numFmtId="0" fontId="3" fillId="6" borderId="4" xfId="0" applyFont="1" applyFill="1" applyBorder="1" applyAlignment="1">
      <alignment horizontal="center" vertical="center" wrapText="1"/>
    </xf>
    <xf numFmtId="0" fontId="3" fillId="6" borderId="47" xfId="0" applyFont="1" applyFill="1" applyBorder="1" applyAlignment="1">
      <alignment horizontal="center" vertical="center" wrapText="1"/>
    </xf>
    <xf numFmtId="0" fontId="3" fillId="6" borderId="32" xfId="0" applyFont="1" applyFill="1" applyBorder="1" applyAlignment="1">
      <alignment horizontal="center" vertical="center" wrapText="1"/>
    </xf>
    <xf numFmtId="0" fontId="3" fillId="6" borderId="5" xfId="0" applyFont="1" applyFill="1" applyBorder="1" applyAlignment="1">
      <alignment horizontal="center"/>
    </xf>
    <xf numFmtId="0" fontId="3" fillId="6" borderId="33" xfId="0" applyFont="1" applyFill="1" applyBorder="1" applyAlignment="1">
      <alignment horizontal="center" wrapText="1"/>
    </xf>
    <xf numFmtId="1" fontId="3" fillId="6" borderId="10" xfId="0" applyNumberFormat="1" applyFont="1" applyFill="1" applyBorder="1"/>
    <xf numFmtId="1" fontId="3" fillId="6" borderId="33" xfId="0" applyNumberFormat="1" applyFont="1" applyFill="1" applyBorder="1"/>
    <xf numFmtId="0" fontId="3" fillId="6" borderId="33" xfId="0" applyFont="1" applyFill="1" applyBorder="1"/>
    <xf numFmtId="1" fontId="0" fillId="7" borderId="10" xfId="0" applyNumberFormat="1" applyFill="1" applyBorder="1"/>
    <xf numFmtId="1" fontId="0" fillId="7" borderId="33" xfId="0" applyNumberFormat="1" applyFill="1" applyBorder="1"/>
    <xf numFmtId="0" fontId="0" fillId="7" borderId="6" xfId="0" applyFont="1" applyFill="1" applyBorder="1"/>
    <xf numFmtId="164" fontId="1" fillId="7" borderId="6" xfId="1" applyFont="1" applyFill="1" applyBorder="1"/>
    <xf numFmtId="164" fontId="1" fillId="7" borderId="33" xfId="1" applyFont="1" applyFill="1" applyBorder="1"/>
    <xf numFmtId="0" fontId="0" fillId="0" borderId="23" xfId="0" applyBorder="1" applyAlignment="1">
      <alignment wrapText="1"/>
    </xf>
    <xf numFmtId="0" fontId="0" fillId="0" borderId="30" xfId="0" applyBorder="1" applyAlignment="1">
      <alignment wrapText="1"/>
    </xf>
    <xf numFmtId="164" fontId="8" fillId="0" borderId="13" xfId="1" applyFont="1" applyBorder="1" applyAlignment="1">
      <alignment wrapText="1"/>
    </xf>
    <xf numFmtId="164" fontId="8" fillId="0" borderId="28" xfId="1" applyFont="1" applyBorder="1" applyAlignment="1">
      <alignment wrapText="1"/>
    </xf>
    <xf numFmtId="0" fontId="3" fillId="0" borderId="29" xfId="0" applyFont="1" applyBorder="1" applyAlignment="1">
      <alignment vertical="center" wrapText="1"/>
    </xf>
    <xf numFmtId="0" fontId="4" fillId="0" borderId="29" xfId="0" applyFont="1" applyBorder="1"/>
    <xf numFmtId="0" fontId="3" fillId="0" borderId="23" xfId="0" applyFont="1" applyBorder="1"/>
    <xf numFmtId="0" fontId="3" fillId="0" borderId="30" xfId="0" applyFont="1" applyBorder="1"/>
    <xf numFmtId="0" fontId="3" fillId="0" borderId="13" xfId="0" applyFont="1" applyBorder="1"/>
    <xf numFmtId="166" fontId="3" fillId="0" borderId="13" xfId="2" applyNumberFormat="1" applyFont="1" applyBorder="1"/>
    <xf numFmtId="166" fontId="3" fillId="0" borderId="13" xfId="0" applyNumberFormat="1" applyFont="1" applyBorder="1"/>
    <xf numFmtId="166" fontId="3" fillId="0" borderId="28" xfId="0" applyNumberFormat="1" applyFont="1" applyBorder="1"/>
    <xf numFmtId="166" fontId="0" fillId="0" borderId="6" xfId="2" applyNumberFormat="1" applyFont="1" applyBorder="1"/>
    <xf numFmtId="166" fontId="2" fillId="0" borderId="6" xfId="0" applyNumberFormat="1" applyFont="1" applyBorder="1"/>
    <xf numFmtId="0" fontId="9" fillId="0" borderId="6" xfId="0" applyFont="1" applyBorder="1" applyAlignment="1">
      <alignment wrapText="1"/>
    </xf>
    <xf numFmtId="166" fontId="41" fillId="0" borderId="6" xfId="0" applyNumberFormat="1" applyFont="1" applyBorder="1"/>
    <xf numFmtId="0" fontId="0" fillId="0" borderId="16" xfId="0" applyBorder="1"/>
    <xf numFmtId="0" fontId="0" fillId="0" borderId="4" xfId="0" applyBorder="1"/>
    <xf numFmtId="166" fontId="0" fillId="0" borderId="4" xfId="2" applyNumberFormat="1" applyFont="1" applyBorder="1"/>
    <xf numFmtId="166" fontId="0" fillId="0" borderId="4" xfId="0" applyNumberFormat="1" applyBorder="1"/>
    <xf numFmtId="166" fontId="0" fillId="0" borderId="32" xfId="0" applyNumberFormat="1" applyBorder="1"/>
    <xf numFmtId="0" fontId="7" fillId="0" borderId="5" xfId="0" applyFont="1" applyBorder="1"/>
    <xf numFmtId="0" fontId="0" fillId="0" borderId="5" xfId="0" applyBorder="1"/>
    <xf numFmtId="0" fontId="0" fillId="0" borderId="18" xfId="0" applyBorder="1"/>
    <xf numFmtId="166" fontId="0" fillId="0" borderId="14" xfId="2" applyNumberFormat="1" applyFont="1" applyBorder="1"/>
    <xf numFmtId="166" fontId="0" fillId="0" borderId="14" xfId="0" applyNumberFormat="1" applyBorder="1"/>
    <xf numFmtId="0" fontId="3" fillId="0" borderId="29" xfId="0" applyFont="1" applyBorder="1"/>
    <xf numFmtId="0" fontId="5" fillId="0" borderId="23" xfId="0" applyFont="1" applyBorder="1" applyAlignment="1">
      <alignment wrapText="1"/>
    </xf>
    <xf numFmtId="0" fontId="18" fillId="0" borderId="23" xfId="0" applyFont="1" applyBorder="1" applyAlignment="1">
      <alignment wrapText="1"/>
    </xf>
    <xf numFmtId="0" fontId="10" fillId="2" borderId="23" xfId="0" applyFont="1" applyFill="1" applyBorder="1" applyAlignment="1">
      <alignment horizontal="left" vertical="top" wrapText="1"/>
    </xf>
    <xf numFmtId="0" fontId="8" fillId="0" borderId="23" xfId="0" applyFont="1" applyBorder="1" applyAlignment="1">
      <alignment wrapText="1"/>
    </xf>
    <xf numFmtId="3" fontId="8" fillId="0" borderId="23" xfId="0" applyNumberFormat="1" applyFont="1" applyBorder="1" applyAlignment="1">
      <alignment wrapText="1"/>
    </xf>
    <xf numFmtId="0" fontId="2" fillId="0" borderId="23" xfId="0" applyFont="1" applyBorder="1"/>
    <xf numFmtId="3" fontId="32" fillId="2" borderId="33" xfId="0" applyNumberFormat="1" applyFont="1" applyFill="1" applyBorder="1" applyAlignment="1">
      <alignment horizontal="center" vertical="center"/>
    </xf>
    <xf numFmtId="0" fontId="32" fillId="0" borderId="14" xfId="0" applyFont="1" applyBorder="1" applyAlignment="1">
      <alignment horizontal="center" vertical="center"/>
    </xf>
    <xf numFmtId="37" fontId="32" fillId="0" borderId="14" xfId="5" applyNumberFormat="1" applyFont="1" applyFill="1" applyBorder="1" applyAlignment="1">
      <alignment horizontal="center" vertical="center"/>
    </xf>
    <xf numFmtId="3" fontId="32" fillId="0" borderId="14" xfId="0" applyNumberFormat="1" applyFont="1" applyBorder="1" applyAlignment="1">
      <alignment horizontal="center" vertical="center" wrapText="1"/>
    </xf>
    <xf numFmtId="0" fontId="32" fillId="0" borderId="14" xfId="0" applyFont="1" applyBorder="1" applyAlignment="1">
      <alignment horizontal="center" vertical="center" wrapText="1"/>
    </xf>
    <xf numFmtId="3" fontId="32" fillId="0" borderId="14" xfId="0" applyNumberFormat="1" applyFont="1" applyBorder="1" applyAlignment="1">
      <alignment horizontal="center" vertical="center"/>
    </xf>
    <xf numFmtId="3" fontId="32" fillId="2" borderId="14" xfId="0" applyNumberFormat="1" applyFont="1" applyFill="1" applyBorder="1" applyAlignment="1">
      <alignment horizontal="center" vertical="center"/>
    </xf>
    <xf numFmtId="3" fontId="32" fillId="2" borderId="24" xfId="0" applyNumberFormat="1" applyFont="1" applyFill="1" applyBorder="1" applyAlignment="1">
      <alignment horizontal="center" vertical="center"/>
    </xf>
    <xf numFmtId="0" fontId="32" fillId="0" borderId="11" xfId="0" applyFont="1" applyBorder="1" applyAlignment="1">
      <alignment horizontal="center" vertical="center"/>
    </xf>
    <xf numFmtId="0" fontId="32" fillId="0" borderId="50" xfId="0" applyFont="1" applyBorder="1" applyAlignment="1">
      <alignment horizontal="center" vertical="center"/>
    </xf>
    <xf numFmtId="0" fontId="0" fillId="0" borderId="26" xfId="0" applyBorder="1" applyAlignment="1">
      <alignment wrapText="1"/>
    </xf>
    <xf numFmtId="0" fontId="7" fillId="0" borderId="27" xfId="0" applyFont="1" applyBorder="1"/>
    <xf numFmtId="0" fontId="7" fillId="0" borderId="44" xfId="0" applyFont="1" applyBorder="1"/>
    <xf numFmtId="0" fontId="3" fillId="0" borderId="11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0" fillId="0" borderId="7" xfId="0" applyBorder="1"/>
    <xf numFmtId="1" fontId="23" fillId="0" borderId="6" xfId="0" applyNumberFormat="1" applyFont="1" applyBorder="1"/>
    <xf numFmtId="1" fontId="23" fillId="0" borderId="33" xfId="0" applyNumberFormat="1" applyFont="1" applyBorder="1"/>
    <xf numFmtId="1" fontId="23" fillId="0" borderId="11" xfId="0" applyNumberFormat="1" applyFont="1" applyBorder="1"/>
    <xf numFmtId="0" fontId="0" fillId="0" borderId="0" xfId="0" applyFont="1" applyBorder="1"/>
    <xf numFmtId="0" fontId="22" fillId="0" borderId="33" xfId="0" applyFont="1" applyBorder="1"/>
    <xf numFmtId="3" fontId="31" fillId="0" borderId="6" xfId="0" applyNumberFormat="1" applyFont="1" applyBorder="1" applyAlignment="1">
      <alignment horizontal="center" vertical="center"/>
    </xf>
    <xf numFmtId="3" fontId="31" fillId="0" borderId="33" xfId="0" applyNumberFormat="1" applyFont="1" applyBorder="1" applyAlignment="1">
      <alignment horizontal="center" vertical="center"/>
    </xf>
    <xf numFmtId="1" fontId="31" fillId="0" borderId="6" xfId="0" applyNumberFormat="1" applyFont="1" applyBorder="1" applyAlignment="1">
      <alignment horizontal="center" vertical="center"/>
    </xf>
    <xf numFmtId="0" fontId="22" fillId="0" borderId="18" xfId="0" applyFont="1" applyBorder="1"/>
    <xf numFmtId="0" fontId="22" fillId="0" borderId="24" xfId="0" applyFont="1" applyBorder="1"/>
    <xf numFmtId="1" fontId="22" fillId="0" borderId="50" xfId="0" applyNumberFormat="1" applyFont="1" applyBorder="1"/>
    <xf numFmtId="1" fontId="22" fillId="0" borderId="14" xfId="0" applyNumberFormat="1" applyFont="1" applyBorder="1"/>
    <xf numFmtId="1" fontId="31" fillId="0" borderId="14" xfId="0" applyNumberFormat="1" applyFont="1" applyBorder="1" applyAlignment="1">
      <alignment horizontal="center" vertical="center"/>
    </xf>
    <xf numFmtId="3" fontId="31" fillId="0" borderId="14" xfId="0" applyNumberFormat="1" applyFont="1" applyBorder="1" applyAlignment="1">
      <alignment horizontal="center" vertical="center"/>
    </xf>
    <xf numFmtId="3" fontId="31" fillId="0" borderId="24" xfId="0" applyNumberFormat="1" applyFont="1" applyBorder="1" applyAlignment="1">
      <alignment horizontal="center" vertical="center"/>
    </xf>
    <xf numFmtId="0" fontId="22" fillId="0" borderId="0" xfId="0" applyFont="1" applyBorder="1"/>
    <xf numFmtId="1" fontId="22" fillId="0" borderId="0" xfId="0" applyNumberFormat="1" applyFont="1" applyBorder="1"/>
    <xf numFmtId="3" fontId="31" fillId="0" borderId="0" xfId="0" applyNumberFormat="1" applyFont="1" applyBorder="1" applyAlignment="1">
      <alignment horizontal="center" vertical="center"/>
    </xf>
    <xf numFmtId="0" fontId="31" fillId="0" borderId="0" xfId="0" applyFont="1"/>
    <xf numFmtId="1" fontId="31" fillId="0" borderId="0" xfId="0" applyNumberFormat="1" applyFont="1"/>
    <xf numFmtId="0" fontId="22" fillId="0" borderId="17" xfId="0" applyFont="1" applyBorder="1"/>
    <xf numFmtId="0" fontId="22" fillId="0" borderId="41" xfId="0" applyFont="1" applyBorder="1"/>
    <xf numFmtId="1" fontId="22" fillId="0" borderId="21" xfId="0" applyNumberFormat="1" applyFont="1" applyBorder="1"/>
    <xf numFmtId="1" fontId="22" fillId="0" borderId="3" xfId="0" applyNumberFormat="1" applyFont="1" applyBorder="1"/>
    <xf numFmtId="1" fontId="23" fillId="0" borderId="3" xfId="0" applyNumberFormat="1" applyFont="1" applyBorder="1"/>
    <xf numFmtId="3" fontId="31" fillId="0" borderId="3" xfId="0" applyNumberFormat="1" applyFont="1" applyBorder="1" applyAlignment="1">
      <alignment horizontal="center" vertical="center"/>
    </xf>
    <xf numFmtId="3" fontId="31" fillId="0" borderId="41" xfId="0" applyNumberFormat="1" applyFont="1" applyBorder="1" applyAlignment="1">
      <alignment horizontal="center" vertical="center"/>
    </xf>
    <xf numFmtId="0" fontId="22" fillId="0" borderId="48" xfId="0" applyFont="1" applyBorder="1"/>
    <xf numFmtId="2" fontId="23" fillId="0" borderId="43" xfId="0" applyNumberFormat="1" applyFont="1" applyBorder="1"/>
    <xf numFmtId="1" fontId="20" fillId="0" borderId="43" xfId="0" applyNumberFormat="1" applyFont="1" applyBorder="1" applyAlignment="1">
      <alignment horizontal="center" vertical="center"/>
    </xf>
    <xf numFmtId="1" fontId="49" fillId="0" borderId="43" xfId="0" applyNumberFormat="1" applyFont="1" applyBorder="1" applyAlignment="1">
      <alignment horizontal="center" vertical="center"/>
    </xf>
    <xf numFmtId="1" fontId="49" fillId="0" borderId="52" xfId="0" applyNumberFormat="1" applyFont="1" applyBorder="1" applyAlignment="1">
      <alignment horizontal="center" vertical="center"/>
    </xf>
    <xf numFmtId="166" fontId="0" fillId="0" borderId="6" xfId="0" quotePrefix="1" applyNumberFormat="1" applyFont="1" applyBorder="1" applyAlignment="1">
      <alignment horizontal="center"/>
    </xf>
    <xf numFmtId="166" fontId="0" fillId="0" borderId="6" xfId="0" applyNumberFormat="1" applyFont="1" applyBorder="1" applyAlignment="1">
      <alignment horizontal="center"/>
    </xf>
    <xf numFmtId="166" fontId="0" fillId="0" borderId="10" xfId="0" applyNumberFormat="1" applyFont="1" applyBorder="1" applyAlignment="1">
      <alignment horizontal="center"/>
    </xf>
    <xf numFmtId="166" fontId="0" fillId="0" borderId="6" xfId="0" applyNumberFormat="1" applyFont="1" applyBorder="1" applyAlignment="1">
      <alignment horizontal="center" wrapText="1"/>
    </xf>
    <xf numFmtId="166" fontId="0" fillId="0" borderId="10" xfId="0" quotePrefix="1" applyNumberFormat="1" applyFont="1" applyBorder="1" applyAlignment="1">
      <alignment horizontal="center"/>
    </xf>
    <xf numFmtId="0" fontId="0" fillId="0" borderId="6" xfId="0" quotePrefix="1" applyFont="1" applyBorder="1"/>
    <xf numFmtId="0" fontId="0" fillId="0" borderId="10" xfId="0" quotePrefix="1" applyFont="1" applyBorder="1"/>
    <xf numFmtId="0" fontId="0" fillId="0" borderId="10" xfId="0" applyFont="1" applyBorder="1"/>
    <xf numFmtId="166" fontId="0" fillId="0" borderId="6" xfId="0" applyNumberFormat="1" applyFont="1" applyBorder="1"/>
    <xf numFmtId="166" fontId="0" fillId="0" borderId="10" xfId="0" applyNumberFormat="1" applyFont="1" applyBorder="1"/>
    <xf numFmtId="166" fontId="0" fillId="0" borderId="33" xfId="0" applyNumberFormat="1" applyFont="1" applyBorder="1" applyAlignment="1">
      <alignment horizontal="center"/>
    </xf>
    <xf numFmtId="166" fontId="0" fillId="0" borderId="0" xfId="0" applyNumberFormat="1" applyFont="1" applyBorder="1"/>
    <xf numFmtId="166" fontId="0" fillId="0" borderId="13" xfId="0" applyNumberFormat="1" applyFont="1" applyBorder="1"/>
    <xf numFmtId="166" fontId="0" fillId="0" borderId="14" xfId="0" applyNumberFormat="1" applyFont="1" applyBorder="1" applyAlignment="1">
      <alignment horizontal="center"/>
    </xf>
    <xf numFmtId="166" fontId="0" fillId="0" borderId="24" xfId="0" applyNumberFormat="1" applyFont="1" applyBorder="1" applyAlignment="1">
      <alignment horizontal="center"/>
    </xf>
    <xf numFmtId="166" fontId="0" fillId="0" borderId="11" xfId="0" applyNumberFormat="1" applyFont="1" applyBorder="1" applyAlignment="1">
      <alignment horizontal="center" wrapText="1"/>
    </xf>
    <xf numFmtId="166" fontId="0" fillId="0" borderId="11" xfId="0" applyNumberFormat="1" applyFont="1" applyBorder="1" applyAlignment="1">
      <alignment horizontal="center"/>
    </xf>
    <xf numFmtId="0" fontId="0" fillId="0" borderId="11" xfId="0" applyFont="1" applyBorder="1"/>
    <xf numFmtId="166" fontId="0" fillId="0" borderId="11" xfId="0" applyNumberFormat="1" applyFont="1" applyBorder="1"/>
    <xf numFmtId="0" fontId="3" fillId="0" borderId="27" xfId="0" applyFont="1" applyBorder="1"/>
    <xf numFmtId="0" fontId="3" fillId="0" borderId="44" xfId="0" applyFont="1" applyBorder="1"/>
    <xf numFmtId="0" fontId="3" fillId="0" borderId="53" xfId="0" applyFont="1" applyBorder="1"/>
    <xf numFmtId="166" fontId="0" fillId="0" borderId="21" xfId="0" quotePrefix="1" applyNumberFormat="1" applyFont="1" applyBorder="1" applyAlignment="1">
      <alignment horizontal="center"/>
    </xf>
    <xf numFmtId="166" fontId="0" fillId="0" borderId="3" xfId="0" applyNumberFormat="1" applyFont="1" applyBorder="1" applyAlignment="1">
      <alignment horizontal="center"/>
    </xf>
    <xf numFmtId="166" fontId="0" fillId="0" borderId="3" xfId="0" quotePrefix="1" applyNumberFormat="1" applyFont="1" applyBorder="1" applyAlignment="1">
      <alignment horizontal="center"/>
    </xf>
    <xf numFmtId="166" fontId="0" fillId="0" borderId="8" xfId="0" applyNumberFormat="1" applyFont="1" applyBorder="1" applyAlignment="1">
      <alignment horizontal="center"/>
    </xf>
    <xf numFmtId="166" fontId="0" fillId="0" borderId="41" xfId="0" applyNumberFormat="1" applyFont="1" applyBorder="1" applyAlignment="1">
      <alignment horizontal="center"/>
    </xf>
    <xf numFmtId="0" fontId="3" fillId="0" borderId="15" xfId="0" applyFont="1" applyBorder="1"/>
    <xf numFmtId="0" fontId="3" fillId="0" borderId="54" xfId="0" applyFont="1" applyBorder="1" applyAlignment="1">
      <alignment horizontal="center" wrapText="1"/>
    </xf>
    <xf numFmtId="0" fontId="3" fillId="0" borderId="43" xfId="0" applyFont="1" applyBorder="1" applyAlignment="1">
      <alignment horizontal="center" wrapText="1"/>
    </xf>
    <xf numFmtId="0" fontId="3" fillId="0" borderId="52" xfId="0" applyFont="1" applyBorder="1" applyAlignment="1">
      <alignment horizontal="center" wrapText="1"/>
    </xf>
    <xf numFmtId="0" fontId="0" fillId="0" borderId="1" xfId="0" applyFont="1" applyBorder="1"/>
    <xf numFmtId="166" fontId="0" fillId="0" borderId="20" xfId="0" applyNumberFormat="1" applyFont="1" applyBorder="1"/>
    <xf numFmtId="166" fontId="0" fillId="0" borderId="31" xfId="0" applyNumberFormat="1" applyFont="1" applyBorder="1"/>
    <xf numFmtId="0" fontId="0" fillId="0" borderId="7" xfId="0" applyFont="1" applyBorder="1"/>
    <xf numFmtId="0" fontId="0" fillId="0" borderId="23" xfId="0" applyFont="1" applyBorder="1"/>
    <xf numFmtId="0" fontId="0" fillId="0" borderId="13" xfId="0" applyFont="1" applyBorder="1"/>
    <xf numFmtId="0" fontId="0" fillId="0" borderId="9" xfId="0" applyFont="1" applyBorder="1"/>
    <xf numFmtId="0" fontId="5" fillId="0" borderId="0" xfId="4" applyFont="1"/>
    <xf numFmtId="1" fontId="3" fillId="8" borderId="20" xfId="0" applyNumberFormat="1" applyFont="1" applyFill="1" applyBorder="1"/>
    <xf numFmtId="1" fontId="3" fillId="8" borderId="31" xfId="0" applyNumberFormat="1" applyFont="1" applyFill="1" applyBorder="1"/>
    <xf numFmtId="1" fontId="3" fillId="8" borderId="22" xfId="0" applyNumberFormat="1" applyFont="1" applyFill="1" applyBorder="1"/>
    <xf numFmtId="1" fontId="3" fillId="8" borderId="28" xfId="0" applyNumberFormat="1" applyFont="1" applyFill="1" applyBorder="1"/>
    <xf numFmtId="1" fontId="3" fillId="8" borderId="7" xfId="0" applyNumberFormat="1" applyFont="1" applyFill="1" applyBorder="1"/>
    <xf numFmtId="1" fontId="3" fillId="8" borderId="9" xfId="0" applyNumberFormat="1" applyFont="1" applyFill="1" applyBorder="1"/>
    <xf numFmtId="0" fontId="5" fillId="8" borderId="19" xfId="4" applyFont="1" applyFill="1" applyBorder="1" applyAlignment="1">
      <alignment horizontal="center" vertical="center"/>
    </xf>
    <xf numFmtId="0" fontId="5" fillId="8" borderId="15" xfId="4" applyFont="1" applyFill="1" applyBorder="1" applyAlignment="1">
      <alignment horizontal="center" vertical="center"/>
    </xf>
    <xf numFmtId="0" fontId="5" fillId="8" borderId="2" xfId="4" applyFont="1" applyFill="1" applyBorder="1" applyAlignment="1">
      <alignment horizontal="center" vertical="center"/>
    </xf>
    <xf numFmtId="0" fontId="5" fillId="8" borderId="2" xfId="4" applyFont="1" applyFill="1" applyBorder="1" applyAlignment="1">
      <alignment horizontal="center" vertical="center" wrapText="1"/>
    </xf>
    <xf numFmtId="172" fontId="1" fillId="0" borderId="0" xfId="0" applyNumberFormat="1" applyFont="1"/>
    <xf numFmtId="172" fontId="41" fillId="0" borderId="0" xfId="4" applyNumberFormat="1" applyFont="1"/>
    <xf numFmtId="0" fontId="14" fillId="13" borderId="9" xfId="0" applyFont="1" applyFill="1" applyBorder="1" applyAlignment="1">
      <alignment vertical="center"/>
    </xf>
    <xf numFmtId="166" fontId="14" fillId="13" borderId="28" xfId="0" applyNumberFormat="1" applyFont="1" applyFill="1" applyBorder="1" applyAlignment="1">
      <alignment horizontal="right" vertical="center" wrapText="1"/>
    </xf>
    <xf numFmtId="1" fontId="14" fillId="13" borderId="28" xfId="0" applyNumberFormat="1" applyFont="1" applyFill="1" applyBorder="1" applyAlignment="1">
      <alignment horizontal="right" vertical="center" wrapText="1"/>
    </xf>
    <xf numFmtId="165" fontId="14" fillId="13" borderId="28" xfId="2" applyNumberFormat="1" applyFont="1" applyFill="1" applyBorder="1" applyAlignment="1">
      <alignment horizontal="right" vertical="center" wrapText="1"/>
    </xf>
    <xf numFmtId="166" fontId="15" fillId="13" borderId="28" xfId="0" applyNumberFormat="1" applyFont="1" applyFill="1" applyBorder="1" applyAlignment="1">
      <alignment horizontal="right" vertical="center" wrapText="1"/>
    </xf>
    <xf numFmtId="3" fontId="15" fillId="13" borderId="28" xfId="0" applyNumberFormat="1" applyFont="1" applyFill="1" applyBorder="1" applyAlignment="1">
      <alignment horizontal="right" vertical="center"/>
    </xf>
    <xf numFmtId="167" fontId="15" fillId="13" borderId="28" xfId="0" applyNumberFormat="1" applyFont="1" applyFill="1" applyBorder="1" applyAlignment="1">
      <alignment horizontal="right" vertical="center"/>
    </xf>
    <xf numFmtId="165" fontId="24" fillId="13" borderId="15" xfId="2" applyNumberFormat="1" applyFont="1" applyFill="1" applyBorder="1"/>
    <xf numFmtId="167" fontId="16" fillId="13" borderId="28" xfId="0" applyNumberFormat="1" applyFont="1" applyFill="1" applyBorder="1" applyAlignment="1">
      <alignment horizontal="right" vertical="center"/>
    </xf>
    <xf numFmtId="1" fontId="16" fillId="13" borderId="28" xfId="0" applyNumberFormat="1" applyFont="1" applyFill="1" applyBorder="1" applyAlignment="1">
      <alignment horizontal="right" vertical="center"/>
    </xf>
    <xf numFmtId="165" fontId="25" fillId="13" borderId="15" xfId="2" applyNumberFormat="1" applyFont="1" applyFill="1" applyBorder="1"/>
    <xf numFmtId="0" fontId="13" fillId="6" borderId="9" xfId="0" applyFont="1" applyFill="1" applyBorder="1" applyAlignment="1">
      <alignment vertical="center"/>
    </xf>
    <xf numFmtId="166" fontId="13" fillId="6" borderId="28" xfId="0" applyNumberFormat="1" applyFont="1" applyFill="1" applyBorder="1" applyAlignment="1">
      <alignment horizontal="right" vertical="center" wrapText="1"/>
    </xf>
    <xf numFmtId="1" fontId="13" fillId="6" borderId="28" xfId="0" applyNumberFormat="1" applyFont="1" applyFill="1" applyBorder="1" applyAlignment="1">
      <alignment horizontal="right" vertical="center" wrapText="1"/>
    </xf>
    <xf numFmtId="165" fontId="13" fillId="6" borderId="28" xfId="2" applyNumberFormat="1" applyFont="1" applyFill="1" applyBorder="1" applyAlignment="1">
      <alignment horizontal="right" vertical="center" wrapText="1"/>
    </xf>
    <xf numFmtId="167" fontId="16" fillId="6" borderId="28" xfId="0" applyNumberFormat="1" applyFont="1" applyFill="1" applyBorder="1" applyAlignment="1">
      <alignment horizontal="right" vertical="center" wrapText="1"/>
    </xf>
    <xf numFmtId="0" fontId="16" fillId="6" borderId="28" xfId="0" applyFont="1" applyFill="1" applyBorder="1" applyAlignment="1">
      <alignment horizontal="right" vertical="center"/>
    </xf>
    <xf numFmtId="0" fontId="0" fillId="6" borderId="19" xfId="0" applyFill="1" applyBorder="1"/>
    <xf numFmtId="0" fontId="3" fillId="6" borderId="25" xfId="0" applyFont="1" applyFill="1" applyBorder="1"/>
    <xf numFmtId="3" fontId="3" fillId="6" borderId="25" xfId="0" applyNumberFormat="1" applyFont="1" applyFill="1" applyBorder="1"/>
    <xf numFmtId="0" fontId="0" fillId="6" borderId="25" xfId="0" applyFill="1" applyBorder="1"/>
    <xf numFmtId="0" fontId="2" fillId="6" borderId="25" xfId="0" applyFont="1" applyFill="1" applyBorder="1"/>
    <xf numFmtId="0" fontId="0" fillId="6" borderId="2" xfId="0" applyFill="1" applyBorder="1"/>
    <xf numFmtId="0" fontId="27" fillId="6" borderId="25" xfId="0" applyFont="1" applyFill="1" applyBorder="1" applyAlignment="1">
      <alignment horizontal="center" vertical="center"/>
    </xf>
    <xf numFmtId="0" fontId="27" fillId="6" borderId="2" xfId="0" applyFont="1" applyFill="1" applyBorder="1" applyAlignment="1">
      <alignment horizontal="center" vertical="center"/>
    </xf>
    <xf numFmtId="0" fontId="49" fillId="6" borderId="25" xfId="0" applyFont="1" applyFill="1" applyBorder="1"/>
    <xf numFmtId="3" fontId="49" fillId="6" borderId="25" xfId="0" applyNumberFormat="1" applyFont="1" applyFill="1" applyBorder="1"/>
    <xf numFmtId="0" fontId="22" fillId="6" borderId="25" xfId="0" applyFont="1" applyFill="1" applyBorder="1"/>
    <xf numFmtId="0" fontId="21" fillId="6" borderId="25" xfId="0" applyFont="1" applyFill="1" applyBorder="1"/>
    <xf numFmtId="0" fontId="22" fillId="6" borderId="2" xfId="0" applyFont="1" applyFill="1" applyBorder="1"/>
    <xf numFmtId="3" fontId="14" fillId="7" borderId="28" xfId="0" applyNumberFormat="1" applyFont="1" applyFill="1" applyBorder="1" applyAlignment="1">
      <alignment horizontal="right" vertical="center"/>
    </xf>
    <xf numFmtId="3" fontId="14" fillId="7" borderId="28" xfId="0" applyNumberFormat="1" applyFont="1" applyFill="1" applyBorder="1" applyAlignment="1">
      <alignment horizontal="right" vertical="center" wrapText="1"/>
    </xf>
    <xf numFmtId="0" fontId="13" fillId="13" borderId="22" xfId="0" applyFont="1" applyFill="1" applyBorder="1" applyAlignment="1">
      <alignment horizontal="center" vertical="center" wrapText="1"/>
    </xf>
    <xf numFmtId="0" fontId="13" fillId="13" borderId="28" xfId="0" applyFont="1" applyFill="1" applyBorder="1" applyAlignment="1">
      <alignment horizontal="center" vertical="center" wrapText="1"/>
    </xf>
    <xf numFmtId="0" fontId="13" fillId="13" borderId="9" xfId="0" applyFont="1" applyFill="1" applyBorder="1" applyAlignment="1">
      <alignment vertical="center" wrapText="1"/>
    </xf>
    <xf numFmtId="0" fontId="13" fillId="13" borderId="1" xfId="0" applyFont="1" applyFill="1" applyBorder="1" applyAlignment="1">
      <alignment vertical="center" wrapText="1"/>
    </xf>
    <xf numFmtId="0" fontId="13" fillId="13" borderId="15" xfId="0" applyFont="1" applyFill="1" applyBorder="1" applyAlignment="1">
      <alignment vertical="center" wrapText="1"/>
    </xf>
    <xf numFmtId="0" fontId="0" fillId="7" borderId="23" xfId="0" applyFill="1" applyBorder="1"/>
    <xf numFmtId="0" fontId="0" fillId="7" borderId="30" xfId="0" applyFill="1" applyBorder="1"/>
    <xf numFmtId="0" fontId="3" fillId="7" borderId="22" xfId="0" applyFont="1" applyFill="1" applyBorder="1"/>
    <xf numFmtId="0" fontId="0" fillId="7" borderId="13" xfId="0" applyFill="1" applyBorder="1"/>
    <xf numFmtId="0" fontId="0" fillId="7" borderId="4" xfId="0" applyFill="1" applyBorder="1"/>
    <xf numFmtId="0" fontId="0" fillId="7" borderId="32" xfId="0" applyFill="1" applyBorder="1"/>
    <xf numFmtId="0" fontId="0" fillId="7" borderId="51" xfId="0" applyFill="1" applyBorder="1"/>
    <xf numFmtId="0" fontId="3" fillId="13" borderId="26" xfId="0" applyFont="1" applyFill="1" applyBorder="1" applyAlignment="1">
      <alignment wrapText="1"/>
    </xf>
    <xf numFmtId="0" fontId="3" fillId="13" borderId="27" xfId="0" applyFont="1" applyFill="1" applyBorder="1"/>
    <xf numFmtId="0" fontId="3" fillId="13" borderId="44" xfId="0" applyFont="1" applyFill="1" applyBorder="1"/>
    <xf numFmtId="3" fontId="3" fillId="7" borderId="11" xfId="0" applyNumberFormat="1" applyFont="1" applyFill="1" applyBorder="1"/>
    <xf numFmtId="3" fontId="3" fillId="7" borderId="6" xfId="0" applyNumberFormat="1" applyFont="1" applyFill="1" applyBorder="1"/>
    <xf numFmtId="3" fontId="3" fillId="7" borderId="33" xfId="0" applyNumberFormat="1" applyFont="1" applyFill="1" applyBorder="1"/>
    <xf numFmtId="0" fontId="3" fillId="7" borderId="50" xfId="0" applyFont="1" applyFill="1" applyBorder="1"/>
    <xf numFmtId="3" fontId="3" fillId="7" borderId="14" xfId="0" applyNumberFormat="1" applyFont="1" applyFill="1" applyBorder="1"/>
    <xf numFmtId="0" fontId="3" fillId="7" borderId="14" xfId="0" applyFont="1" applyFill="1" applyBorder="1"/>
    <xf numFmtId="3" fontId="3" fillId="7" borderId="24" xfId="0" applyNumberFormat="1" applyFont="1" applyFill="1" applyBorder="1"/>
    <xf numFmtId="0" fontId="0" fillId="13" borderId="1" xfId="0" applyFill="1" applyBorder="1" applyAlignment="1">
      <alignment vertical="top" wrapText="1"/>
    </xf>
    <xf numFmtId="0" fontId="0" fillId="13" borderId="9" xfId="0" applyFill="1" applyBorder="1" applyAlignment="1">
      <alignment vertical="top" wrapText="1"/>
    </xf>
    <xf numFmtId="0" fontId="14" fillId="13" borderId="15" xfId="0" applyFont="1" applyFill="1" applyBorder="1" applyAlignment="1">
      <alignment vertical="center"/>
    </xf>
    <xf numFmtId="3" fontId="14" fillId="13" borderId="9" xfId="0" applyNumberFormat="1" applyFont="1" applyFill="1" applyBorder="1" applyAlignment="1">
      <alignment horizontal="left" vertical="center"/>
    </xf>
    <xf numFmtId="0" fontId="0" fillId="13" borderId="9" xfId="0" applyFill="1" applyBorder="1"/>
    <xf numFmtId="0" fontId="0" fillId="13" borderId="15" xfId="0" applyFill="1" applyBorder="1"/>
    <xf numFmtId="0" fontId="13" fillId="7" borderId="19" xfId="0" applyFont="1" applyFill="1" applyBorder="1" applyAlignment="1">
      <alignment horizontal="left" vertical="center"/>
    </xf>
    <xf numFmtId="0" fontId="13" fillId="7" borderId="25" xfId="0" applyFont="1" applyFill="1" applyBorder="1" applyAlignment="1">
      <alignment horizontal="left" vertical="center"/>
    </xf>
    <xf numFmtId="0" fontId="13" fillId="7" borderId="2" xfId="0" applyFont="1" applyFill="1" applyBorder="1" applyAlignment="1">
      <alignment horizontal="left" vertical="center"/>
    </xf>
    <xf numFmtId="0" fontId="13" fillId="7" borderId="22" xfId="0" applyFont="1" applyFill="1" applyBorder="1" applyAlignment="1">
      <alignment vertical="center"/>
    </xf>
    <xf numFmtId="0" fontId="13" fillId="7" borderId="13" xfId="0" applyFont="1" applyFill="1" applyBorder="1" applyAlignment="1">
      <alignment horizontal="right" vertical="center"/>
    </xf>
    <xf numFmtId="3" fontId="13" fillId="7" borderId="28" xfId="0" applyNumberFormat="1" applyFont="1" applyFill="1" applyBorder="1" applyAlignment="1">
      <alignment horizontal="right" vertical="center"/>
    </xf>
    <xf numFmtId="0" fontId="19" fillId="7" borderId="19" xfId="0" applyFont="1" applyFill="1" applyBorder="1" applyAlignment="1">
      <alignment vertical="center"/>
    </xf>
    <xf numFmtId="0" fontId="19" fillId="7" borderId="25" xfId="0" applyFont="1" applyFill="1" applyBorder="1" applyAlignment="1">
      <alignment vertical="center"/>
    </xf>
    <xf numFmtId="0" fontId="19" fillId="7" borderId="2" xfId="0" applyFont="1" applyFill="1" applyBorder="1" applyAlignment="1">
      <alignment vertical="center"/>
    </xf>
    <xf numFmtId="0" fontId="13" fillId="13" borderId="31" xfId="0" applyFont="1" applyFill="1" applyBorder="1" applyAlignment="1">
      <alignment horizontal="center" vertical="center" wrapText="1"/>
    </xf>
    <xf numFmtId="0" fontId="14" fillId="13" borderId="28" xfId="0" applyFont="1" applyFill="1" applyBorder="1" applyAlignment="1">
      <alignment horizontal="center" vertical="center" wrapText="1"/>
    </xf>
    <xf numFmtId="168" fontId="14" fillId="7" borderId="28" xfId="1" applyNumberFormat="1" applyFont="1" applyFill="1" applyBorder="1" applyAlignment="1">
      <alignment horizontal="right" vertical="center" wrapText="1"/>
    </xf>
    <xf numFmtId="168" fontId="14" fillId="7" borderId="1" xfId="1" applyNumberFormat="1" applyFont="1" applyFill="1" applyBorder="1" applyAlignment="1">
      <alignment horizontal="center" vertical="center" wrapText="1"/>
    </xf>
    <xf numFmtId="168" fontId="14" fillId="7" borderId="2" xfId="1" applyNumberFormat="1" applyFont="1" applyFill="1" applyBorder="1" applyAlignment="1">
      <alignment horizontal="right" vertical="center" wrapText="1"/>
    </xf>
    <xf numFmtId="168" fontId="14" fillId="7" borderId="34" xfId="1" applyNumberFormat="1" applyFont="1" applyFill="1" applyBorder="1" applyAlignment="1">
      <alignment vertical="center" wrapText="1"/>
    </xf>
    <xf numFmtId="168" fontId="16" fillId="7" borderId="28" xfId="1" applyNumberFormat="1" applyFont="1" applyFill="1" applyBorder="1" applyAlignment="1">
      <alignment horizontal="right" vertical="center" wrapText="1"/>
    </xf>
    <xf numFmtId="168" fontId="14" fillId="7" borderId="30" xfId="1" applyNumberFormat="1" applyFont="1" applyFill="1" applyBorder="1" applyAlignment="1">
      <alignment horizontal="right" vertical="center" wrapText="1"/>
    </xf>
    <xf numFmtId="0" fontId="0" fillId="7" borderId="29" xfId="0" applyFill="1" applyBorder="1"/>
    <xf numFmtId="0" fontId="0" fillId="7" borderId="28" xfId="0" applyFill="1" applyBorder="1"/>
    <xf numFmtId="0" fontId="13" fillId="13" borderId="35" xfId="0" applyFont="1" applyFill="1" applyBorder="1" applyAlignment="1">
      <alignment vertical="center" wrapText="1"/>
    </xf>
    <xf numFmtId="0" fontId="13" fillId="13" borderId="7" xfId="0" applyFont="1" applyFill="1" applyBorder="1" applyAlignment="1">
      <alignment vertical="center" wrapText="1"/>
    </xf>
    <xf numFmtId="0" fontId="0" fillId="13" borderId="29" xfId="0" applyFont="1" applyFill="1" applyBorder="1"/>
    <xf numFmtId="0" fontId="3" fillId="13" borderId="29" xfId="0" applyFont="1" applyFill="1" applyBorder="1" applyAlignment="1">
      <alignment horizontal="center" vertical="center"/>
    </xf>
    <xf numFmtId="0" fontId="3" fillId="13" borderId="1" xfId="0" applyFont="1" applyFill="1" applyBorder="1" applyAlignment="1">
      <alignment horizontal="center" vertical="center"/>
    </xf>
    <xf numFmtId="0" fontId="3" fillId="13" borderId="30" xfId="0" applyFont="1" applyFill="1" applyBorder="1" applyAlignment="1">
      <alignment horizontal="center" vertical="center"/>
    </xf>
    <xf numFmtId="0" fontId="3" fillId="13" borderId="20" xfId="0" applyFont="1" applyFill="1" applyBorder="1"/>
    <xf numFmtId="0" fontId="47" fillId="13" borderId="22" xfId="0" applyFont="1" applyFill="1" applyBorder="1" applyAlignment="1" applyProtection="1">
      <alignment horizontal="center" vertical="center"/>
      <protection locked="0"/>
    </xf>
    <xf numFmtId="0" fontId="3" fillId="13" borderId="22" xfId="0" applyFont="1" applyFill="1" applyBorder="1" applyAlignment="1" applyProtection="1">
      <alignment horizontal="center" vertical="center"/>
      <protection locked="0"/>
    </xf>
    <xf numFmtId="0" fontId="3" fillId="13" borderId="9" xfId="0" applyFont="1" applyFill="1" applyBorder="1" applyAlignment="1" applyProtection="1">
      <alignment horizontal="center" vertical="center"/>
      <protection locked="0"/>
    </xf>
    <xf numFmtId="0" fontId="3" fillId="13" borderId="28" xfId="0" applyFont="1" applyFill="1" applyBorder="1" applyAlignment="1" applyProtection="1">
      <alignment horizontal="center" vertical="center"/>
      <protection locked="0"/>
    </xf>
    <xf numFmtId="0" fontId="47" fillId="13" borderId="28" xfId="0" applyFont="1" applyFill="1" applyBorder="1" applyAlignment="1" applyProtection="1">
      <alignment horizontal="center" vertical="center"/>
      <protection locked="0"/>
    </xf>
    <xf numFmtId="0" fontId="0" fillId="13" borderId="36" xfId="0" applyFont="1" applyFill="1" applyBorder="1"/>
    <xf numFmtId="0" fontId="0" fillId="13" borderId="46" xfId="0" applyFont="1" applyFill="1" applyBorder="1"/>
    <xf numFmtId="0" fontId="0" fillId="13" borderId="39" xfId="0" applyFont="1" applyFill="1" applyBorder="1"/>
    <xf numFmtId="0" fontId="0" fillId="7" borderId="36" xfId="0" applyFont="1" applyFill="1" applyBorder="1" applyAlignment="1" applyProtection="1">
      <alignment horizontal="center" vertical="center"/>
      <protection locked="0"/>
    </xf>
    <xf numFmtId="0" fontId="0" fillId="7" borderId="36" xfId="0" applyFont="1" applyFill="1" applyBorder="1" applyAlignment="1">
      <alignment horizontal="center" vertical="center"/>
    </xf>
    <xf numFmtId="0" fontId="0" fillId="7" borderId="26" xfId="0" applyFont="1" applyFill="1" applyBorder="1" applyAlignment="1" applyProtection="1">
      <alignment horizontal="center" vertical="center"/>
      <protection locked="0"/>
    </xf>
    <xf numFmtId="0" fontId="0" fillId="7" borderId="38" xfId="0" applyFont="1" applyFill="1" applyBorder="1" applyAlignment="1" applyProtection="1">
      <alignment horizontal="center" vertical="center"/>
      <protection locked="0"/>
    </xf>
    <xf numFmtId="0" fontId="41" fillId="7" borderId="38" xfId="0" applyFont="1" applyFill="1" applyBorder="1" applyAlignment="1">
      <alignment horizontal="center" vertical="center"/>
    </xf>
    <xf numFmtId="0" fontId="0" fillId="7" borderId="46" xfId="0" applyFont="1" applyFill="1" applyBorder="1" applyAlignment="1" applyProtection="1">
      <alignment horizontal="center" vertical="center"/>
      <protection locked="0"/>
    </xf>
    <xf numFmtId="0" fontId="0" fillId="7" borderId="27" xfId="0" applyFont="1" applyFill="1" applyBorder="1" applyAlignment="1" applyProtection="1">
      <alignment horizontal="center" vertical="center"/>
      <protection locked="0"/>
    </xf>
    <xf numFmtId="0" fontId="0" fillId="7" borderId="49" xfId="0" applyFont="1" applyFill="1" applyBorder="1" applyAlignment="1" applyProtection="1">
      <alignment horizontal="center" vertical="center"/>
      <protection locked="0"/>
    </xf>
    <xf numFmtId="0" fontId="46" fillId="7" borderId="46" xfId="6" applyFont="1" applyFill="1" applyBorder="1" applyAlignment="1" applyProtection="1">
      <alignment horizontal="center" vertical="center"/>
      <protection locked="0"/>
    </xf>
    <xf numFmtId="0" fontId="0" fillId="7" borderId="46" xfId="6" applyFont="1" applyFill="1" applyBorder="1" applyAlignment="1" applyProtection="1">
      <alignment horizontal="center" vertical="center"/>
      <protection locked="0"/>
    </xf>
    <xf numFmtId="0" fontId="0" fillId="7" borderId="27" xfId="6" applyFont="1" applyFill="1" applyBorder="1" applyAlignment="1" applyProtection="1">
      <alignment horizontal="center" vertical="center"/>
      <protection locked="0"/>
    </xf>
    <xf numFmtId="0" fontId="0" fillId="7" borderId="49" xfId="6" applyFont="1" applyFill="1" applyBorder="1" applyAlignment="1" applyProtection="1">
      <alignment horizontal="center" vertical="center"/>
      <protection locked="0"/>
    </xf>
    <xf numFmtId="0" fontId="46" fillId="7" borderId="49" xfId="6" applyFont="1" applyFill="1" applyBorder="1" applyAlignment="1" applyProtection="1">
      <alignment horizontal="center" vertical="center"/>
      <protection locked="0"/>
    </xf>
    <xf numFmtId="0" fontId="0" fillId="7" borderId="46" xfId="0" applyFont="1" applyFill="1" applyBorder="1" applyAlignment="1">
      <alignment horizontal="center" vertical="center"/>
    </xf>
    <xf numFmtId="0" fontId="41" fillId="7" borderId="49" xfId="0" applyFont="1" applyFill="1" applyBorder="1" applyAlignment="1">
      <alignment horizontal="center" vertical="center"/>
    </xf>
    <xf numFmtId="0" fontId="0" fillId="7" borderId="39" xfId="0" applyFont="1" applyFill="1" applyBorder="1" applyAlignment="1" applyProtection="1">
      <alignment horizontal="center" vertical="center"/>
      <protection locked="0"/>
    </xf>
    <xf numFmtId="0" fontId="0" fillId="7" borderId="44" xfId="0" applyFont="1" applyFill="1" applyBorder="1" applyAlignment="1" applyProtection="1">
      <alignment horizontal="center" vertical="center"/>
      <protection locked="0"/>
    </xf>
    <xf numFmtId="0" fontId="0" fillId="7" borderId="40" xfId="0" applyFont="1" applyFill="1" applyBorder="1" applyAlignment="1" applyProtection="1">
      <alignment horizontal="center" vertical="center"/>
      <protection locked="0"/>
    </xf>
    <xf numFmtId="0" fontId="3" fillId="7" borderId="24" xfId="0" applyFont="1" applyFill="1" applyBorder="1"/>
    <xf numFmtId="0" fontId="3" fillId="7" borderId="12" xfId="0" applyFont="1" applyFill="1" applyBorder="1"/>
    <xf numFmtId="164" fontId="3" fillId="7" borderId="50" xfId="1" applyFont="1" applyFill="1" applyBorder="1"/>
    <xf numFmtId="164" fontId="3" fillId="7" borderId="12" xfId="1" applyFont="1" applyFill="1" applyBorder="1"/>
    <xf numFmtId="164" fontId="3" fillId="7" borderId="40" xfId="1" applyFont="1" applyFill="1" applyBorder="1"/>
    <xf numFmtId="1" fontId="0" fillId="7" borderId="10" xfId="0" applyNumberFormat="1" applyFont="1" applyFill="1" applyBorder="1"/>
    <xf numFmtId="0" fontId="0" fillId="0" borderId="23" xfId="0" applyFont="1" applyBorder="1" applyAlignment="1">
      <alignment wrapText="1"/>
    </xf>
    <xf numFmtId="0" fontId="50" fillId="8" borderId="0" xfId="0" applyFont="1" applyFill="1" applyAlignment="1">
      <alignment horizontal="right"/>
    </xf>
    <xf numFmtId="0" fontId="13" fillId="12" borderId="19" xfId="0" applyFont="1" applyFill="1" applyBorder="1" applyAlignment="1">
      <alignment vertical="center"/>
    </xf>
    <xf numFmtId="0" fontId="13" fillId="12" borderId="25" xfId="0" applyFont="1" applyFill="1" applyBorder="1" applyAlignment="1">
      <alignment vertical="center"/>
    </xf>
    <xf numFmtId="0" fontId="13" fillId="12" borderId="2" xfId="0" applyFont="1" applyFill="1" applyBorder="1" applyAlignment="1">
      <alignment vertical="center"/>
    </xf>
    <xf numFmtId="0" fontId="16" fillId="13" borderId="19" xfId="0" applyFont="1" applyFill="1" applyBorder="1" applyAlignment="1">
      <alignment vertical="center"/>
    </xf>
    <xf numFmtId="0" fontId="16" fillId="13" borderId="25" xfId="0" applyFont="1" applyFill="1" applyBorder="1" applyAlignment="1">
      <alignment vertical="center"/>
    </xf>
    <xf numFmtId="0" fontId="16" fillId="13" borderId="2" xfId="0" applyFont="1" applyFill="1" applyBorder="1" applyAlignment="1">
      <alignment vertical="center"/>
    </xf>
    <xf numFmtId="0" fontId="27" fillId="3" borderId="19" xfId="0" applyFont="1" applyFill="1" applyBorder="1" applyAlignment="1">
      <alignment horizontal="left" vertical="top"/>
    </xf>
    <xf numFmtId="0" fontId="27" fillId="3" borderId="25" xfId="0" applyFont="1" applyFill="1" applyBorder="1" applyAlignment="1">
      <alignment horizontal="left" vertical="top"/>
    </xf>
    <xf numFmtId="0" fontId="27" fillId="3" borderId="2" xfId="0" applyFont="1" applyFill="1" applyBorder="1" applyAlignment="1">
      <alignment horizontal="left" vertical="top"/>
    </xf>
    <xf numFmtId="164" fontId="13" fillId="0" borderId="29" xfId="1" applyFont="1" applyBorder="1" applyAlignment="1">
      <alignment horizontal="center" vertical="center" wrapText="1"/>
    </xf>
    <xf numFmtId="164" fontId="13" fillId="0" borderId="30" xfId="1" applyFont="1" applyBorder="1" applyAlignment="1">
      <alignment horizontal="center" vertical="center" wrapText="1"/>
    </xf>
    <xf numFmtId="164" fontId="13" fillId="0" borderId="22" xfId="1" applyFont="1" applyBorder="1" applyAlignment="1">
      <alignment horizontal="center" vertical="center" wrapText="1"/>
    </xf>
    <xf numFmtId="164" fontId="13" fillId="0" borderId="28" xfId="1" applyFont="1" applyBorder="1" applyAlignment="1">
      <alignment horizontal="center" vertical="center" wrapText="1"/>
    </xf>
    <xf numFmtId="0" fontId="13" fillId="0" borderId="29" xfId="0" applyFont="1" applyBorder="1" applyAlignment="1">
      <alignment horizontal="center" vertical="center" wrapText="1"/>
    </xf>
    <xf numFmtId="0" fontId="13" fillId="0" borderId="30" xfId="0" applyFont="1" applyBorder="1" applyAlignment="1">
      <alignment horizontal="center" vertical="center" wrapText="1"/>
    </xf>
    <xf numFmtId="0" fontId="13" fillId="0" borderId="22" xfId="0" applyFont="1" applyBorder="1" applyAlignment="1">
      <alignment horizontal="center" vertical="center" wrapText="1"/>
    </xf>
    <xf numFmtId="0" fontId="13" fillId="0" borderId="28" xfId="0" applyFont="1" applyBorder="1" applyAlignment="1">
      <alignment horizontal="center" vertical="center" wrapText="1"/>
    </xf>
    <xf numFmtId="0" fontId="13" fillId="0" borderId="29" xfId="0" applyFont="1" applyBorder="1" applyAlignment="1">
      <alignment horizontal="center" vertical="center"/>
    </xf>
    <xf numFmtId="0" fontId="13" fillId="0" borderId="30" xfId="0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28" xfId="0" applyFont="1" applyBorder="1" applyAlignment="1">
      <alignment horizontal="center" vertical="center"/>
    </xf>
    <xf numFmtId="0" fontId="0" fillId="0" borderId="19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0" fontId="0" fillId="0" borderId="2" xfId="0" applyBorder="1" applyAlignment="1">
      <alignment horizontal="left" vertical="top" wrapText="1"/>
    </xf>
    <xf numFmtId="0" fontId="14" fillId="0" borderId="1" xfId="0" applyFont="1" applyBorder="1" applyAlignment="1">
      <alignment vertical="center"/>
    </xf>
    <xf numFmtId="0" fontId="14" fillId="0" borderId="9" xfId="0" applyFont="1" applyBorder="1" applyAlignment="1">
      <alignment vertical="center"/>
    </xf>
    <xf numFmtId="0" fontId="27" fillId="6" borderId="19" xfId="0" applyFont="1" applyFill="1" applyBorder="1" applyAlignment="1">
      <alignment horizontal="left" vertical="top"/>
    </xf>
    <xf numFmtId="0" fontId="27" fillId="6" borderId="25" xfId="0" applyFont="1" applyFill="1" applyBorder="1" applyAlignment="1">
      <alignment horizontal="left" vertical="top"/>
    </xf>
    <xf numFmtId="0" fontId="14" fillId="7" borderId="29" xfId="0" applyFont="1" applyFill="1" applyBorder="1" applyAlignment="1">
      <alignment horizontal="left" vertical="center" wrapText="1"/>
    </xf>
    <xf numFmtId="0" fontId="14" fillId="7" borderId="23" xfId="0" applyFont="1" applyFill="1" applyBorder="1" applyAlignment="1">
      <alignment horizontal="left" vertical="center" wrapText="1"/>
    </xf>
    <xf numFmtId="0" fontId="14" fillId="7" borderId="30" xfId="0" applyFont="1" applyFill="1" applyBorder="1" applyAlignment="1">
      <alignment horizontal="left" vertical="center" wrapText="1"/>
    </xf>
    <xf numFmtId="0" fontId="19" fillId="7" borderId="20" xfId="0" applyFont="1" applyFill="1" applyBorder="1" applyAlignment="1">
      <alignment horizontal="left" vertical="center" wrapText="1"/>
    </xf>
    <xf numFmtId="0" fontId="19" fillId="7" borderId="0" xfId="0" applyFont="1" applyFill="1" applyAlignment="1">
      <alignment horizontal="left" vertical="center" wrapText="1"/>
    </xf>
    <xf numFmtId="0" fontId="19" fillId="7" borderId="31" xfId="0" applyFont="1" applyFill="1" applyBorder="1" applyAlignment="1">
      <alignment horizontal="left" vertical="center" wrapText="1"/>
    </xf>
    <xf numFmtId="0" fontId="13" fillId="13" borderId="20" xfId="0" applyFont="1" applyFill="1" applyBorder="1" applyAlignment="1">
      <alignment horizontal="center" vertical="center" wrapText="1"/>
    </xf>
    <xf numFmtId="0" fontId="13" fillId="13" borderId="31" xfId="0" applyFont="1" applyFill="1" applyBorder="1" applyAlignment="1">
      <alignment horizontal="center" vertical="center" wrapText="1"/>
    </xf>
    <xf numFmtId="0" fontId="13" fillId="13" borderId="29" xfId="0" applyFont="1" applyFill="1" applyBorder="1" applyAlignment="1">
      <alignment horizontal="center" vertical="center" wrapText="1"/>
    </xf>
    <xf numFmtId="0" fontId="13" fillId="13" borderId="30" xfId="0" applyFont="1" applyFill="1" applyBorder="1" applyAlignment="1">
      <alignment horizontal="center" vertical="center" wrapText="1"/>
    </xf>
    <xf numFmtId="0" fontId="13" fillId="13" borderId="28" xfId="0" applyFont="1" applyFill="1" applyBorder="1" applyAlignment="1">
      <alignment horizontal="center" vertical="center" wrapText="1"/>
    </xf>
    <xf numFmtId="0" fontId="13" fillId="13" borderId="22" xfId="0" applyFont="1" applyFill="1" applyBorder="1" applyAlignment="1">
      <alignment horizontal="center" vertical="center" wrapText="1"/>
    </xf>
    <xf numFmtId="0" fontId="19" fillId="7" borderId="22" xfId="0" applyFont="1" applyFill="1" applyBorder="1" applyAlignment="1">
      <alignment horizontal="left" vertical="center" wrapText="1"/>
    </xf>
    <xf numFmtId="0" fontId="19" fillId="7" borderId="13" xfId="0" applyFont="1" applyFill="1" applyBorder="1" applyAlignment="1">
      <alignment horizontal="left" vertical="center" wrapText="1"/>
    </xf>
    <xf numFmtId="0" fontId="19" fillId="7" borderId="28" xfId="0" applyFont="1" applyFill="1" applyBorder="1" applyAlignment="1">
      <alignment horizontal="left" vertical="center" wrapText="1"/>
    </xf>
    <xf numFmtId="0" fontId="13" fillId="12" borderId="19" xfId="0" applyFont="1" applyFill="1" applyBorder="1" applyAlignment="1">
      <alignment horizontal="left" vertical="center" wrapText="1"/>
    </xf>
    <xf numFmtId="0" fontId="13" fillId="12" borderId="25" xfId="0" applyFont="1" applyFill="1" applyBorder="1" applyAlignment="1">
      <alignment horizontal="left" vertical="center" wrapText="1"/>
    </xf>
    <xf numFmtId="0" fontId="13" fillId="12" borderId="2" xfId="0" applyFont="1" applyFill="1" applyBorder="1" applyAlignment="1">
      <alignment horizontal="left" vertical="center" wrapText="1"/>
    </xf>
    <xf numFmtId="0" fontId="0" fillId="7" borderId="29" xfId="0" applyFont="1" applyFill="1" applyBorder="1" applyAlignment="1">
      <alignment horizontal="center" vertical="center" wrapText="1"/>
    </xf>
    <xf numFmtId="0" fontId="0" fillId="7" borderId="23" xfId="0" applyFont="1" applyFill="1" applyBorder="1" applyAlignment="1">
      <alignment horizontal="center" vertical="center" wrapText="1"/>
    </xf>
    <xf numFmtId="0" fontId="0" fillId="7" borderId="30" xfId="0" applyFont="1" applyFill="1" applyBorder="1" applyAlignment="1">
      <alignment horizontal="center" vertical="center" wrapText="1"/>
    </xf>
    <xf numFmtId="0" fontId="0" fillId="7" borderId="22" xfId="0" applyFont="1" applyFill="1" applyBorder="1" applyAlignment="1">
      <alignment horizontal="center" vertical="center" wrapText="1"/>
    </xf>
    <xf numFmtId="0" fontId="0" fillId="7" borderId="13" xfId="0" applyFont="1" applyFill="1" applyBorder="1" applyAlignment="1">
      <alignment horizontal="center" vertical="center" wrapText="1"/>
    </xf>
    <xf numFmtId="0" fontId="0" fillId="7" borderId="28" xfId="0" applyFont="1" applyFill="1" applyBorder="1" applyAlignment="1">
      <alignment horizontal="center" vertical="center" wrapText="1"/>
    </xf>
    <xf numFmtId="0" fontId="13" fillId="13" borderId="1" xfId="0" applyFont="1" applyFill="1" applyBorder="1" applyAlignment="1">
      <alignment horizontal="center" vertical="center" wrapText="1"/>
    </xf>
    <xf numFmtId="0" fontId="13" fillId="13" borderId="9" xfId="0" applyFont="1" applyFill="1" applyBorder="1" applyAlignment="1">
      <alignment horizontal="center" vertical="center" wrapText="1"/>
    </xf>
    <xf numFmtId="0" fontId="13" fillId="12" borderId="19" xfId="0" applyFont="1" applyFill="1" applyBorder="1" applyAlignment="1">
      <alignment horizontal="center" vertical="center" wrapText="1"/>
    </xf>
    <xf numFmtId="0" fontId="13" fillId="12" borderId="25" xfId="0" applyFont="1" applyFill="1" applyBorder="1" applyAlignment="1">
      <alignment horizontal="center" vertical="center" wrapText="1"/>
    </xf>
    <xf numFmtId="0" fontId="13" fillId="12" borderId="2" xfId="0" applyFont="1" applyFill="1" applyBorder="1" applyAlignment="1">
      <alignment horizontal="center" vertical="center" wrapText="1"/>
    </xf>
    <xf numFmtId="0" fontId="0" fillId="7" borderId="22" xfId="0" applyFill="1" applyBorder="1" applyAlignment="1">
      <alignment horizontal="left"/>
    </xf>
    <xf numFmtId="0" fontId="0" fillId="7" borderId="13" xfId="0" applyFill="1" applyBorder="1" applyAlignment="1">
      <alignment horizontal="left"/>
    </xf>
    <xf numFmtId="0" fontId="0" fillId="7" borderId="28" xfId="0" applyFill="1" applyBorder="1" applyAlignment="1">
      <alignment horizontal="left"/>
    </xf>
    <xf numFmtId="0" fontId="13" fillId="13" borderId="7" xfId="0" applyFont="1" applyFill="1" applyBorder="1" applyAlignment="1">
      <alignment horizontal="center" vertical="center" wrapText="1"/>
    </xf>
    <xf numFmtId="0" fontId="13" fillId="13" borderId="34" xfId="0" applyFont="1" applyFill="1" applyBorder="1" applyAlignment="1">
      <alignment horizontal="center" vertical="center" wrapText="1"/>
    </xf>
    <xf numFmtId="0" fontId="14" fillId="7" borderId="20" xfId="0" applyFont="1" applyFill="1" applyBorder="1" applyAlignment="1">
      <alignment horizontal="left" vertical="center" wrapText="1"/>
    </xf>
    <xf numFmtId="0" fontId="14" fillId="7" borderId="0" xfId="0" applyFont="1" applyFill="1" applyAlignment="1">
      <alignment horizontal="left" vertical="center" wrapText="1"/>
    </xf>
    <xf numFmtId="0" fontId="14" fillId="7" borderId="31" xfId="0" applyFont="1" applyFill="1" applyBorder="1" applyAlignment="1">
      <alignment horizontal="left" vertical="center" wrapText="1"/>
    </xf>
    <xf numFmtId="0" fontId="48" fillId="12" borderId="19" xfId="0" applyFont="1" applyFill="1" applyBorder="1" applyAlignment="1">
      <alignment horizontal="center"/>
    </xf>
    <xf numFmtId="0" fontId="48" fillId="12" borderId="25" xfId="0" applyFont="1" applyFill="1" applyBorder="1" applyAlignment="1">
      <alignment horizontal="center"/>
    </xf>
    <xf numFmtId="0" fontId="48" fillId="12" borderId="2" xfId="0" applyFont="1" applyFill="1" applyBorder="1" applyAlignment="1">
      <alignment horizontal="center"/>
    </xf>
    <xf numFmtId="0" fontId="0" fillId="7" borderId="19" xfId="0" applyFont="1" applyFill="1" applyBorder="1" applyAlignment="1">
      <alignment horizontal="left"/>
    </xf>
    <xf numFmtId="0" fontId="0" fillId="7" borderId="25" xfId="0" applyFont="1" applyFill="1" applyBorder="1" applyAlignment="1">
      <alignment horizontal="left"/>
    </xf>
    <xf numFmtId="0" fontId="0" fillId="7" borderId="2" xfId="0" applyFont="1" applyFill="1" applyBorder="1" applyAlignment="1">
      <alignment horizontal="left"/>
    </xf>
    <xf numFmtId="0" fontId="0" fillId="9" borderId="45" xfId="0" applyFill="1" applyBorder="1" applyAlignment="1">
      <alignment horizontal="center" vertical="center" textRotation="90"/>
    </xf>
    <xf numFmtId="0" fontId="36" fillId="5" borderId="36" xfId="0" applyFont="1" applyFill="1" applyBorder="1" applyAlignment="1">
      <alignment horizontal="center"/>
    </xf>
    <xf numFmtId="0" fontId="36" fillId="5" borderId="37" xfId="0" applyFont="1" applyFill="1" applyBorder="1" applyAlignment="1">
      <alignment horizontal="center"/>
    </xf>
    <xf numFmtId="0" fontId="36" fillId="5" borderId="38" xfId="0" applyFont="1" applyFill="1" applyBorder="1" applyAlignment="1">
      <alignment horizontal="center"/>
    </xf>
    <xf numFmtId="0" fontId="3" fillId="0" borderId="19" xfId="0" applyFont="1" applyBorder="1" applyAlignment="1">
      <alignment horizontal="center"/>
    </xf>
    <xf numFmtId="0" fontId="3" fillId="0" borderId="25" xfId="0" applyFont="1" applyBorder="1" applyAlignment="1">
      <alignment horizontal="center"/>
    </xf>
    <xf numFmtId="0" fontId="3" fillId="0" borderId="2" xfId="0" applyFont="1" applyBorder="1" applyAlignment="1">
      <alignment horizontal="center"/>
    </xf>
    <xf numFmtId="0" fontId="3" fillId="0" borderId="23" xfId="0" applyFont="1" applyBorder="1" applyAlignment="1">
      <alignment horizontal="left" vertical="top" wrapText="1"/>
    </xf>
    <xf numFmtId="0" fontId="3" fillId="0" borderId="30" xfId="0" applyFont="1" applyBorder="1" applyAlignment="1">
      <alignment horizontal="left" vertical="top" wrapText="1"/>
    </xf>
    <xf numFmtId="2" fontId="49" fillId="0" borderId="29" xfId="0" applyNumberFormat="1" applyFont="1" applyBorder="1" applyAlignment="1">
      <alignment horizontal="left" vertical="top"/>
    </xf>
    <xf numFmtId="2" fontId="49" fillId="0" borderId="23" xfId="0" applyNumberFormat="1" applyFont="1" applyBorder="1" applyAlignment="1">
      <alignment horizontal="left" vertical="top"/>
    </xf>
    <xf numFmtId="2" fontId="49" fillId="0" borderId="30" xfId="0" applyNumberFormat="1" applyFont="1" applyBorder="1" applyAlignment="1">
      <alignment horizontal="left" vertical="top"/>
    </xf>
    <xf numFmtId="0" fontId="3" fillId="0" borderId="19" xfId="0" applyFont="1" applyBorder="1" applyAlignment="1">
      <alignment horizontal="left" vertical="center"/>
    </xf>
    <xf numFmtId="0" fontId="3" fillId="0" borderId="25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7" fillId="0" borderId="19" xfId="4" applyBorder="1" applyAlignment="1">
      <alignment horizontal="left" vertical="center"/>
    </xf>
    <xf numFmtId="0" fontId="7" fillId="0" borderId="25" xfId="4" applyBorder="1" applyAlignment="1">
      <alignment horizontal="left" vertical="center"/>
    </xf>
    <xf numFmtId="0" fontId="7" fillId="0" borderId="2" xfId="4" applyBorder="1" applyAlignment="1">
      <alignment horizontal="left" vertical="center"/>
    </xf>
    <xf numFmtId="0" fontId="4" fillId="0" borderId="19" xfId="4" applyFont="1" applyBorder="1" applyAlignment="1">
      <alignment horizontal="left" vertical="center"/>
    </xf>
    <xf numFmtId="0" fontId="4" fillId="0" borderId="25" xfId="4" applyFont="1" applyBorder="1" applyAlignment="1">
      <alignment horizontal="left" vertical="center"/>
    </xf>
    <xf numFmtId="0" fontId="4" fillId="0" borderId="2" xfId="4" applyFont="1" applyBorder="1" applyAlignment="1">
      <alignment horizontal="left" vertical="center"/>
    </xf>
  </cellXfs>
  <cellStyles count="8">
    <cellStyle name="Comma" xfId="1" builtinId="3"/>
    <cellStyle name="Comma 2" xfId="5" xr:uid="{2F84BADE-E7C3-4D6E-A1B8-5F1C5BBE8740}"/>
    <cellStyle name="Hyperlink" xfId="3" builtinId="8"/>
    <cellStyle name="Normal" xfId="0" builtinId="0"/>
    <cellStyle name="Normal 2" xfId="4" xr:uid="{558F5939-FA14-4D86-B661-D57F521B8691}"/>
    <cellStyle name="Normal_Austria" xfId="6" xr:uid="{E73D1DC0-9EEF-434F-ACF1-0A7700ED1C7D}"/>
    <cellStyle name="Percent" xfId="2" builtinId="5"/>
    <cellStyle name="Percent 2" xfId="7" xr:uid="{27B56ABB-F89D-4EA3-8B60-60D1AB52B7D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microsoft.com/office/2017/10/relationships/person" Target="persons/perso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668575518969219"/>
          <c:y val="5.0925925925925923E-2"/>
          <c:w val="0.74996162411516742"/>
          <c:h val="0.77648877223680357"/>
        </c:manualLayout>
      </c:layout>
      <c:barChart>
        <c:barDir val="col"/>
        <c:grouping val="stacked"/>
        <c:varyColors val="0"/>
        <c:ser>
          <c:idx val="1"/>
          <c:order val="0"/>
          <c:tx>
            <c:strRef>
              <c:f>'Fig1 Capacity'!$A$33</c:f>
              <c:strCache>
                <c:ptCount val="1"/>
                <c:pt idx="0">
                  <c:v>Capacity at start of year, IEA WIND (GW)</c:v>
                </c:pt>
              </c:strCache>
            </c:strRef>
          </c:tx>
          <c:spPr>
            <a:solidFill>
              <a:srgbClr val="0775B9"/>
            </a:solidFill>
            <a:ln>
              <a:noFill/>
            </a:ln>
            <a:effectLst/>
          </c:spPr>
          <c:invertIfNegative val="0"/>
          <c:cat>
            <c:numRef>
              <c:f>'Fig1 Capacity'!$H$31:$S$31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1 Capacity'!$H$33:$S$33</c:f>
              <c:numCache>
                <c:formatCode>0.00</c:formatCode>
                <c:ptCount val="12"/>
                <c:pt idx="0">
                  <c:v>189.035</c:v>
                </c:pt>
                <c:pt idx="1">
                  <c:v>226.09110000000001</c:v>
                </c:pt>
                <c:pt idx="2">
                  <c:v>265.02299999999997</c:v>
                </c:pt>
                <c:pt idx="3">
                  <c:v>296.97199999999998</c:v>
                </c:pt>
                <c:pt idx="4">
                  <c:v>340.35300000000001</c:v>
                </c:pt>
                <c:pt idx="5">
                  <c:v>395.71599999999995</c:v>
                </c:pt>
                <c:pt idx="6">
                  <c:v>445.88958500000001</c:v>
                </c:pt>
                <c:pt idx="7">
                  <c:v>488.92340000000002</c:v>
                </c:pt>
                <c:pt idx="8">
                  <c:v>530.47060199999999</c:v>
                </c:pt>
                <c:pt idx="9">
                  <c:v>588.69115499999998</c:v>
                </c:pt>
                <c:pt idx="10">
                  <c:v>665.10029400000008</c:v>
                </c:pt>
                <c:pt idx="11">
                  <c:v>738.595399000000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809-429F-80E3-743A518613F3}"/>
            </c:ext>
          </c:extLst>
        </c:ser>
        <c:ser>
          <c:idx val="2"/>
          <c:order val="1"/>
          <c:tx>
            <c:strRef>
              <c:f>'Fig1 Capacity'!$A$35</c:f>
              <c:strCache>
                <c:ptCount val="1"/>
                <c:pt idx="0">
                  <c:v>Annual new capacity, IEA WIND (GW)</c:v>
                </c:pt>
              </c:strCache>
            </c:strRef>
          </c:tx>
          <c:spPr>
            <a:solidFill>
              <a:srgbClr val="92D050"/>
            </a:solidFill>
            <a:ln>
              <a:noFill/>
            </a:ln>
            <a:effectLst/>
          </c:spPr>
          <c:invertIfNegative val="0"/>
          <c:cat>
            <c:numRef>
              <c:f>'Fig1 Capacity'!$H$31:$S$31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1 Capacity'!$H$35:$S$35</c:f>
              <c:numCache>
                <c:formatCode>0.00</c:formatCode>
                <c:ptCount val="12"/>
                <c:pt idx="0">
                  <c:v>36.941000000000003</c:v>
                </c:pt>
                <c:pt idx="1">
                  <c:v>38.965900000000005</c:v>
                </c:pt>
                <c:pt idx="2">
                  <c:v>31.71</c:v>
                </c:pt>
                <c:pt idx="3">
                  <c:v>43.126000000000005</c:v>
                </c:pt>
                <c:pt idx="4">
                  <c:v>54.956999999999994</c:v>
                </c:pt>
                <c:pt idx="5">
                  <c:v>49.146999999999991</c:v>
                </c:pt>
                <c:pt idx="6">
                  <c:v>44.145135000000003</c:v>
                </c:pt>
                <c:pt idx="7">
                  <c:v>43.832030000000003</c:v>
                </c:pt>
                <c:pt idx="8">
                  <c:v>54.285700000000006</c:v>
                </c:pt>
                <c:pt idx="9">
                  <c:v>81.452749999999995</c:v>
                </c:pt>
                <c:pt idx="10">
                  <c:v>83.52309000000001</c:v>
                </c:pt>
                <c:pt idx="11">
                  <c:v>78.50342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809-429F-80E3-743A518613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100"/>
        <c:axId val="126177664"/>
        <c:axId val="126180352"/>
      </c:barChart>
      <c:lineChart>
        <c:grouping val="standard"/>
        <c:varyColors val="0"/>
        <c:ser>
          <c:idx val="3"/>
          <c:order val="3"/>
          <c:tx>
            <c:strRef>
              <c:f>'Fig1 Capacity'!$A$39</c:f>
              <c:strCache>
                <c:ptCount val="1"/>
                <c:pt idx="0">
                  <c:v>Global capacity, GWEC (GW)</c:v>
                </c:pt>
              </c:strCache>
            </c:strRef>
          </c:tx>
          <c:spPr>
            <a:ln>
              <a:noFill/>
            </a:ln>
          </c:spPr>
          <c:marker>
            <c:symbol val="triangle"/>
            <c:size val="7"/>
            <c:spPr>
              <a:ln>
                <a:solidFill>
                  <a:schemeClr val="tx1"/>
                </a:solidFill>
              </a:ln>
            </c:spPr>
          </c:marker>
          <c:cat>
            <c:numRef>
              <c:f>'Fig1 Capacity'!$H$31:$P$31</c:f>
              <c:numCache>
                <c:formatCode>General</c:formatCode>
                <c:ptCount val="9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</c:numCache>
            </c:numRef>
          </c:cat>
          <c:val>
            <c:numRef>
              <c:f>'Fig1 Capacity'!$H$39:$S$39</c:f>
              <c:numCache>
                <c:formatCode>0.00</c:formatCode>
                <c:ptCount val="12"/>
                <c:pt idx="0">
                  <c:v>238</c:v>
                </c:pt>
                <c:pt idx="1">
                  <c:v>283</c:v>
                </c:pt>
                <c:pt idx="2">
                  <c:v>319</c:v>
                </c:pt>
                <c:pt idx="3">
                  <c:v>370</c:v>
                </c:pt>
                <c:pt idx="4">
                  <c:v>432.68</c:v>
                </c:pt>
                <c:pt idx="5">
                  <c:v>487.279</c:v>
                </c:pt>
                <c:pt idx="6" formatCode="General">
                  <c:v>539.12300000000005</c:v>
                </c:pt>
                <c:pt idx="7" formatCode="General">
                  <c:v>591.54899999999998</c:v>
                </c:pt>
                <c:pt idx="8" formatCode="General">
                  <c:v>679.2</c:v>
                </c:pt>
                <c:pt idx="9" formatCode="General">
                  <c:v>777.98199999999997</c:v>
                </c:pt>
                <c:pt idx="10" formatCode="General">
                  <c:v>845</c:v>
                </c:pt>
                <c:pt idx="11" formatCode="General">
                  <c:v>9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809-429F-80E3-743A518613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26177664"/>
        <c:axId val="126180352"/>
      </c:lineChart>
      <c:lineChart>
        <c:grouping val="standard"/>
        <c:varyColors val="0"/>
        <c:ser>
          <c:idx val="0"/>
          <c:order val="2"/>
          <c:tx>
            <c:strRef>
              <c:f>'Fig1 Capacity'!$A$32</c:f>
              <c:strCache>
                <c:ptCount val="1"/>
                <c:pt idx="0">
                  <c:v>Annual Generation, IEA WIND (TWh)</c:v>
                </c:pt>
              </c:strCache>
            </c:strRef>
          </c:tx>
          <c:spPr>
            <a:ln w="28575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noFill/>
              </a:ln>
              <a:effectLst/>
            </c:spPr>
          </c:marker>
          <c:cat>
            <c:numRef>
              <c:f>'Fig1 Capacity'!$H$31:$P$31</c:f>
              <c:numCache>
                <c:formatCode>General</c:formatCode>
                <c:ptCount val="9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</c:numCache>
            </c:numRef>
          </c:cat>
          <c:val>
            <c:numRef>
              <c:f>'Fig1 Capacity'!$H$32:$S$32</c:f>
              <c:numCache>
                <c:formatCode>0.00</c:formatCode>
                <c:ptCount val="12"/>
                <c:pt idx="0">
                  <c:v>412.07173388532505</c:v>
                </c:pt>
                <c:pt idx="1">
                  <c:v>487.81665699268103</c:v>
                </c:pt>
                <c:pt idx="2">
                  <c:v>586.41600825161777</c:v>
                </c:pt>
                <c:pt idx="3">
                  <c:v>641.79378367762195</c:v>
                </c:pt>
                <c:pt idx="4">
                  <c:v>748.70558699522439</c:v>
                </c:pt>
                <c:pt idx="5">
                  <c:v>849.42016491932077</c:v>
                </c:pt>
                <c:pt idx="6">
                  <c:v>1001.141387</c:v>
                </c:pt>
                <c:pt idx="7">
                  <c:v>1105.2830245443645</c:v>
                </c:pt>
                <c:pt idx="8">
                  <c:v>1224.3134669383644</c:v>
                </c:pt>
                <c:pt idx="9">
                  <c:v>1374.1008315259598</c:v>
                </c:pt>
                <c:pt idx="10">
                  <c:v>1571.1255279999998</c:v>
                </c:pt>
                <c:pt idx="11">
                  <c:v>1794.392978741188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809-429F-80E3-743A518613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26274944"/>
        <c:axId val="126272640"/>
      </c:lineChart>
      <c:catAx>
        <c:axId val="126177664"/>
        <c:scaling>
          <c:orientation val="minMax"/>
        </c:scaling>
        <c:delete val="0"/>
        <c:axPos val="b"/>
        <c:title>
          <c:tx>
            <c:rich>
              <a:bodyPr rot="0" vert="horz"/>
              <a:lstStyle/>
              <a:p>
                <a:pPr>
                  <a:defRPr/>
                </a:pPr>
                <a:r>
                  <a:rPr lang="fi-FI"/>
                  <a:t>Yea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da-DK"/>
          </a:p>
        </c:txPr>
        <c:crossAx val="126180352"/>
        <c:crosses val="autoZero"/>
        <c:auto val="1"/>
        <c:lblAlgn val="ctr"/>
        <c:lblOffset val="100"/>
        <c:noMultiLvlLbl val="0"/>
      </c:catAx>
      <c:valAx>
        <c:axId val="126180352"/>
        <c:scaling>
          <c:orientation val="minMax"/>
          <c:max val="20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i-FI"/>
                  <a:t>Capacity (GW)</a:t>
                </a:r>
              </a:p>
            </c:rich>
          </c:tx>
          <c:layout>
            <c:manualLayout>
              <c:xMode val="edge"/>
              <c:yMode val="edge"/>
              <c:x val="2.5252525252525274E-4"/>
              <c:y val="0.30470260984818759"/>
            </c:manualLayout>
          </c:layout>
          <c:overlay val="0"/>
          <c:spPr>
            <a:noFill/>
            <a:ln>
              <a:noFill/>
            </a:ln>
            <a:effectLst/>
          </c:spPr>
        </c:title>
        <c:numFmt formatCode="0" sourceLinked="0"/>
        <c:majorTickMark val="none"/>
        <c:minorTickMark val="none"/>
        <c:tickLblPos val="nextTo"/>
        <c:spPr>
          <a:noFill/>
          <a:ln>
            <a:solidFill>
              <a:schemeClr val="tx1">
                <a:lumMod val="65000"/>
                <a:lumOff val="35000"/>
              </a:schemeClr>
            </a:solidFill>
          </a:ln>
          <a:effectLst/>
        </c:spPr>
        <c:txPr>
          <a:bodyPr rot="-60000000" vert="horz"/>
          <a:lstStyle/>
          <a:p>
            <a:pPr>
              <a:defRPr/>
            </a:pPr>
            <a:endParaRPr lang="da-DK"/>
          </a:p>
        </c:txPr>
        <c:crossAx val="126177664"/>
        <c:crosses val="autoZero"/>
        <c:crossBetween val="between"/>
      </c:valAx>
      <c:valAx>
        <c:axId val="126272640"/>
        <c:scaling>
          <c:orientation val="minMax"/>
          <c:max val="2000"/>
        </c:scaling>
        <c:delete val="0"/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i-FI"/>
                  <a:t>Generation (TWh)</a:t>
                </a:r>
              </a:p>
            </c:rich>
          </c:tx>
          <c:layout>
            <c:manualLayout>
              <c:xMode val="edge"/>
              <c:yMode val="edge"/>
              <c:x val="0.95776377952755909"/>
              <c:y val="0.26484142607174105"/>
            </c:manualLayout>
          </c:layout>
          <c:overlay val="0"/>
          <c:spPr>
            <a:noFill/>
            <a:ln>
              <a:noFill/>
            </a:ln>
            <a:effectLst/>
          </c:spPr>
        </c:title>
        <c:numFmt formatCode="0" sourceLinked="0"/>
        <c:majorTickMark val="none"/>
        <c:minorTickMark val="none"/>
        <c:tickLblPos val="nextTo"/>
        <c:spPr>
          <a:noFill/>
          <a:ln>
            <a:solidFill>
              <a:schemeClr val="tx1">
                <a:lumMod val="65000"/>
                <a:lumOff val="35000"/>
              </a:schemeClr>
            </a:solidFill>
          </a:ln>
          <a:effectLst/>
        </c:spPr>
        <c:txPr>
          <a:bodyPr rot="-60000000" vert="horz"/>
          <a:lstStyle/>
          <a:p>
            <a:pPr>
              <a:defRPr/>
            </a:pPr>
            <a:endParaRPr lang="da-DK"/>
          </a:p>
        </c:txPr>
        <c:crossAx val="126274944"/>
        <c:crosses val="max"/>
        <c:crossBetween val="between"/>
      </c:valAx>
      <c:catAx>
        <c:axId val="1262749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26272640"/>
        <c:crosses val="autoZero"/>
        <c:auto val="1"/>
        <c:lblAlgn val="ctr"/>
        <c:lblOffset val="100"/>
        <c:noMultiLvlLbl val="0"/>
      </c:catAx>
      <c:spPr>
        <a:noFill/>
        <a:ln>
          <a:solidFill>
            <a:schemeClr val="tx1">
              <a:lumMod val="65000"/>
              <a:lumOff val="3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7.9504041530206959E-2"/>
          <c:y val="4.4769742446352248E-2"/>
          <c:w val="0.5281651157241708"/>
          <c:h val="0.27880089777112765"/>
        </c:manualLayout>
      </c:layout>
      <c:overlay val="0"/>
      <c:spPr>
        <a:noFill/>
        <a:ln>
          <a:noFill/>
        </a:ln>
        <a:effectLst/>
      </c:spPr>
      <c:txPr>
        <a:bodyPr rot="0" vert="horz"/>
        <a:lstStyle/>
        <a:p>
          <a:pPr>
            <a:defRPr/>
          </a:pPr>
          <a:endParaRPr lang="da-DK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124759405074366"/>
          <c:y val="5.0925925925925923E-2"/>
          <c:w val="0.8748953056823312"/>
          <c:h val="0.79558622326464512"/>
        </c:manualLayout>
      </c:layout>
      <c:barChart>
        <c:barDir val="col"/>
        <c:grouping val="stacked"/>
        <c:varyColors val="0"/>
        <c:ser>
          <c:idx val="2"/>
          <c:order val="0"/>
          <c:tx>
            <c:strRef>
              <c:f>'Fig2 Offshore'!$B$35</c:f>
              <c:strCache>
                <c:ptCount val="1"/>
                <c:pt idx="0">
                  <c:v>China</c:v>
                </c:pt>
              </c:strCache>
            </c:strRef>
          </c:tx>
          <c:spPr>
            <a:solidFill>
              <a:schemeClr val="tx1">
                <a:lumMod val="50000"/>
                <a:lumOff val="50000"/>
              </a:schemeClr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6:$N$56</c:f>
              <c:numCache>
                <c:formatCode>General</c:formatCode>
                <c:ptCount val="12"/>
                <c:pt idx="0">
                  <c:v>0.26300000000000001</c:v>
                </c:pt>
                <c:pt idx="1">
                  <c:v>0.39</c:v>
                </c:pt>
                <c:pt idx="2">
                  <c:v>0.42799999999999999</c:v>
                </c:pt>
                <c:pt idx="3">
                  <c:v>0.65800000000000003</c:v>
                </c:pt>
                <c:pt idx="4">
                  <c:v>1.0149999999999999</c:v>
                </c:pt>
                <c:pt idx="5">
                  <c:v>1.63</c:v>
                </c:pt>
                <c:pt idx="6">
                  <c:v>2.7879999999999998</c:v>
                </c:pt>
                <c:pt idx="7">
                  <c:v>4.4429999999999996</c:v>
                </c:pt>
                <c:pt idx="8" formatCode="_-* #,##0.00_-;\-* #,##0.00_-;_-* &quot;-&quot;??_-;_-@_-">
                  <c:v>7.0259999999999998</c:v>
                </c:pt>
                <c:pt idx="9" formatCode="_-* #,##0.00_-;\-* #,##0.00_-;_-* &quot;-&quot;??_-;_-@_-">
                  <c:v>11</c:v>
                </c:pt>
                <c:pt idx="10" formatCode="_-* #,##0.00_-;\-* #,##0.00_-;_-* &quot;-&quot;??_-;_-@_-">
                  <c:v>25.352499999999999</c:v>
                </c:pt>
                <c:pt idx="11" formatCode="_-* #,##0.00_-;\-* #,##0.00_-;_-* &quot;-&quot;??_-;_-@_-">
                  <c:v>30.5088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81A-4D90-B0A3-54C67D51F421}"/>
            </c:ext>
          </c:extLst>
        </c:ser>
        <c:ser>
          <c:idx val="0"/>
          <c:order val="1"/>
          <c:tx>
            <c:strRef>
              <c:f>'Fig2 Offshore'!$B$33</c:f>
              <c:strCache>
                <c:ptCount val="1"/>
                <c:pt idx="0">
                  <c:v>United Kingdom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4:$N$54</c:f>
              <c:numCache>
                <c:formatCode>General</c:formatCode>
                <c:ptCount val="12"/>
                <c:pt idx="0">
                  <c:v>1.8380000000000001</c:v>
                </c:pt>
                <c:pt idx="1">
                  <c:v>2.6789999999999998</c:v>
                </c:pt>
                <c:pt idx="2">
                  <c:v>3.653</c:v>
                </c:pt>
                <c:pt idx="3">
                  <c:v>4.5019999999999998</c:v>
                </c:pt>
                <c:pt idx="4">
                  <c:v>5.0979999999999999</c:v>
                </c:pt>
                <c:pt idx="5">
                  <c:v>5.2930000000000001</c:v>
                </c:pt>
                <c:pt idx="6">
                  <c:v>6.9880000000000004</c:v>
                </c:pt>
                <c:pt idx="7">
                  <c:v>8.1809999999999992</c:v>
                </c:pt>
                <c:pt idx="8" formatCode="_-* #,##0.00_-;\-* #,##0.00_-;_-* &quot;-&quot;??_-;_-@_-">
                  <c:v>9.8879999999999999</c:v>
                </c:pt>
                <c:pt idx="9" formatCode="_-* #,##0.00_-;\-* #,##0.00_-;_-* &quot;-&quot;??_-;_-@_-">
                  <c:v>10.382999999999999</c:v>
                </c:pt>
                <c:pt idx="10" formatCode="_-* #,##0.00_-;\-* #,##0.00_-;_-* &quot;-&quot;??_-;_-@_-">
                  <c:v>11.256</c:v>
                </c:pt>
                <c:pt idx="11" formatCode="_-* #,##0.00_-;\-* #,##0.00_-;_-* &quot;-&quot;??_-;_-@_-">
                  <c:v>13.928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81A-4D90-B0A3-54C67D51F421}"/>
            </c:ext>
          </c:extLst>
        </c:ser>
        <c:ser>
          <c:idx val="1"/>
          <c:order val="2"/>
          <c:tx>
            <c:strRef>
              <c:f>'Fig2 Offshore'!$B$34</c:f>
              <c:strCache>
                <c:ptCount val="1"/>
                <c:pt idx="0">
                  <c:v>Germany</c:v>
                </c:pt>
              </c:strCache>
            </c:strRef>
          </c:tx>
          <c:spPr>
            <a:solidFill>
              <a:srgbClr val="FF7415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5:$N$55</c:f>
              <c:numCache>
                <c:formatCode>General</c:formatCode>
                <c:ptCount val="12"/>
                <c:pt idx="0">
                  <c:v>0.188</c:v>
                </c:pt>
                <c:pt idx="1">
                  <c:v>0.26800000000000002</c:v>
                </c:pt>
                <c:pt idx="2">
                  <c:v>0.50800000000000001</c:v>
                </c:pt>
                <c:pt idx="3">
                  <c:v>1.0369999999999999</c:v>
                </c:pt>
                <c:pt idx="4">
                  <c:v>3.2949999999999999</c:v>
                </c:pt>
                <c:pt idx="5">
                  <c:v>4.1319999999999997</c:v>
                </c:pt>
                <c:pt idx="6">
                  <c:v>5.4059999999999997</c:v>
                </c:pt>
                <c:pt idx="7">
                  <c:v>6.3929999999999998</c:v>
                </c:pt>
                <c:pt idx="8" formatCode="_-* #,##0.00_-;\-* #,##0.00_-;_-* &quot;-&quot;??_-;_-@_-">
                  <c:v>7.5279999999999996</c:v>
                </c:pt>
                <c:pt idx="9" formatCode="_-* #,##0.00_-;\-* #,##0.00_-;_-* &quot;-&quot;??_-;_-@_-">
                  <c:v>7.7469999999999999</c:v>
                </c:pt>
                <c:pt idx="10" formatCode="_-* #,##0.00_-;\-* #,##0.00_-;_-* &quot;-&quot;??_-;_-@_-">
                  <c:v>7.798</c:v>
                </c:pt>
                <c:pt idx="11" formatCode="_-* #,##0.00_-;\-* #,##0.00_-;_-* &quot;-&quot;??_-;_-@_-">
                  <c:v>8.11599999999999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81A-4D90-B0A3-54C67D51F421}"/>
            </c:ext>
          </c:extLst>
        </c:ser>
        <c:ser>
          <c:idx val="4"/>
          <c:order val="3"/>
          <c:tx>
            <c:strRef>
              <c:f>'Fig2 Offshore'!$B$37</c:f>
              <c:strCache>
                <c:ptCount val="1"/>
                <c:pt idx="0">
                  <c:v>Netherlands</c:v>
                </c:pt>
              </c:strCache>
            </c:strRef>
          </c:tx>
          <c:spPr>
            <a:solidFill>
              <a:schemeClr val="accent5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8:$N$58</c:f>
              <c:numCache>
                <c:formatCode>General</c:formatCode>
                <c:ptCount val="12"/>
                <c:pt idx="0">
                  <c:v>0.22800000000000001</c:v>
                </c:pt>
                <c:pt idx="1">
                  <c:v>0.22800000000000001</c:v>
                </c:pt>
                <c:pt idx="2">
                  <c:v>0.22800000000000001</c:v>
                </c:pt>
                <c:pt idx="3">
                  <c:v>0.22800000000000001</c:v>
                </c:pt>
                <c:pt idx="4">
                  <c:v>0.35699999999999998</c:v>
                </c:pt>
                <c:pt idx="5">
                  <c:v>0.95699999999999996</c:v>
                </c:pt>
                <c:pt idx="6">
                  <c:v>0.95699999999999996</c:v>
                </c:pt>
                <c:pt idx="7">
                  <c:v>0.95699999999999996</c:v>
                </c:pt>
                <c:pt idx="8" formatCode="_-* #,##0.00_-;\-* #,##0.00_-;_-* &quot;-&quot;??_-;_-@_-">
                  <c:v>0.95699999999999996</c:v>
                </c:pt>
                <c:pt idx="9" formatCode="_-* #,##0.00_-;\-* #,##0.00_-;_-* &quot;-&quot;??_-;_-@_-">
                  <c:v>2.5</c:v>
                </c:pt>
                <c:pt idx="10" formatCode="_-* #,##0.00_-;\-* #,##0.00_-;_-* &quot;-&quot;??_-;_-@_-">
                  <c:v>2.5</c:v>
                </c:pt>
                <c:pt idx="11" formatCode="_-* #,##0.00_-;\-* #,##0.00_-;_-* &quot;-&quot;??_-;_-@_-">
                  <c:v>2.5710000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81A-4D90-B0A3-54C67D51F421}"/>
            </c:ext>
          </c:extLst>
        </c:ser>
        <c:ser>
          <c:idx val="3"/>
          <c:order val="4"/>
          <c:tx>
            <c:strRef>
              <c:f>'Fig2 Offshore'!$B$36</c:f>
              <c:strCache>
                <c:ptCount val="1"/>
                <c:pt idx="0">
                  <c:v>Denmark</c:v>
                </c:pt>
              </c:strCache>
            </c:strRef>
          </c:tx>
          <c:spPr>
            <a:solidFill>
              <a:srgbClr val="00B050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7:$N$57</c:f>
              <c:numCache>
                <c:formatCode>General</c:formatCode>
                <c:ptCount val="12"/>
                <c:pt idx="0">
                  <c:v>0.871</c:v>
                </c:pt>
                <c:pt idx="1">
                  <c:v>0.92</c:v>
                </c:pt>
                <c:pt idx="2">
                  <c:v>1.2709999999999999</c:v>
                </c:pt>
                <c:pt idx="3">
                  <c:v>1.2709999999999999</c:v>
                </c:pt>
                <c:pt idx="4">
                  <c:v>1.2709999999999999</c:v>
                </c:pt>
                <c:pt idx="5">
                  <c:v>1.2709999999999999</c:v>
                </c:pt>
                <c:pt idx="6">
                  <c:v>1.2909999999999999</c:v>
                </c:pt>
                <c:pt idx="7">
                  <c:v>1.7</c:v>
                </c:pt>
                <c:pt idx="8" formatCode="_-* #,##0.00_-;\-* #,##0.00_-;_-* &quot;-&quot;??_-;_-@_-">
                  <c:v>1.7</c:v>
                </c:pt>
                <c:pt idx="9" formatCode="_-* #,##0.00_-;\-* #,##0.00_-;_-* &quot;-&quot;??_-;_-@_-">
                  <c:v>1.7007999999999999</c:v>
                </c:pt>
                <c:pt idx="10" formatCode="_-* #,##0.00_-;\-* #,##0.00_-;_-* &quot;-&quot;??_-;_-@_-">
                  <c:v>2.3056000000000001</c:v>
                </c:pt>
                <c:pt idx="11" formatCode="_-* #,##0.00_-;\-* #,##0.00_-;_-* &quot;-&quot;??_-;_-@_-">
                  <c:v>2.3056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F81A-4D90-B0A3-54C67D51F421}"/>
            </c:ext>
          </c:extLst>
        </c:ser>
        <c:ser>
          <c:idx val="5"/>
          <c:order val="5"/>
          <c:tx>
            <c:strRef>
              <c:f>'Fig2 Offshore'!$B$38</c:f>
              <c:strCache>
                <c:ptCount val="1"/>
                <c:pt idx="0">
                  <c:v>Belgium</c:v>
                </c:pt>
              </c:strCache>
            </c:strRef>
          </c:tx>
          <c:spPr>
            <a:solidFill>
              <a:srgbClr val="FFD900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59:$N$59</c:f>
              <c:numCache>
                <c:formatCode>General</c:formatCode>
                <c:ptCount val="12"/>
                <c:pt idx="0">
                  <c:v>0.19700000000000001</c:v>
                </c:pt>
                <c:pt idx="1">
                  <c:v>0.38100000000000001</c:v>
                </c:pt>
                <c:pt idx="2">
                  <c:v>0.70799999999999996</c:v>
                </c:pt>
                <c:pt idx="3">
                  <c:v>0.71199999999999997</c:v>
                </c:pt>
                <c:pt idx="4">
                  <c:v>0.71199999999999997</c:v>
                </c:pt>
                <c:pt idx="5">
                  <c:v>0.71199999999999997</c:v>
                </c:pt>
                <c:pt idx="6">
                  <c:v>0.87720000000000009</c:v>
                </c:pt>
                <c:pt idx="7">
                  <c:v>1.1859000000000002</c:v>
                </c:pt>
                <c:pt idx="8" formatCode="_-* #,##0.00_-;\-* #,##0.00_-;_-* &quot;-&quot;??_-;_-@_-">
                  <c:v>1.5555000000000001</c:v>
                </c:pt>
                <c:pt idx="9" formatCode="_-* #,##0.00_-;\-* #,##0.00_-;_-* &quot;-&quot;??_-;_-@_-">
                  <c:v>2.2618</c:v>
                </c:pt>
                <c:pt idx="10" formatCode="_-* #,##0.00_-;\-* #,##0.00_-;_-* &quot;-&quot;??_-;_-@_-">
                  <c:v>2.2618</c:v>
                </c:pt>
                <c:pt idx="11" formatCode="_-* #,##0.00_-;\-* #,##0.00_-;_-* &quot;-&quot;??_-;_-@_-">
                  <c:v>2.26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F81A-4D90-B0A3-54C67D51F421}"/>
            </c:ext>
          </c:extLst>
        </c:ser>
        <c:ser>
          <c:idx val="9"/>
          <c:order val="6"/>
          <c:tx>
            <c:strRef>
              <c:f>'Fig2 Offshore'!$B$49</c:f>
              <c:strCache>
                <c:ptCount val="1"/>
                <c:pt idx="0">
                  <c:v>Other (&lt; 200 MW)</c:v>
                </c:pt>
              </c:strCache>
            </c:strRef>
          </c:tx>
          <c:spPr>
            <a:solidFill>
              <a:srgbClr val="904226"/>
            </a:solidFill>
            <a:ln>
              <a:noFill/>
            </a:ln>
            <a:effectLst/>
          </c:spPr>
          <c:invertIfNegative val="0"/>
          <c:cat>
            <c:numRef>
              <c:f>'Fig2 Offshore'!$C$76:$N$7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2 Offshore'!$C$70:$N$70</c:f>
              <c:numCache>
                <c:formatCode>General</c:formatCode>
                <c:ptCount val="12"/>
                <c:pt idx="0">
                  <c:v>0.24299999999999999</c:v>
                </c:pt>
                <c:pt idx="1">
                  <c:v>0.245</c:v>
                </c:pt>
                <c:pt idx="2">
                  <c:v>0.318</c:v>
                </c:pt>
                <c:pt idx="3">
                  <c:v>0.32700000000000001</c:v>
                </c:pt>
                <c:pt idx="4">
                  <c:v>0.33</c:v>
                </c:pt>
                <c:pt idx="5">
                  <c:v>0.34300000000000003</c:v>
                </c:pt>
                <c:pt idx="6">
                  <c:v>0.4415</c:v>
                </c:pt>
                <c:pt idx="7">
                  <c:v>0.46379999999999999</c:v>
                </c:pt>
                <c:pt idx="8" formatCode="_-* #,##0.00_-;\-* #,##0.00_-;_-* &quot;-&quot;??_-;_-@_-">
                  <c:v>0.4718</c:v>
                </c:pt>
                <c:pt idx="9" formatCode="_-* #,##0.00_-;\-* #,##0.00_-;_-* &quot;-&quot;??_-;_-@_-">
                  <c:v>0.57599999999999996</c:v>
                </c:pt>
                <c:pt idx="10" formatCode="_-* #,##0.00_-;\-* #,##0.00_-;_-* &quot;-&quot;??_-;_-@_-">
                  <c:v>0.56259999999999999</c:v>
                </c:pt>
                <c:pt idx="11" formatCode="_-* #,##0.00_-;\-* #,##0.00_-;_-* &quot;-&quot;??_-;_-@_-">
                  <c:v>0.6503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F81A-4D90-B0A3-54C67D51F4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138652672"/>
        <c:axId val="138654848"/>
      </c:barChart>
      <c:catAx>
        <c:axId val="13865267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i-FI"/>
                  <a:t>Year</a:t>
                </a:r>
              </a:p>
            </c:rich>
          </c:tx>
          <c:layout>
            <c:manualLayout>
              <c:xMode val="edge"/>
              <c:yMode val="edge"/>
              <c:x val="0.52083621515216016"/>
              <c:y val="0.9217641843971631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38654848"/>
        <c:crosses val="autoZero"/>
        <c:auto val="1"/>
        <c:lblAlgn val="ctr"/>
        <c:lblOffset val="100"/>
        <c:tickMarkSkip val="1"/>
        <c:noMultiLvlLbl val="0"/>
      </c:catAx>
      <c:valAx>
        <c:axId val="1386548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i-FI"/>
                  <a:t>Capacity (GW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38652672"/>
        <c:crosses val="autoZero"/>
        <c:crossBetween val="between"/>
      </c:valAx>
      <c:spPr>
        <a:noFill/>
        <a:ln>
          <a:solidFill>
            <a:schemeClr val="tx1">
              <a:lumMod val="65000"/>
              <a:lumOff val="35000"/>
            </a:schemeClr>
          </a:solidFill>
        </a:ln>
        <a:effectLst/>
      </c:spPr>
    </c:plotArea>
    <c:legend>
      <c:legendPos val="r"/>
      <c:layout>
        <c:manualLayout>
          <c:xMode val="edge"/>
          <c:yMode val="edge"/>
          <c:x val="0.12548836451176087"/>
          <c:y val="6.0459247780197685E-2"/>
          <c:w val="0.28585337305809749"/>
          <c:h val="0.37474730552297986"/>
        </c:manualLayout>
      </c:layout>
      <c:overlay val="0"/>
      <c:spPr>
        <a:solidFill>
          <a:schemeClr val="bg1"/>
        </a:solidFill>
        <a:ln>
          <a:solidFill>
            <a:schemeClr val="tx1">
              <a:lumMod val="65000"/>
              <a:lumOff val="35000"/>
            </a:schemeClr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9.8080528395489031E-2"/>
          <c:y val="4.1525103812759534E-2"/>
          <c:w val="0.56016998671835017"/>
          <c:h val="0.82715674320237531"/>
        </c:manualLayout>
      </c:layout>
      <c:lineChart>
        <c:grouping val="standard"/>
        <c:varyColors val="0"/>
        <c:ser>
          <c:idx val="4"/>
          <c:order val="0"/>
          <c:tx>
            <c:strRef>
              <c:f>'Fig3 Wind share'!$B$42</c:f>
              <c:strCache>
                <c:ptCount val="1"/>
                <c:pt idx="0">
                  <c:v>Denmark</c:v>
                </c:pt>
              </c:strCache>
            </c:strRef>
          </c:tx>
          <c:spPr>
            <a:ln w="15875"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2:$P$42</c:f>
              <c:numCache>
                <c:formatCode>General</c:formatCode>
                <c:ptCount val="14"/>
                <c:pt idx="0">
                  <c:v>19.3</c:v>
                </c:pt>
                <c:pt idx="1">
                  <c:v>21.9</c:v>
                </c:pt>
                <c:pt idx="2">
                  <c:v>28</c:v>
                </c:pt>
                <c:pt idx="3">
                  <c:v>29.9</c:v>
                </c:pt>
                <c:pt idx="4">
                  <c:v>32.700000000000003</c:v>
                </c:pt>
                <c:pt idx="5">
                  <c:v>39.1</c:v>
                </c:pt>
                <c:pt idx="6" formatCode="0.0">
                  <c:v>41.964285714285708</c:v>
                </c:pt>
                <c:pt idx="7" formatCode="0.0">
                  <c:v>37.647058823529413</c:v>
                </c:pt>
                <c:pt idx="8" formatCode="0.0">
                  <c:v>43.310790943840047</c:v>
                </c:pt>
                <c:pt idx="9" formatCode="0.0">
                  <c:v>41.462686567164184</c:v>
                </c:pt>
                <c:pt idx="10" formatCode="0.0">
                  <c:v>47.190164700385473</c:v>
                </c:pt>
                <c:pt idx="11" formatCode="0.0">
                  <c:v>46.873509789491834</c:v>
                </c:pt>
                <c:pt idx="12" formatCode="0.0">
                  <c:v>45.330251176951478</c:v>
                </c:pt>
                <c:pt idx="13" formatCode="0.0">
                  <c:v>58.0026590099809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C0C-4433-9F51-6A70F45D10DB}"/>
            </c:ext>
          </c:extLst>
        </c:ser>
        <c:ser>
          <c:idx val="8"/>
          <c:order val="1"/>
          <c:tx>
            <c:strRef>
              <c:f>'Fig3 Wind share'!$B$47</c:f>
              <c:strCache>
                <c:ptCount val="1"/>
                <c:pt idx="0">
                  <c:v>Ireland</c:v>
                </c:pt>
              </c:strCache>
            </c:strRef>
          </c:tx>
          <c:spPr>
            <a:ln w="15875"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7:$P$47</c:f>
              <c:numCache>
                <c:formatCode>General</c:formatCode>
                <c:ptCount val="14"/>
                <c:pt idx="0">
                  <c:v>10.8</c:v>
                </c:pt>
                <c:pt idx="1">
                  <c:v>10.5</c:v>
                </c:pt>
                <c:pt idx="2">
                  <c:v>15.6</c:v>
                </c:pt>
                <c:pt idx="3">
                  <c:v>14.5</c:v>
                </c:pt>
                <c:pt idx="4">
                  <c:v>16.3</c:v>
                </c:pt>
                <c:pt idx="5">
                  <c:v>18.3</c:v>
                </c:pt>
                <c:pt idx="6" formatCode="0.0">
                  <c:v>22.602739726027394</c:v>
                </c:pt>
                <c:pt idx="7" formatCode="0.0">
                  <c:v>20.918367346938776</c:v>
                </c:pt>
                <c:pt idx="8" formatCode="0.0">
                  <c:v>24.803333333333299</c:v>
                </c:pt>
                <c:pt idx="9" formatCode="0.0">
                  <c:v>27.988954549622726</c:v>
                </c:pt>
                <c:pt idx="10" formatCode="0.0">
                  <c:v>30.745274556094465</c:v>
                </c:pt>
                <c:pt idx="11" formatCode="0.0">
                  <c:v>36.268567660082276</c:v>
                </c:pt>
                <c:pt idx="12" formatCode="0.0">
                  <c:v>28.869696969696967</c:v>
                </c:pt>
                <c:pt idx="13" formatCode="0.0">
                  <c:v>34.7999999999999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C0C-4433-9F51-6A70F45D10DB}"/>
            </c:ext>
          </c:extLst>
        </c:ser>
        <c:ser>
          <c:idx val="15"/>
          <c:order val="2"/>
          <c:tx>
            <c:strRef>
              <c:f>'Fig3 Wind share'!$B$54</c:f>
              <c:strCache>
                <c:ptCount val="1"/>
                <c:pt idx="0">
                  <c:v>Portugal</c:v>
                </c:pt>
              </c:strCache>
            </c:strRef>
          </c:tx>
          <c:spPr>
            <a:ln w="15875">
              <a:solidFill>
                <a:schemeClr val="accent4"/>
              </a:solidFill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4:$P$54</c:f>
              <c:numCache>
                <c:formatCode>General</c:formatCode>
                <c:ptCount val="14"/>
                <c:pt idx="0">
                  <c:v>15</c:v>
                </c:pt>
                <c:pt idx="1">
                  <c:v>17</c:v>
                </c:pt>
                <c:pt idx="2">
                  <c:v>18</c:v>
                </c:pt>
                <c:pt idx="3">
                  <c:v>20</c:v>
                </c:pt>
                <c:pt idx="4">
                  <c:v>23.5</c:v>
                </c:pt>
                <c:pt idx="5">
                  <c:v>24</c:v>
                </c:pt>
                <c:pt idx="6" formatCode="0.0">
                  <c:v>23.015873015873016</c:v>
                </c:pt>
                <c:pt idx="7" formatCode="0.0">
                  <c:v>24.6</c:v>
                </c:pt>
                <c:pt idx="8" formatCode="0.0">
                  <c:v>23.95588801560573</c:v>
                </c:pt>
                <c:pt idx="9" formatCode="0.0">
                  <c:v>24.045801526717558</c:v>
                </c:pt>
                <c:pt idx="10" formatCode="0.0">
                  <c:v>27</c:v>
                </c:pt>
                <c:pt idx="11" formatCode="0.0">
                  <c:v>24.523809523809522</c:v>
                </c:pt>
                <c:pt idx="12" formatCode="0.0">
                  <c:v>26.019607843137255</c:v>
                </c:pt>
                <c:pt idx="13" formatCode="0.0">
                  <c:v>25.5684007707129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C0C-4433-9F51-6A70F45D10DB}"/>
            </c:ext>
          </c:extLst>
        </c:ser>
        <c:ser>
          <c:idx val="16"/>
          <c:order val="3"/>
          <c:tx>
            <c:strRef>
              <c:f>'Fig3 Wind share'!$B$55</c:f>
              <c:strCache>
                <c:ptCount val="1"/>
                <c:pt idx="0">
                  <c:v>Spain</c:v>
                </c:pt>
              </c:strCache>
            </c:strRef>
          </c:tx>
          <c:spPr>
            <a:ln w="15875">
              <a:solidFill>
                <a:srgbClr val="00B050"/>
              </a:solidFill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5:$P$55</c:f>
              <c:numCache>
                <c:formatCode>General</c:formatCode>
                <c:ptCount val="14"/>
                <c:pt idx="0">
                  <c:v>14.399999999999999</c:v>
                </c:pt>
                <c:pt idx="1">
                  <c:v>16.399999999999999</c:v>
                </c:pt>
                <c:pt idx="2">
                  <c:v>16.3</c:v>
                </c:pt>
                <c:pt idx="3">
                  <c:v>17.8</c:v>
                </c:pt>
                <c:pt idx="4">
                  <c:v>20.9</c:v>
                </c:pt>
                <c:pt idx="5">
                  <c:v>20.399999999999999</c:v>
                </c:pt>
                <c:pt idx="6" formatCode="0.0">
                  <c:v>19.470182456426794</c:v>
                </c:pt>
                <c:pt idx="7" formatCode="0.0">
                  <c:v>19.30236322434445</c:v>
                </c:pt>
                <c:pt idx="8" formatCode="0.0">
                  <c:v>18.2</c:v>
                </c:pt>
                <c:pt idx="9" formatCode="0.0">
                  <c:v>19.027237354085603</c:v>
                </c:pt>
                <c:pt idx="10" formatCode="0.0">
                  <c:v>20.8</c:v>
                </c:pt>
                <c:pt idx="11" formatCode="0.0">
                  <c:v>22.423745887900083</c:v>
                </c:pt>
                <c:pt idx="12" formatCode="0.0">
                  <c:v>23.629847899829613</c:v>
                </c:pt>
                <c:pt idx="13" formatCode="0.0">
                  <c:v>25.9184279772515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C0C-4433-9F51-6A70F45D10DB}"/>
            </c:ext>
          </c:extLst>
        </c:ser>
        <c:ser>
          <c:idx val="17"/>
          <c:order val="4"/>
          <c:tx>
            <c:strRef>
              <c:f>'Fig3 Wind share'!$B$56</c:f>
              <c:strCache>
                <c:ptCount val="1"/>
                <c:pt idx="0">
                  <c:v>Sweden</c:v>
                </c:pt>
              </c:strCache>
            </c:strRef>
          </c:tx>
          <c:spPr>
            <a:ln w="15875"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6:$P$56</c:f>
              <c:numCache>
                <c:formatCode>General</c:formatCode>
                <c:ptCount val="14"/>
                <c:pt idx="0">
                  <c:v>1.7999999999999998</c:v>
                </c:pt>
                <c:pt idx="1">
                  <c:v>2.6</c:v>
                </c:pt>
                <c:pt idx="2">
                  <c:v>4.4000000000000004</c:v>
                </c:pt>
                <c:pt idx="3">
                  <c:v>5</c:v>
                </c:pt>
                <c:pt idx="4">
                  <c:v>7</c:v>
                </c:pt>
                <c:pt idx="5">
                  <c:v>8</c:v>
                </c:pt>
                <c:pt idx="6" formatCode="0.0">
                  <c:v>12.205882352941178</c:v>
                </c:pt>
                <c:pt idx="7" formatCode="0.0">
                  <c:v>12.279411764705882</c:v>
                </c:pt>
                <c:pt idx="8" formatCode="0.0">
                  <c:v>12.421227171382247</c:v>
                </c:pt>
                <c:pt idx="9" formatCode="0.0">
                  <c:v>11.774101707923283</c:v>
                </c:pt>
                <c:pt idx="10" formatCode="0.0">
                  <c:v>14.340323479914296</c:v>
                </c:pt>
                <c:pt idx="11" formatCode="0.0">
                  <c:v>20.235294117647058</c:v>
                </c:pt>
                <c:pt idx="12" formatCode="0.0">
                  <c:v>21.515873015873016</c:v>
                </c:pt>
                <c:pt idx="13" formatCode="0.0">
                  <c:v>24.1518248175182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3C0C-4433-9F51-6A70F45D10DB}"/>
            </c:ext>
          </c:extLst>
        </c:ser>
        <c:ser>
          <c:idx val="7"/>
          <c:order val="5"/>
          <c:tx>
            <c:strRef>
              <c:f>'Fig3 Wind share'!$B$45</c:f>
              <c:strCache>
                <c:ptCount val="1"/>
                <c:pt idx="0">
                  <c:v>Germany</c:v>
                </c:pt>
              </c:strCache>
            </c:strRef>
          </c:tx>
          <c:spPr>
            <a:ln w="15875">
              <a:solidFill>
                <a:srgbClr val="FF0000"/>
              </a:solidFill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5:$P$45</c:f>
              <c:numCache>
                <c:formatCode>General</c:formatCode>
                <c:ptCount val="14"/>
                <c:pt idx="0">
                  <c:v>6.5</c:v>
                </c:pt>
                <c:pt idx="1">
                  <c:v>6.1</c:v>
                </c:pt>
                <c:pt idx="2">
                  <c:v>8.1</c:v>
                </c:pt>
                <c:pt idx="3">
                  <c:v>8.3000000000000007</c:v>
                </c:pt>
                <c:pt idx="4">
                  <c:v>8.6999999999999993</c:v>
                </c:pt>
                <c:pt idx="5">
                  <c:v>9.6</c:v>
                </c:pt>
                <c:pt idx="6" formatCode="0.0">
                  <c:v>14.663333333333334</c:v>
                </c:pt>
                <c:pt idx="7" formatCode="0.0">
                  <c:v>13.016983352951067</c:v>
                </c:pt>
                <c:pt idx="8" formatCode="0.0">
                  <c:v>17.577415599534344</c:v>
                </c:pt>
                <c:pt idx="9" formatCode="0.0">
                  <c:v>18.215262535877088</c:v>
                </c:pt>
                <c:pt idx="10" formatCode="0.0">
                  <c:v>21.478616133518774</c:v>
                </c:pt>
                <c:pt idx="11" formatCode="0.0">
                  <c:v>23.346659463353145</c:v>
                </c:pt>
                <c:pt idx="12" formatCode="0.0">
                  <c:v>19.643811533052041</c:v>
                </c:pt>
                <c:pt idx="13" formatCode="0.0">
                  <c:v>22.796033478893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3C0C-4433-9F51-6A70F45D10DB}"/>
            </c:ext>
          </c:extLst>
        </c:ser>
        <c:ser>
          <c:idx val="19"/>
          <c:order val="6"/>
          <c:tx>
            <c:strRef>
              <c:f>'Fig3 Wind share'!$B$58</c:f>
              <c:strCache>
                <c:ptCount val="1"/>
                <c:pt idx="0">
                  <c:v>United Kingdom</c:v>
                </c:pt>
              </c:strCache>
            </c:strRef>
          </c:tx>
          <c:spPr>
            <a:ln w="15875">
              <a:solidFill>
                <a:srgbClr val="7030A0"/>
              </a:solidFill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8:$P$58</c:f>
              <c:numCache>
                <c:formatCode>General</c:formatCode>
                <c:ptCount val="14"/>
                <c:pt idx="0">
                  <c:v>1.7000000000000002</c:v>
                </c:pt>
                <c:pt idx="1">
                  <c:v>2.6</c:v>
                </c:pt>
                <c:pt idx="2">
                  <c:v>4.2</c:v>
                </c:pt>
                <c:pt idx="3">
                  <c:v>5</c:v>
                </c:pt>
                <c:pt idx="4">
                  <c:v>5</c:v>
                </c:pt>
                <c:pt idx="5">
                  <c:v>9</c:v>
                </c:pt>
                <c:pt idx="6" formatCode="0.0">
                  <c:v>9.7294046903187006</c:v>
                </c:pt>
                <c:pt idx="7" formatCode="0.0">
                  <c:v>11.075014766686355</c:v>
                </c:pt>
                <c:pt idx="8" formatCode="0.0">
                  <c:v>14.000000000000002</c:v>
                </c:pt>
                <c:pt idx="9" formatCode="0.0">
                  <c:v>16.128556852964518</c:v>
                </c:pt>
                <c:pt idx="10" formatCode="0.0">
                  <c:v>18.441378991368296</c:v>
                </c:pt>
                <c:pt idx="11" formatCode="0.0">
                  <c:v>22.84497522089023</c:v>
                </c:pt>
                <c:pt idx="12" formatCode="0.0">
                  <c:v>19.275912286525102</c:v>
                </c:pt>
                <c:pt idx="13" formatCode="0.0">
                  <c:v>24.9498898198523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3C0C-4433-9F51-6A70F45D10DB}"/>
            </c:ext>
          </c:extLst>
        </c:ser>
        <c:ser>
          <c:idx val="22"/>
          <c:order val="7"/>
          <c:tx>
            <c:strRef>
              <c:f>'Fig3 Wind share'!$B$46</c:f>
              <c:strCache>
                <c:ptCount val="1"/>
                <c:pt idx="0">
                  <c:v>Greece</c:v>
                </c:pt>
              </c:strCache>
            </c:strRef>
          </c:tx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6:$P$46</c:f>
              <c:numCache>
                <c:formatCode>General</c:formatCode>
                <c:ptCount val="14"/>
                <c:pt idx="0">
                  <c:v>5</c:v>
                </c:pt>
                <c:pt idx="1">
                  <c:v>4</c:v>
                </c:pt>
                <c:pt idx="2">
                  <c:v>5.8</c:v>
                </c:pt>
                <c:pt idx="3">
                  <c:v>5.8</c:v>
                </c:pt>
                <c:pt idx="4">
                  <c:v>5.8</c:v>
                </c:pt>
                <c:pt idx="5">
                  <c:v>6.1</c:v>
                </c:pt>
                <c:pt idx="6" formatCode="0.0">
                  <c:v>7.2265625</c:v>
                </c:pt>
                <c:pt idx="7" formatCode="0.0">
                  <c:v>7.6</c:v>
                </c:pt>
                <c:pt idx="8" formatCode="0.0">
                  <c:v>8.3000000000000007</c:v>
                </c:pt>
                <c:pt idx="9" formatCode="0.0">
                  <c:v>12.236837198461719</c:v>
                </c:pt>
                <c:pt idx="10" formatCode="0.0">
                  <c:v>12.508650519031143</c:v>
                </c:pt>
                <c:pt idx="11" formatCode="0.0">
                  <c:v>16.945454545454545</c:v>
                </c:pt>
                <c:pt idx="12" formatCode="0.0">
                  <c:v>18.884892086330936</c:v>
                </c:pt>
                <c:pt idx="13" formatCode="0.0">
                  <c:v>20.18867924528301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3C0C-4433-9F51-6A70F45D10DB}"/>
            </c:ext>
          </c:extLst>
        </c:ser>
        <c:ser>
          <c:idx val="13"/>
          <c:order val="8"/>
          <c:tx>
            <c:strRef>
              <c:f>'Fig3 Wind share'!$B$52</c:f>
              <c:strCache>
                <c:ptCount val="1"/>
                <c:pt idx="0">
                  <c:v>Netherlands</c:v>
                </c:pt>
              </c:strCache>
            </c:strRef>
          </c:tx>
          <c:spPr>
            <a:ln w="15875"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2:$P$52</c:f>
              <c:numCache>
                <c:formatCode>General</c:formatCode>
                <c:ptCount val="14"/>
                <c:pt idx="0">
                  <c:v>4</c:v>
                </c:pt>
                <c:pt idx="1">
                  <c:v>4</c:v>
                </c:pt>
                <c:pt idx="2">
                  <c:v>4.2</c:v>
                </c:pt>
                <c:pt idx="3">
                  <c:v>4.0999999999999996</c:v>
                </c:pt>
                <c:pt idx="4">
                  <c:v>4.7</c:v>
                </c:pt>
                <c:pt idx="5">
                  <c:v>4.8</c:v>
                </c:pt>
                <c:pt idx="6" formatCode="0.0">
                  <c:v>6.3266116428577464</c:v>
                </c:pt>
                <c:pt idx="7" formatCode="0.0">
                  <c:v>6.8221915631924421</c:v>
                </c:pt>
                <c:pt idx="8" formatCode="0.0">
                  <c:v>8.8191143357518147</c:v>
                </c:pt>
                <c:pt idx="9" formatCode="0.0">
                  <c:v>8.2277752187931839</c:v>
                </c:pt>
                <c:pt idx="10" formatCode="0.0">
                  <c:v>8.8400108617838011</c:v>
                </c:pt>
                <c:pt idx="11" formatCode="0.0">
                  <c:v>13.099547511312219</c:v>
                </c:pt>
                <c:pt idx="12" formatCode="0.0">
                  <c:v>16.808071543224031</c:v>
                </c:pt>
                <c:pt idx="13" formatCode="0.0">
                  <c:v>18.11704834605597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3C0C-4433-9F51-6A70F45D10DB}"/>
            </c:ext>
          </c:extLst>
        </c:ser>
        <c:ser>
          <c:idx val="1"/>
          <c:order val="9"/>
          <c:tx>
            <c:strRef>
              <c:f>'Fig3 Wind share'!$B$38</c:f>
              <c:strCache>
                <c:ptCount val="1"/>
                <c:pt idx="0">
                  <c:v>Austria</c:v>
                </c:pt>
              </c:strCache>
            </c:strRef>
          </c:tx>
          <c:spPr>
            <a:ln w="15875"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38:$P$38</c:f>
              <c:numCache>
                <c:formatCode>General</c:formatCode>
                <c:ptCount val="14"/>
                <c:pt idx="0">
                  <c:v>2.9000000000000004</c:v>
                </c:pt>
                <c:pt idx="1">
                  <c:v>3</c:v>
                </c:pt>
                <c:pt idx="2">
                  <c:v>3.6</c:v>
                </c:pt>
                <c:pt idx="3">
                  <c:v>5</c:v>
                </c:pt>
                <c:pt idx="4">
                  <c:v>5.8</c:v>
                </c:pt>
                <c:pt idx="5">
                  <c:v>7.2</c:v>
                </c:pt>
                <c:pt idx="6" formatCode="0.0">
                  <c:v>8.6666666666666679</c:v>
                </c:pt>
                <c:pt idx="7" formatCode="0.0">
                  <c:v>9.5</c:v>
                </c:pt>
                <c:pt idx="8" formatCode="0.0">
                  <c:v>10.6</c:v>
                </c:pt>
                <c:pt idx="9" formatCode="0.0">
                  <c:v>11.5</c:v>
                </c:pt>
                <c:pt idx="10" formatCode="0.0">
                  <c:v>11.111111111111111</c:v>
                </c:pt>
                <c:pt idx="11" formatCode="0.0">
                  <c:v>11.666666666666666</c:v>
                </c:pt>
                <c:pt idx="12" formatCode="0.0">
                  <c:v>11</c:v>
                </c:pt>
                <c:pt idx="13" formatCode="0.0">
                  <c:v>10.7049608355091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3C0C-4433-9F51-6A70F45D10DB}"/>
            </c:ext>
          </c:extLst>
        </c:ser>
        <c:ser>
          <c:idx val="2"/>
          <c:order val="10"/>
          <c:tx>
            <c:strRef>
              <c:f>'Fig3 Wind share'!$B$39</c:f>
              <c:strCache>
                <c:ptCount val="1"/>
                <c:pt idx="0">
                  <c:v>Belgium</c:v>
                </c:pt>
              </c:strCache>
            </c:strRef>
          </c:tx>
          <c:spPr>
            <a:ln w="15875" cap="rnd">
              <a:solidFill>
                <a:srgbClr val="FFC000"/>
              </a:solidFill>
              <a:prstDash val="solid"/>
              <a:round/>
            </a:ln>
            <a:effectLst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39:$P$39</c:f>
              <c:numCache>
                <c:formatCode>General</c:formatCode>
                <c:ptCount val="14"/>
                <c:pt idx="0">
                  <c:v>1.0900000000000001</c:v>
                </c:pt>
                <c:pt idx="1">
                  <c:v>1.36</c:v>
                </c:pt>
                <c:pt idx="2">
                  <c:v>2.56</c:v>
                </c:pt>
                <c:pt idx="3">
                  <c:v>3.32</c:v>
                </c:pt>
                <c:pt idx="4">
                  <c:v>4.41</c:v>
                </c:pt>
                <c:pt idx="5">
                  <c:v>6.35</c:v>
                </c:pt>
                <c:pt idx="6" formatCode="0.0">
                  <c:v>6.736230027225802</c:v>
                </c:pt>
                <c:pt idx="7" formatCode="0.0">
                  <c:v>6.5318481669730728</c:v>
                </c:pt>
                <c:pt idx="8" formatCode="0.0">
                  <c:v>7.7863660082798898</c:v>
                </c:pt>
                <c:pt idx="9" formatCode="0.0">
                  <c:v>8.9696523269391566</c:v>
                </c:pt>
                <c:pt idx="10" formatCode="0.0">
                  <c:v>11.680595799707849</c:v>
                </c:pt>
                <c:pt idx="11" formatCode="0.0">
                  <c:v>15.916213464451564</c:v>
                </c:pt>
                <c:pt idx="12" formatCode="0.0">
                  <c:v>14.26286874477487</c:v>
                </c:pt>
                <c:pt idx="13" formatCode="0.0">
                  <c:v>14.9626779857611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3C0C-4433-9F51-6A70F45D10DB}"/>
            </c:ext>
          </c:extLst>
        </c:ser>
        <c:ser>
          <c:idx val="5"/>
          <c:order val="11"/>
          <c:tx>
            <c:strRef>
              <c:f>'Fig3 Wind share'!$B$43</c:f>
              <c:strCache>
                <c:ptCount val="1"/>
                <c:pt idx="0">
                  <c:v>Finland</c:v>
                </c:pt>
              </c:strCache>
            </c:strRef>
          </c:tx>
          <c:spPr>
            <a:ln w="15875">
              <a:solidFill>
                <a:schemeClr val="accent6">
                  <a:lumMod val="50000"/>
                </a:schemeClr>
              </a:solidFill>
              <a:prstDash val="solid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3:$P$43</c:f>
              <c:numCache>
                <c:formatCode>General</c:formatCode>
                <c:ptCount val="14"/>
                <c:pt idx="0">
                  <c:v>0.3</c:v>
                </c:pt>
                <c:pt idx="1">
                  <c:v>0.3</c:v>
                </c:pt>
                <c:pt idx="2">
                  <c:v>0.6</c:v>
                </c:pt>
                <c:pt idx="3">
                  <c:v>0.6</c:v>
                </c:pt>
                <c:pt idx="4">
                  <c:v>0.9</c:v>
                </c:pt>
                <c:pt idx="5">
                  <c:v>1.3</c:v>
                </c:pt>
                <c:pt idx="6" formatCode="0.0">
                  <c:v>2.7710843373493974</c:v>
                </c:pt>
                <c:pt idx="7" formatCode="0.0">
                  <c:v>3.6470588235294117</c:v>
                </c:pt>
                <c:pt idx="8" formatCode="0.0">
                  <c:v>5.6163742690058482</c:v>
                </c:pt>
                <c:pt idx="9" formatCode="0.0">
                  <c:v>6.7321839080459771</c:v>
                </c:pt>
                <c:pt idx="10" formatCode="0.0">
                  <c:v>6.9578348240213739</c:v>
                </c:pt>
                <c:pt idx="11" formatCode="0.0">
                  <c:v>9.6229767074615093</c:v>
                </c:pt>
                <c:pt idx="12" formatCode="0.0">
                  <c:v>9.3000000000000007</c:v>
                </c:pt>
                <c:pt idx="13" formatCode="0.0">
                  <c:v>14.09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3C0C-4433-9F51-6A70F45D10DB}"/>
            </c:ext>
          </c:extLst>
        </c:ser>
        <c:ser>
          <c:idx val="20"/>
          <c:order val="12"/>
          <c:tx>
            <c:strRef>
              <c:f>'Fig3 Wind share'!$B$59</c:f>
              <c:strCache>
                <c:ptCount val="1"/>
                <c:pt idx="0">
                  <c:v>United States</c:v>
                </c:pt>
              </c:strCache>
            </c:strRef>
          </c:tx>
          <c:spPr>
            <a:ln w="15875">
              <a:solidFill>
                <a:srgbClr val="00B050"/>
              </a:solidFill>
              <a:prstDash val="solid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9:$P$59</c:f>
              <c:numCache>
                <c:formatCode>General</c:formatCode>
                <c:ptCount val="14"/>
                <c:pt idx="0">
                  <c:v>1.9</c:v>
                </c:pt>
                <c:pt idx="1">
                  <c:v>2.2999999999999998</c:v>
                </c:pt>
                <c:pt idx="2">
                  <c:v>2.9</c:v>
                </c:pt>
                <c:pt idx="3">
                  <c:v>3.5</c:v>
                </c:pt>
                <c:pt idx="4">
                  <c:v>4.0999999999999996</c:v>
                </c:pt>
                <c:pt idx="5">
                  <c:v>4.4000000000000004</c:v>
                </c:pt>
                <c:pt idx="6" formatCode="0.0">
                  <c:v>5.1040408108470938</c:v>
                </c:pt>
                <c:pt idx="7" formatCode="0.0">
                  <c:v>5.5532400029421138</c:v>
                </c:pt>
                <c:pt idx="8" formatCode="0.0">
                  <c:v>6.332911893083697</c:v>
                </c:pt>
                <c:pt idx="9" formatCode="0.0">
                  <c:v>6.6000000000000005</c:v>
                </c:pt>
                <c:pt idx="10" formatCode="0.0">
                  <c:v>7.8716397937630367</c:v>
                </c:pt>
                <c:pt idx="11" formatCode="0.0">
                  <c:v>9.1999999999999993</c:v>
                </c:pt>
                <c:pt idx="12" formatCode="0.0">
                  <c:v>9.2015579357351509</c:v>
                </c:pt>
                <c:pt idx="13" formatCode="0.0">
                  <c:v>11.1231799620010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3C0C-4433-9F51-6A70F45D10DB}"/>
            </c:ext>
          </c:extLst>
        </c:ser>
        <c:ser>
          <c:idx val="14"/>
          <c:order val="13"/>
          <c:tx>
            <c:strRef>
              <c:f>'Fig3 Wind share'!$B$53</c:f>
              <c:strCache>
                <c:ptCount val="1"/>
                <c:pt idx="0">
                  <c:v>Norway</c:v>
                </c:pt>
              </c:strCache>
            </c:strRef>
          </c:tx>
          <c:spPr>
            <a:ln w="15875"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3:$P$53</c:f>
              <c:numCache>
                <c:formatCode>General</c:formatCode>
                <c:ptCount val="14"/>
                <c:pt idx="0">
                  <c:v>0.8</c:v>
                </c:pt>
                <c:pt idx="1">
                  <c:v>0.7</c:v>
                </c:pt>
                <c:pt idx="2">
                  <c:v>1</c:v>
                </c:pt>
                <c:pt idx="3">
                  <c:v>1.1000000000000001</c:v>
                </c:pt>
                <c:pt idx="4">
                  <c:v>1.4</c:v>
                </c:pt>
                <c:pt idx="5">
                  <c:v>1.7</c:v>
                </c:pt>
                <c:pt idx="6" formatCode="0.0">
                  <c:v>1.9171779141104295</c:v>
                </c:pt>
                <c:pt idx="7" formatCode="0.0">
                  <c:v>1.5777610818933134</c:v>
                </c:pt>
                <c:pt idx="8" formatCode="0.0">
                  <c:v>2.1252796420581657</c:v>
                </c:pt>
                <c:pt idx="9" formatCode="0.0">
                  <c:v>2.8581979320531756</c:v>
                </c:pt>
                <c:pt idx="10" formatCode="0.0">
                  <c:v>4.0770941438102293</c:v>
                </c:pt>
                <c:pt idx="11" formatCode="0.0">
                  <c:v>7.4046372475691857</c:v>
                </c:pt>
                <c:pt idx="12" formatCode="0.0">
                  <c:v>8.4587813620071692</c:v>
                </c:pt>
                <c:pt idx="13" formatCode="0.0">
                  <c:v>11.0944527736131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3C0C-4433-9F51-6A70F45D10DB}"/>
            </c:ext>
          </c:extLst>
        </c:ser>
        <c:ser>
          <c:idx val="3"/>
          <c:order val="14"/>
          <c:tx>
            <c:strRef>
              <c:f>'Fig3 Wind share'!$B$41</c:f>
              <c:strCache>
                <c:ptCount val="1"/>
                <c:pt idx="0">
                  <c:v>China</c:v>
                </c:pt>
              </c:strCache>
            </c:strRef>
          </c:tx>
          <c:spPr>
            <a:ln w="15875">
              <a:solidFill>
                <a:srgbClr val="FF0000"/>
              </a:solidFill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1:$P$41</c:f>
              <c:numCache>
                <c:formatCode>General</c:formatCode>
                <c:ptCount val="14"/>
                <c:pt idx="0">
                  <c:v>0</c:v>
                </c:pt>
                <c:pt idx="1">
                  <c:v>1.2</c:v>
                </c:pt>
                <c:pt idx="2">
                  <c:v>1.6</c:v>
                </c:pt>
                <c:pt idx="3">
                  <c:v>2</c:v>
                </c:pt>
                <c:pt idx="4">
                  <c:v>2.6</c:v>
                </c:pt>
                <c:pt idx="5">
                  <c:v>2.8</c:v>
                </c:pt>
                <c:pt idx="6" formatCode="0.0">
                  <c:v>3.2947792869269952</c:v>
                </c:pt>
                <c:pt idx="7" formatCode="0.0">
                  <c:v>4.0710834825500868</c:v>
                </c:pt>
                <c:pt idx="8" formatCode="0.0">
                  <c:v>4.8464575043201163</c:v>
                </c:pt>
                <c:pt idx="9" formatCode="0.0">
                  <c:v>5.2325332037113812</c:v>
                </c:pt>
                <c:pt idx="10" formatCode="0.0">
                  <c:v>5.6148363435056394</c:v>
                </c:pt>
                <c:pt idx="11" formatCode="0.0">
                  <c:v>6.1381578947368416</c:v>
                </c:pt>
                <c:pt idx="12" formatCode="0.0">
                  <c:v>7.8866326628813406</c:v>
                </c:pt>
                <c:pt idx="13" formatCode="0.0">
                  <c:v>8.79799008938081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3C0C-4433-9F51-6A70F45D10DB}"/>
            </c:ext>
          </c:extLst>
        </c:ser>
        <c:ser>
          <c:idx val="6"/>
          <c:order val="15"/>
          <c:tx>
            <c:strRef>
              <c:f>'Fig3 Wind share'!$B$44</c:f>
              <c:strCache>
                <c:ptCount val="1"/>
                <c:pt idx="0">
                  <c:v>France</c:v>
                </c:pt>
              </c:strCache>
            </c:strRef>
          </c:tx>
          <c:spPr>
            <a:ln w="15875"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4:$P$44</c:f>
              <c:numCache>
                <c:formatCode>General</c:formatCode>
                <c:ptCount val="14"/>
                <c:pt idx="0">
                  <c:v>0</c:v>
                </c:pt>
                <c:pt idx="1">
                  <c:v>0</c:v>
                </c:pt>
                <c:pt idx="2">
                  <c:v>2.2000000000000002</c:v>
                </c:pt>
                <c:pt idx="3">
                  <c:v>3.1</c:v>
                </c:pt>
                <c:pt idx="4">
                  <c:v>3.3</c:v>
                </c:pt>
                <c:pt idx="5">
                  <c:v>3.6</c:v>
                </c:pt>
                <c:pt idx="6" formatCode="0.0">
                  <c:v>4.2410245643501998</c:v>
                </c:pt>
                <c:pt idx="7" formatCode="0.0">
                  <c:v>4.0999999999999996</c:v>
                </c:pt>
                <c:pt idx="8" formatCode="0.0">
                  <c:v>4.8</c:v>
                </c:pt>
                <c:pt idx="9" formatCode="0.0">
                  <c:v>5.6850715746421265</c:v>
                </c:pt>
                <c:pt idx="10" formatCode="0.0">
                  <c:v>6.9734151329243366</c:v>
                </c:pt>
                <c:pt idx="11" formatCode="0.0">
                  <c:v>8.8418708240534514</c:v>
                </c:pt>
                <c:pt idx="12" formatCode="0.0">
                  <c:v>7.8</c:v>
                </c:pt>
                <c:pt idx="13" formatCode="0.0">
                  <c:v>8.25708061002178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3C0C-4433-9F51-6A70F45D10DB}"/>
            </c:ext>
          </c:extLst>
        </c:ser>
        <c:ser>
          <c:idx val="9"/>
          <c:order val="16"/>
          <c:tx>
            <c:strRef>
              <c:f>'Fig3 Wind share'!$B$48</c:f>
              <c:strCache>
                <c:ptCount val="1"/>
                <c:pt idx="0">
                  <c:v>Italy</c:v>
                </c:pt>
              </c:strCache>
            </c:strRef>
          </c:tx>
          <c:spPr>
            <a:ln w="15875">
              <a:solidFill>
                <a:schemeClr val="accent4"/>
              </a:solidFill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8:$P$48</c:f>
              <c:numCache>
                <c:formatCode>General</c:formatCode>
                <c:ptCount val="14"/>
                <c:pt idx="0">
                  <c:v>2.1</c:v>
                </c:pt>
                <c:pt idx="1">
                  <c:v>2.6</c:v>
                </c:pt>
                <c:pt idx="2">
                  <c:v>3</c:v>
                </c:pt>
                <c:pt idx="3">
                  <c:v>4</c:v>
                </c:pt>
                <c:pt idx="4">
                  <c:v>4.7</c:v>
                </c:pt>
                <c:pt idx="5">
                  <c:v>4.9000000000000004</c:v>
                </c:pt>
                <c:pt idx="6" formatCode="0.0">
                  <c:v>4.6319796954314718</c:v>
                </c:pt>
                <c:pt idx="7" formatCode="0.0">
                  <c:v>5.6397035127296169</c:v>
                </c:pt>
                <c:pt idx="8" formatCode="0.0">
                  <c:v>5.4619225967540572</c:v>
                </c:pt>
                <c:pt idx="9" formatCode="0.0">
                  <c:v>5.4</c:v>
                </c:pt>
                <c:pt idx="10" formatCode="0.0">
                  <c:v>6.2989658414290188</c:v>
                </c:pt>
                <c:pt idx="11" formatCode="0.0">
                  <c:v>6.1116617112652794</c:v>
                </c:pt>
                <c:pt idx="12" formatCode="0.0">
                  <c:v>6.4759509588179816</c:v>
                </c:pt>
                <c:pt idx="13" formatCode="0.0">
                  <c:v>6.43939393939393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3C0C-4433-9F51-6A70F45D10DB}"/>
            </c:ext>
          </c:extLst>
        </c:ser>
        <c:ser>
          <c:idx val="0"/>
          <c:order val="17"/>
          <c:tx>
            <c:strRef>
              <c:f>'Fig3 Wind share'!$B$40</c:f>
              <c:strCache>
                <c:ptCount val="1"/>
                <c:pt idx="0">
                  <c:v>Canada</c:v>
                </c:pt>
              </c:strCache>
            </c:strRef>
          </c:tx>
          <c:spPr>
            <a:ln w="15875" cap="rnd">
              <a:solidFill>
                <a:srgbClr val="C00000"/>
              </a:solidFill>
              <a:prstDash val="sysDash"/>
              <a:round/>
            </a:ln>
            <a:effectLst/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0:$P$40</c:f>
              <c:numCache>
                <c:formatCode>General</c:formatCode>
                <c:ptCount val="14"/>
                <c:pt idx="0">
                  <c:v>1.7999999999999998</c:v>
                </c:pt>
                <c:pt idx="1">
                  <c:v>1.8</c:v>
                </c:pt>
                <c:pt idx="2">
                  <c:v>2.2999999999999998</c:v>
                </c:pt>
                <c:pt idx="3">
                  <c:v>2.8</c:v>
                </c:pt>
                <c:pt idx="4">
                  <c:v>3.1</c:v>
                </c:pt>
                <c:pt idx="5">
                  <c:v>3.8</c:v>
                </c:pt>
                <c:pt idx="6" formatCode="0.0">
                  <c:v>4.9565217391304346</c:v>
                </c:pt>
                <c:pt idx="7" formatCode="0.0">
                  <c:v>5.2105573753666947</c:v>
                </c:pt>
                <c:pt idx="8" formatCode="0.0">
                  <c:v>5.2439639762920898</c:v>
                </c:pt>
                <c:pt idx="9" formatCode="0.0">
                  <c:v>5.3565422132526068</c:v>
                </c:pt>
                <c:pt idx="10" formatCode="0.0">
                  <c:v>5.5276466621712741</c:v>
                </c:pt>
                <c:pt idx="11" formatCode="0.0">
                  <c:v>6.2744419449731792</c:v>
                </c:pt>
                <c:pt idx="12" formatCode="0.0">
                  <c:v>6.2363179613640227</c:v>
                </c:pt>
                <c:pt idx="13" formatCode="0.0">
                  <c:v>6.61607778041261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3C0C-4433-9F51-6A70F45D10DB}"/>
            </c:ext>
          </c:extLst>
        </c:ser>
        <c:ser>
          <c:idx val="10"/>
          <c:order val="18"/>
          <c:tx>
            <c:strRef>
              <c:f>'Fig3 Wind share'!$B$49</c:f>
              <c:strCache>
                <c:ptCount val="1"/>
                <c:pt idx="0">
                  <c:v>Japan</c:v>
                </c:pt>
              </c:strCache>
            </c:strRef>
          </c:tx>
          <c:spPr>
            <a:ln w="15875">
              <a:solidFill>
                <a:srgbClr val="002060"/>
              </a:solidFill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49:$P$49</c:f>
              <c:numCache>
                <c:formatCode>General</c:formatCode>
                <c:ptCount val="14"/>
                <c:pt idx="0">
                  <c:v>0.4</c:v>
                </c:pt>
                <c:pt idx="1">
                  <c:v>0.4</c:v>
                </c:pt>
                <c:pt idx="2">
                  <c:v>0.5</c:v>
                </c:pt>
                <c:pt idx="3">
                  <c:v>0.5</c:v>
                </c:pt>
                <c:pt idx="4">
                  <c:v>0.5</c:v>
                </c:pt>
                <c:pt idx="5">
                  <c:v>0.5</c:v>
                </c:pt>
                <c:pt idx="6" formatCode="0.0">
                  <c:v>0.55249082328264287</c:v>
                </c:pt>
                <c:pt idx="7" formatCode="0.0">
                  <c:v>0.57974185079851226</c:v>
                </c:pt>
                <c:pt idx="8" formatCode="0.0">
                  <c:v>0.64003531229309196</c:v>
                </c:pt>
                <c:pt idx="9" formatCode="0.0">
                  <c:v>0.71342067598810965</c:v>
                </c:pt>
                <c:pt idx="10" formatCode="0.0">
                  <c:v>0.7597373188405796</c:v>
                </c:pt>
                <c:pt idx="11" formatCode="0.0">
                  <c:v>0.89065050128235013</c:v>
                </c:pt>
                <c:pt idx="12" formatCode="0.0">
                  <c:v>0.9699954191479615</c:v>
                </c:pt>
                <c:pt idx="13" formatCode="0.0">
                  <c:v>1.01238248108232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3C0C-4433-9F51-6A70F45D10DB}"/>
            </c:ext>
          </c:extLst>
        </c:ser>
        <c:ser>
          <c:idx val="11"/>
          <c:order val="19"/>
          <c:tx>
            <c:strRef>
              <c:f>'Fig3 Wind share'!$B$50</c:f>
              <c:strCache>
                <c:ptCount val="1"/>
                <c:pt idx="0">
                  <c:v>Korea</c:v>
                </c:pt>
              </c:strCache>
            </c:strRef>
          </c:tx>
          <c:spPr>
            <a:ln w="15875">
              <a:solidFill>
                <a:schemeClr val="accent6">
                  <a:lumMod val="60000"/>
                  <a:lumOff val="40000"/>
                </a:schemeClr>
              </a:solidFill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0:$P$50</c:f>
              <c:numCache>
                <c:formatCode>General</c:formatCode>
                <c:ptCount val="14"/>
                <c:pt idx="0">
                  <c:v>0.2</c:v>
                </c:pt>
                <c:pt idx="1">
                  <c:v>0.2</c:v>
                </c:pt>
                <c:pt idx="2">
                  <c:v>0.2</c:v>
                </c:pt>
                <c:pt idx="3">
                  <c:v>0.2</c:v>
                </c:pt>
                <c:pt idx="4">
                  <c:v>0.2</c:v>
                </c:pt>
                <c:pt idx="5">
                  <c:v>0.2</c:v>
                </c:pt>
                <c:pt idx="6" formatCode="0.0">
                  <c:v>0.21025641025641026</c:v>
                </c:pt>
                <c:pt idx="7" formatCode="0.0">
                  <c:v>0.23921568627450984</c:v>
                </c:pt>
                <c:pt idx="8" formatCode="0.0">
                  <c:v>0.41650671785028787</c:v>
                </c:pt>
                <c:pt idx="9" formatCode="0.0">
                  <c:v>0.45735567970204838</c:v>
                </c:pt>
                <c:pt idx="10" formatCode="0.0">
                  <c:v>0.51002378200781273</c:v>
                </c:pt>
                <c:pt idx="11" formatCode="0.0">
                  <c:v>0.6071858399533322</c:v>
                </c:pt>
                <c:pt idx="12" formatCode="0.0">
                  <c:v>0.5889976797625387</c:v>
                </c:pt>
                <c:pt idx="13" formatCode="0.0">
                  <c:v>0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3C0C-4433-9F51-6A70F45D10DB}"/>
            </c:ext>
          </c:extLst>
        </c:ser>
        <c:ser>
          <c:idx val="18"/>
          <c:order val="20"/>
          <c:tx>
            <c:strRef>
              <c:f>'Fig3 Wind share'!$B$57</c:f>
              <c:strCache>
                <c:ptCount val="1"/>
                <c:pt idx="0">
                  <c:v>Switzerland</c:v>
                </c:pt>
              </c:strCache>
            </c:strRef>
          </c:tx>
          <c:spPr>
            <a:ln w="15875">
              <a:solidFill>
                <a:srgbClr val="7030A0"/>
              </a:solidFill>
              <a:prstDash val="sys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57:$P$57</c:f>
              <c:numCache>
                <c:formatCode>General</c:formatCode>
                <c:ptCount val="14"/>
                <c:pt idx="0">
                  <c:v>0.04</c:v>
                </c:pt>
                <c:pt idx="1">
                  <c:v>0.05</c:v>
                </c:pt>
                <c:pt idx="2">
                  <c:v>0.1</c:v>
                </c:pt>
                <c:pt idx="3">
                  <c:v>0.1</c:v>
                </c:pt>
                <c:pt idx="4">
                  <c:v>0.2</c:v>
                </c:pt>
                <c:pt idx="5">
                  <c:v>0.2</c:v>
                </c:pt>
                <c:pt idx="6" formatCode="0.0">
                  <c:v>0.1757469244288225</c:v>
                </c:pt>
                <c:pt idx="7" formatCode="0.0">
                  <c:v>0.18900343642611683</c:v>
                </c:pt>
                <c:pt idx="8" formatCode="0.0">
                  <c:v>0.22602739726027399</c:v>
                </c:pt>
                <c:pt idx="9" formatCode="0.0">
                  <c:v>0.21180555555555552</c:v>
                </c:pt>
                <c:pt idx="10" formatCode="0.0">
                  <c:v>0.25524475524475521</c:v>
                </c:pt>
                <c:pt idx="11" formatCode="0.0">
                  <c:v>0.27075812274368227</c:v>
                </c:pt>
                <c:pt idx="12" formatCode="0.0">
                  <c:v>0.2</c:v>
                </c:pt>
                <c:pt idx="13" formatCode="0.0">
                  <c:v>0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4-3C0C-4433-9F51-6A70F45D10DB}"/>
            </c:ext>
          </c:extLst>
        </c:ser>
        <c:ser>
          <c:idx val="21"/>
          <c:order val="21"/>
          <c:tx>
            <c:strRef>
              <c:f>'Fig3 Wind share'!$B$60</c:f>
              <c:strCache>
                <c:ptCount val="1"/>
                <c:pt idx="0">
                  <c:v>Total of IEA Wind Countries</c:v>
                </c:pt>
              </c:strCache>
            </c:strRef>
          </c:tx>
          <c:spPr>
            <a:ln w="31750">
              <a:solidFill>
                <a:schemeClr val="tx1"/>
              </a:solidFill>
              <a:prstDash val="dash"/>
            </a:ln>
          </c:spPr>
          <c:marker>
            <c:symbol val="none"/>
          </c:marker>
          <c:cat>
            <c:numRef>
              <c:f>'Fig3 Wind share'!$C$37:$P$37</c:f>
              <c:numCache>
                <c:formatCode>General</c:formatCode>
                <c:ptCount val="14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  <c:pt idx="11">
                  <c:v>2020</c:v>
                </c:pt>
                <c:pt idx="12">
                  <c:v>2021</c:v>
                </c:pt>
                <c:pt idx="13">
                  <c:v>2022</c:v>
                </c:pt>
              </c:numCache>
            </c:numRef>
          </c:cat>
          <c:val>
            <c:numRef>
              <c:f>'Fig3 Wind share'!$C$60:$P$60</c:f>
              <c:numCache>
                <c:formatCode>General</c:formatCode>
                <c:ptCount val="14"/>
                <c:pt idx="0">
                  <c:v>2.5</c:v>
                </c:pt>
                <c:pt idx="1">
                  <c:v>2.2999999999999998</c:v>
                </c:pt>
                <c:pt idx="2">
                  <c:v>2.8</c:v>
                </c:pt>
                <c:pt idx="3">
                  <c:v>3.3</c:v>
                </c:pt>
                <c:pt idx="4">
                  <c:v>3.8</c:v>
                </c:pt>
                <c:pt idx="5">
                  <c:v>4.0999999999999996</c:v>
                </c:pt>
                <c:pt idx="6" formatCode="0.0">
                  <c:v>4.8</c:v>
                </c:pt>
                <c:pt idx="7" formatCode="0.0">
                  <c:v>4.7698865363049681</c:v>
                </c:pt>
                <c:pt idx="8" formatCode="0.0">
                  <c:v>6.0781722864902497</c:v>
                </c:pt>
                <c:pt idx="9" formatCode="0.0">
                  <c:v>6.3631243523191285</c:v>
                </c:pt>
                <c:pt idx="10" formatCode="0.0">
                  <c:v>7.1986497525420567</c:v>
                </c:pt>
                <c:pt idx="11" formatCode="0.0">
                  <c:v>7.7990403543816855</c:v>
                </c:pt>
                <c:pt idx="12" formatCode="0.0">
                  <c:v>8.4474924308702981</c:v>
                </c:pt>
                <c:pt idx="13" formatCode="0.0">
                  <c:v>9.555335946213334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5-3C0C-4433-9F51-6A70F45D10D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38764288"/>
        <c:axId val="138766208"/>
      </c:lineChart>
      <c:catAx>
        <c:axId val="13876428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fi-FI"/>
                  <a:t>Year</a:t>
                </a:r>
              </a:p>
            </c:rich>
          </c:tx>
          <c:overlay val="0"/>
        </c:title>
        <c:numFmt formatCode="0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da-DK"/>
          </a:p>
        </c:txPr>
        <c:crossAx val="138766208"/>
        <c:crosses val="autoZero"/>
        <c:auto val="1"/>
        <c:lblAlgn val="ctr"/>
        <c:lblOffset val="100"/>
        <c:noMultiLvlLbl val="1"/>
      </c:catAx>
      <c:valAx>
        <c:axId val="1387662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fi-FI"/>
                  <a:t>Electricity demand met by wind (%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da-DK"/>
          </a:p>
        </c:txPr>
        <c:crossAx val="138764288"/>
        <c:crosses val="autoZero"/>
        <c:crossBetween val="midCat"/>
      </c:valAx>
      <c:spPr>
        <a:ln>
          <a:solidFill>
            <a:schemeClr val="tx1">
              <a:lumMod val="65000"/>
              <a:lumOff val="35000"/>
            </a:schemeClr>
          </a:solidFill>
        </a:ln>
      </c:spPr>
    </c:plotArea>
    <c:legend>
      <c:legendPos val="r"/>
      <c:layout>
        <c:manualLayout>
          <c:xMode val="edge"/>
          <c:yMode val="edge"/>
          <c:x val="0.68285890590971865"/>
          <c:y val="3.1954970472440947E-2"/>
          <c:w val="0.27854935755751858"/>
          <c:h val="0.897063588330832"/>
        </c:manualLayout>
      </c:layout>
      <c:overlay val="0"/>
    </c:legend>
    <c:plotVisOnly val="1"/>
    <c:dispBlanksAs val="gap"/>
    <c:showDLblsOverMax val="0"/>
  </c:chart>
  <c:spPr>
    <a:ln>
      <a:noFill/>
    </a:ln>
  </c:spPr>
  <c:txPr>
    <a:bodyPr/>
    <a:lstStyle/>
    <a:p>
      <a:pPr>
        <a:defRPr sz="1050"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406444212986947"/>
          <c:y val="8.4971363115693019E-2"/>
          <c:w val="0.64739928417830461"/>
          <c:h val="0.66133055070943181"/>
        </c:manualLayout>
      </c:layout>
      <c:scatterChart>
        <c:scatterStyle val="lineMarker"/>
        <c:varyColors val="0"/>
        <c:ser>
          <c:idx val="1"/>
          <c:order val="0"/>
          <c:tx>
            <c:strRef>
              <c:f>'Fig4 Ave size of turbines'!$B$36</c:f>
              <c:strCache>
                <c:ptCount val="1"/>
                <c:pt idx="0">
                  <c:v>Austri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4 Ave size of turbines'!$C$35:$AC$35</c:f>
              <c:numCache>
                <c:formatCode>General</c:formatCode>
                <c:ptCount val="27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</c:numCache>
            </c:numRef>
          </c:xVal>
          <c:yVal>
            <c:numRef>
              <c:f>'Fig4 Ave size of turbines'!$C$36:$AD$36</c:f>
              <c:numCache>
                <c:formatCode>General</c:formatCode>
                <c:ptCount val="28"/>
                <c:pt idx="13" formatCode="#,##0">
                  <c:v>2000</c:v>
                </c:pt>
                <c:pt idx="14" formatCode="#,##0">
                  <c:v>2000</c:v>
                </c:pt>
                <c:pt idx="15" formatCode="#,##0">
                  <c:v>2000</c:v>
                </c:pt>
                <c:pt idx="16" formatCode="#,##0">
                  <c:v>2220</c:v>
                </c:pt>
                <c:pt idx="17" formatCode="#,##0">
                  <c:v>2740</c:v>
                </c:pt>
                <c:pt idx="18" formatCode="#,##0">
                  <c:v>2730</c:v>
                </c:pt>
                <c:pt idx="19" formatCode="#,##0">
                  <c:v>2900</c:v>
                </c:pt>
                <c:pt idx="20" formatCode="#,##0">
                  <c:v>3000</c:v>
                </c:pt>
                <c:pt idx="21" formatCode="#,##0">
                  <c:v>2780.4878048780488</c:v>
                </c:pt>
                <c:pt idx="23" formatCode="#,##0">
                  <c:v>3267.605633802817</c:v>
                </c:pt>
                <c:pt idx="24" formatCode="#,##0">
                  <c:v>3140</c:v>
                </c:pt>
                <c:pt idx="25" formatCode="#,##0">
                  <c:v>3571.4285714285716</c:v>
                </c:pt>
                <c:pt idx="26" formatCode="#,##0">
                  <c:v>4358.2089552238804</c:v>
                </c:pt>
                <c:pt idx="27" formatCode="#,##0">
                  <c:v>362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D80-4CD2-82C9-F0B8FB35253E}"/>
            </c:ext>
          </c:extLst>
        </c:ser>
        <c:ser>
          <c:idx val="3"/>
          <c:order val="1"/>
          <c:tx>
            <c:strRef>
              <c:f>'Fig4 Ave size of turbines'!$B$38</c:f>
              <c:strCache>
                <c:ptCount val="1"/>
                <c:pt idx="0">
                  <c:v>Canad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38:$AD$38</c:f>
              <c:numCache>
                <c:formatCode>General</c:formatCode>
                <c:ptCount val="28"/>
                <c:pt idx="1">
                  <c:v>100</c:v>
                </c:pt>
                <c:pt idx="2">
                  <c:v>600</c:v>
                </c:pt>
                <c:pt idx="3">
                  <c:v>1090.9000000000001</c:v>
                </c:pt>
                <c:pt idx="4">
                  <c:v>844.26</c:v>
                </c:pt>
                <c:pt idx="5">
                  <c:v>451.7</c:v>
                </c:pt>
                <c:pt idx="6">
                  <c:v>806</c:v>
                </c:pt>
                <c:pt idx="7">
                  <c:v>1060</c:v>
                </c:pt>
                <c:pt idx="8">
                  <c:v>682</c:v>
                </c:pt>
                <c:pt idx="9">
                  <c:v>1280</c:v>
                </c:pt>
                <c:pt idx="10" formatCode="#,##0_);\(#,##0\)">
                  <c:v>1700</c:v>
                </c:pt>
                <c:pt idx="11" formatCode="#,##0_);\(#,##0\)">
                  <c:v>1230</c:v>
                </c:pt>
                <c:pt idx="12">
                  <c:v>1320</c:v>
                </c:pt>
                <c:pt idx="13" formatCode="#,##0">
                  <c:v>1863</c:v>
                </c:pt>
                <c:pt idx="14" formatCode="#,##0">
                  <c:v>2000</c:v>
                </c:pt>
                <c:pt idx="15" formatCode="#,##0">
                  <c:v>2000</c:v>
                </c:pt>
                <c:pt idx="16" formatCode="#,##0">
                  <c:v>1930</c:v>
                </c:pt>
                <c:pt idx="17" formatCode="#,##0">
                  <c:v>1975</c:v>
                </c:pt>
                <c:pt idx="18" formatCode="#,##0">
                  <c:v>2000</c:v>
                </c:pt>
                <c:pt idx="19" formatCode="#,##0">
                  <c:v>1997</c:v>
                </c:pt>
                <c:pt idx="20" formatCode="#,##0">
                  <c:v>2000</c:v>
                </c:pt>
                <c:pt idx="21" formatCode="#,##0">
                  <c:v>3166.6666666666665</c:v>
                </c:pt>
                <c:pt idx="22" formatCode="#,##0">
                  <c:v>2685.0393700787404</c:v>
                </c:pt>
                <c:pt idx="23" formatCode="#,##0">
                  <c:v>3179.7752808988762</c:v>
                </c:pt>
                <c:pt idx="24" formatCode="#,##0">
                  <c:v>3411.4285714285716</c:v>
                </c:pt>
                <c:pt idx="25" formatCode="#,##0">
                  <c:v>4166.666666666667</c:v>
                </c:pt>
                <c:pt idx="26" formatCode="#,##0">
                  <c:v>4231.25</c:v>
                </c:pt>
                <c:pt idx="27" formatCode="#,##0">
                  <c:v>4551.58371040723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D80-4CD2-82C9-F0B8FB35253E}"/>
            </c:ext>
          </c:extLst>
        </c:ser>
        <c:ser>
          <c:idx val="4"/>
          <c:order val="2"/>
          <c:tx>
            <c:strRef>
              <c:f>'Fig4 Ave size of turbines'!$B$39</c:f>
              <c:strCache>
                <c:ptCount val="1"/>
                <c:pt idx="0">
                  <c:v>Chin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plus"/>
            <c:size val="5"/>
            <c:spPr>
              <a:noFill/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39:$AD$39</c:f>
              <c:numCache>
                <c:formatCode>General</c:formatCode>
                <c:ptCount val="28"/>
                <c:pt idx="15" formatCode="#,##0">
                  <c:v>1467</c:v>
                </c:pt>
                <c:pt idx="16" formatCode="#,##0">
                  <c:v>1545</c:v>
                </c:pt>
                <c:pt idx="17" formatCode="#,##0">
                  <c:v>1646</c:v>
                </c:pt>
                <c:pt idx="18" formatCode="#,##0">
                  <c:v>1719</c:v>
                </c:pt>
                <c:pt idx="19" formatCode="#,##0">
                  <c:v>1768</c:v>
                </c:pt>
                <c:pt idx="20">
                  <c:v>1841</c:v>
                </c:pt>
                <c:pt idx="21" formatCode="#,##0">
                  <c:v>1955.1577009955661</c:v>
                </c:pt>
                <c:pt idx="22" formatCode="#,##0">
                  <c:v>2111.5628356605798</c:v>
                </c:pt>
                <c:pt idx="23" formatCode="#,##0">
                  <c:v>2183.2920280875669</c:v>
                </c:pt>
                <c:pt idx="24" formatCode="#,##0">
                  <c:v>2453.7376328325395</c:v>
                </c:pt>
                <c:pt idx="26" formatCode="#,##0">
                  <c:v>3514.4912324806737</c:v>
                </c:pt>
                <c:pt idx="27" formatCode="#,##0">
                  <c:v>4489.96035321679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DD80-4CD2-82C9-F0B8FB35253E}"/>
            </c:ext>
          </c:extLst>
        </c:ser>
        <c:ser>
          <c:idx val="5"/>
          <c:order val="3"/>
          <c:tx>
            <c:strRef>
              <c:f>'Fig4 Ave size of turbines'!$B$40</c:f>
              <c:strCache>
                <c:ptCount val="1"/>
                <c:pt idx="0">
                  <c:v>Denmark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40:$AD$40</c:f>
              <c:numCache>
                <c:formatCode>General</c:formatCode>
                <c:ptCount val="28"/>
                <c:pt idx="0">
                  <c:v>482</c:v>
                </c:pt>
                <c:pt idx="1">
                  <c:v>515</c:v>
                </c:pt>
                <c:pt idx="2">
                  <c:v>561</c:v>
                </c:pt>
                <c:pt idx="3">
                  <c:v>677</c:v>
                </c:pt>
                <c:pt idx="4">
                  <c:v>750</c:v>
                </c:pt>
                <c:pt idx="5">
                  <c:v>889</c:v>
                </c:pt>
                <c:pt idx="6">
                  <c:v>889</c:v>
                </c:pt>
                <c:pt idx="7">
                  <c:v>1337</c:v>
                </c:pt>
                <c:pt idx="8">
                  <c:v>2045</c:v>
                </c:pt>
                <c:pt idx="9">
                  <c:v>1100</c:v>
                </c:pt>
                <c:pt idx="10" formatCode="#,##0_);\(#,##0\)">
                  <c:v>1200</c:v>
                </c:pt>
                <c:pt idx="11" formatCode="#,##0_);\(#,##0\)">
                  <c:v>1287</c:v>
                </c:pt>
                <c:pt idx="12">
                  <c:v>1280</c:v>
                </c:pt>
                <c:pt idx="13" formatCode="#,##0">
                  <c:v>2000</c:v>
                </c:pt>
                <c:pt idx="14" formatCode="#,##0">
                  <c:v>2200</c:v>
                </c:pt>
                <c:pt idx="15" formatCode="#,##0">
                  <c:v>2200</c:v>
                </c:pt>
                <c:pt idx="16" formatCode="#,##0">
                  <c:v>2155</c:v>
                </c:pt>
                <c:pt idx="17" formatCode="#,##0">
                  <c:v>2731</c:v>
                </c:pt>
                <c:pt idx="18" formatCode="#,##0">
                  <c:v>3132</c:v>
                </c:pt>
                <c:pt idx="19" formatCode="#,##0">
                  <c:v>1137</c:v>
                </c:pt>
                <c:pt idx="20">
                  <c:v>3050</c:v>
                </c:pt>
                <c:pt idx="21" formatCode="#,##0">
                  <c:v>2865</c:v>
                </c:pt>
                <c:pt idx="22" formatCode="#,##0">
                  <c:v>3509.433962264151</c:v>
                </c:pt>
                <c:pt idx="23" formatCode="#,##0">
                  <c:v>5475</c:v>
                </c:pt>
                <c:pt idx="25" formatCode="#,##0">
                  <c:v>4234.6153846153848</c:v>
                </c:pt>
                <c:pt idx="26" formatCode="#,##0">
                  <c:v>6671.7699115044252</c:v>
                </c:pt>
                <c:pt idx="27" formatCode="#,##0">
                  <c:v>3498.37837837837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DD80-4CD2-82C9-F0B8FB35253E}"/>
            </c:ext>
          </c:extLst>
        </c:ser>
        <c:ser>
          <c:idx val="6"/>
          <c:order val="4"/>
          <c:tx>
            <c:strRef>
              <c:f>'Fig4 Ave size of turbines'!$B$41</c:f>
              <c:strCache>
                <c:ptCount val="1"/>
                <c:pt idx="0">
                  <c:v>Finlan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tar"/>
            <c:size val="5"/>
            <c:spPr>
              <a:noFill/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41:$AD$41</c:f>
              <c:numCache>
                <c:formatCode>General</c:formatCode>
                <c:ptCount val="28"/>
                <c:pt idx="0">
                  <c:v>500</c:v>
                </c:pt>
                <c:pt idx="1">
                  <c:v>450</c:v>
                </c:pt>
                <c:pt idx="2">
                  <c:v>575</c:v>
                </c:pt>
                <c:pt idx="3">
                  <c:v>617</c:v>
                </c:pt>
                <c:pt idx="4">
                  <c:v>894</c:v>
                </c:pt>
                <c:pt idx="6">
                  <c:v>1000</c:v>
                </c:pt>
                <c:pt idx="7">
                  <c:v>2000</c:v>
                </c:pt>
                <c:pt idx="8">
                  <c:v>920</c:v>
                </c:pt>
                <c:pt idx="9">
                  <c:v>2107</c:v>
                </c:pt>
                <c:pt idx="10" formatCode="#,##0_);\(#,##0\)">
                  <c:v>1030</c:v>
                </c:pt>
                <c:pt idx="11" formatCode="#,##0_);\(#,##0\)">
                  <c:v>2000</c:v>
                </c:pt>
                <c:pt idx="12">
                  <c:v>2160</c:v>
                </c:pt>
                <c:pt idx="13" formatCode="#,##0">
                  <c:v>3000</c:v>
                </c:pt>
                <c:pt idx="14" formatCode="#,##0">
                  <c:v>2000</c:v>
                </c:pt>
                <c:pt idx="15" formatCode="#,##0">
                  <c:v>3076</c:v>
                </c:pt>
                <c:pt idx="16" formatCode="#,##0">
                  <c:v>1000</c:v>
                </c:pt>
                <c:pt idx="17" formatCode="#,##0">
                  <c:v>2800</c:v>
                </c:pt>
                <c:pt idx="18" formatCode="#,##0">
                  <c:v>3200</c:v>
                </c:pt>
                <c:pt idx="19" formatCode="#,##0">
                  <c:v>3100</c:v>
                </c:pt>
                <c:pt idx="21" formatCode="#,##0">
                  <c:v>3131.868131868132</c:v>
                </c:pt>
                <c:pt idx="22" formatCode="#,##0">
                  <c:v>3372.5490196078431</c:v>
                </c:pt>
                <c:pt idx="24" formatCode="#,##0">
                  <c:v>4339.2857142857147</c:v>
                </c:pt>
                <c:pt idx="25" formatCode="#,##0">
                  <c:v>4507.4626865671644</c:v>
                </c:pt>
                <c:pt idx="26" formatCode="#,##0">
                  <c:v>4758.8652482269499</c:v>
                </c:pt>
                <c:pt idx="27" formatCode="#,##0">
                  <c:v>5560.640732265445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DD80-4CD2-82C9-F0B8FB35253E}"/>
            </c:ext>
          </c:extLst>
        </c:ser>
        <c:ser>
          <c:idx val="7"/>
          <c:order val="5"/>
          <c:tx>
            <c:strRef>
              <c:f>'Fig4 Ave size of turbines'!$B$42</c:f>
              <c:strCache>
                <c:ptCount val="1"/>
                <c:pt idx="0">
                  <c:v>Franc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B$35</c:f>
              <c:numCache>
                <c:formatCode>General</c:formatCode>
                <c:ptCount val="26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</c:numCache>
            </c:numRef>
          </c:xVal>
          <c:yVal>
            <c:numRef>
              <c:f>'Fig4 Ave size of turbines'!$C$42:$AB$42</c:f>
              <c:numCache>
                <c:formatCode>General</c:formatCode>
                <c:ptCount val="26"/>
                <c:pt idx="19" formatCode="#,##0">
                  <c:v>2200</c:v>
                </c:pt>
                <c:pt idx="21" formatCode="#,##0">
                  <c:v>2268.3333333333335</c:v>
                </c:pt>
                <c:pt idx="23" formatCode="#,##0">
                  <c:v>2331.7901234567903</c:v>
                </c:pt>
                <c:pt idx="24" formatCode="#,##0">
                  <c:v>2776.908023483365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DD80-4CD2-82C9-F0B8FB35253E}"/>
            </c:ext>
          </c:extLst>
        </c:ser>
        <c:ser>
          <c:idx val="8"/>
          <c:order val="6"/>
          <c:tx>
            <c:strRef>
              <c:f>'Fig4 Ave size of turbines'!$B$43</c:f>
              <c:strCache>
                <c:ptCount val="1"/>
                <c:pt idx="0">
                  <c:v>Germany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43:$AD$43</c:f>
              <c:numCache>
                <c:formatCode>General</c:formatCode>
                <c:ptCount val="28"/>
                <c:pt idx="0">
                  <c:v>472</c:v>
                </c:pt>
                <c:pt idx="1">
                  <c:v>529.70000000000005</c:v>
                </c:pt>
                <c:pt idx="2">
                  <c:v>629</c:v>
                </c:pt>
                <c:pt idx="3">
                  <c:v>785</c:v>
                </c:pt>
                <c:pt idx="4">
                  <c:v>935.6</c:v>
                </c:pt>
                <c:pt idx="5">
                  <c:v>1114</c:v>
                </c:pt>
                <c:pt idx="6">
                  <c:v>1279</c:v>
                </c:pt>
                <c:pt idx="7">
                  <c:v>1395</c:v>
                </c:pt>
                <c:pt idx="8">
                  <c:v>1552</c:v>
                </c:pt>
                <c:pt idx="9">
                  <c:v>1696</c:v>
                </c:pt>
                <c:pt idx="10" formatCode="#,##0_);\(#,##0\)">
                  <c:v>1723</c:v>
                </c:pt>
                <c:pt idx="11" formatCode="#,##0_);\(#,##0\)">
                  <c:v>1848</c:v>
                </c:pt>
                <c:pt idx="12">
                  <c:v>1667</c:v>
                </c:pt>
                <c:pt idx="13" formatCode="#,##0">
                  <c:v>1667</c:v>
                </c:pt>
                <c:pt idx="14" formatCode="#,##0">
                  <c:v>2013</c:v>
                </c:pt>
                <c:pt idx="15" formatCode="#,##0">
                  <c:v>2057</c:v>
                </c:pt>
                <c:pt idx="16" formatCode="#,##0">
                  <c:v>2243</c:v>
                </c:pt>
                <c:pt idx="17" formatCode="#,##0">
                  <c:v>2377</c:v>
                </c:pt>
                <c:pt idx="21" formatCode="#,##0">
                  <c:v>2805.0561797752807</c:v>
                </c:pt>
                <c:pt idx="22" formatCode="#,##0">
                  <c:v>3120.1588877855015</c:v>
                </c:pt>
                <c:pt idx="23" formatCode="#,##0">
                  <c:v>3527.5675675675675</c:v>
                </c:pt>
                <c:pt idx="24" formatCode="#,##0">
                  <c:v>5224.343675417661</c:v>
                </c:pt>
                <c:pt idx="25" formatCode="#,##0">
                  <c:v>3650.4424778761063</c:v>
                </c:pt>
                <c:pt idx="26" formatCode="#,##0">
                  <c:v>3977.2727272727275</c:v>
                </c:pt>
                <c:pt idx="27" formatCode="#,##0">
                  <c:v>4660.44142614601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DD80-4CD2-82C9-F0B8FB35253E}"/>
            </c:ext>
          </c:extLst>
        </c:ser>
        <c:ser>
          <c:idx val="9"/>
          <c:order val="7"/>
          <c:tx>
            <c:strRef>
              <c:f>'Fig4 Ave size of turbines'!$B$44</c:f>
              <c:strCache>
                <c:ptCount val="1"/>
                <c:pt idx="0">
                  <c:v>Greec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>
                  <a:lumMod val="60000"/>
                </a:schemeClr>
              </a:solidFill>
              <a:ln w="9525">
                <a:solidFill>
                  <a:schemeClr val="accent4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B$35</c:f>
              <c:numCache>
                <c:formatCode>General</c:formatCode>
                <c:ptCount val="26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</c:numCache>
            </c:numRef>
          </c:xVal>
          <c:yVal>
            <c:numRef>
              <c:f>'Fig4 Ave size of turbines'!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D80-4CD2-82C9-F0B8FB35253E}"/>
            </c:ext>
          </c:extLst>
        </c:ser>
        <c:ser>
          <c:idx val="10"/>
          <c:order val="8"/>
          <c:tx>
            <c:strRef>
              <c:f>'Fig4 Ave size of turbines'!$B$45</c:f>
              <c:strCache>
                <c:ptCount val="1"/>
                <c:pt idx="0">
                  <c:v>Irelan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ash"/>
            <c:size val="5"/>
            <c:spPr>
              <a:solidFill>
                <a:schemeClr val="accent5">
                  <a:lumMod val="60000"/>
                </a:schemeClr>
              </a:solidFill>
              <a:ln w="9525">
                <a:solidFill>
                  <a:schemeClr val="accent5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B$35</c:f>
              <c:numCache>
                <c:formatCode>General</c:formatCode>
                <c:ptCount val="26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</c:numCache>
            </c:numRef>
          </c:xVal>
          <c:yVal>
            <c:numRef>
              <c:f>'Fig4 Ave size of turbines'!$C$45:$AB$45</c:f>
              <c:numCache>
                <c:formatCode>General</c:formatCode>
                <c:ptCount val="26"/>
                <c:pt idx="7">
                  <c:v>850</c:v>
                </c:pt>
                <c:pt idx="8">
                  <c:v>1230</c:v>
                </c:pt>
                <c:pt idx="9">
                  <c:v>1000</c:v>
                </c:pt>
                <c:pt idx="10" formatCode="#,##0_);\(#,##0\)">
                  <c:v>1000</c:v>
                </c:pt>
                <c:pt idx="12">
                  <c:v>1900</c:v>
                </c:pt>
                <c:pt idx="13" formatCode="#,##0">
                  <c:v>1696</c:v>
                </c:pt>
                <c:pt idx="14" formatCode="#,##0">
                  <c:v>2230</c:v>
                </c:pt>
                <c:pt idx="15" formatCode="#,##0">
                  <c:v>2000</c:v>
                </c:pt>
                <c:pt idx="16" formatCode="#,##0">
                  <c:v>2000</c:v>
                </c:pt>
                <c:pt idx="17" formatCode="#,##0">
                  <c:v>2420</c:v>
                </c:pt>
                <c:pt idx="20" formatCode="#,##0">
                  <c:v>2644</c:v>
                </c:pt>
                <c:pt idx="22" formatCode="#,##0">
                  <c:v>2733.19391634981</c:v>
                </c:pt>
                <c:pt idx="23" formatCode="#,##0">
                  <c:v>2831.9327731092435</c:v>
                </c:pt>
                <c:pt idx="24" formatCode="#,##0">
                  <c:v>3049.079754601226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DD80-4CD2-82C9-F0B8FB35253E}"/>
            </c:ext>
          </c:extLst>
        </c:ser>
        <c:ser>
          <c:idx val="11"/>
          <c:order val="9"/>
          <c:tx>
            <c:strRef>
              <c:f>'Fig4 Ave size of turbines'!$B$46</c:f>
              <c:strCache>
                <c:ptCount val="1"/>
                <c:pt idx="0">
                  <c:v>Italy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>
                  <a:lumMod val="60000"/>
                </a:schemeClr>
              </a:solidFill>
              <a:ln w="9525">
                <a:solidFill>
                  <a:schemeClr val="accent6">
                    <a:lumMod val="6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46:$AD$46</c:f>
              <c:numCache>
                <c:formatCode>General</c:formatCode>
                <c:ptCount val="28"/>
                <c:pt idx="0">
                  <c:v>600</c:v>
                </c:pt>
                <c:pt idx="1">
                  <c:v>735</c:v>
                </c:pt>
                <c:pt idx="2">
                  <c:v>303</c:v>
                </c:pt>
                <c:pt idx="3">
                  <c:v>516</c:v>
                </c:pt>
                <c:pt idx="4">
                  <c:v>568</c:v>
                </c:pt>
                <c:pt idx="5">
                  <c:v>648</c:v>
                </c:pt>
                <c:pt idx="6">
                  <c:v>637</c:v>
                </c:pt>
                <c:pt idx="7">
                  <c:v>774</c:v>
                </c:pt>
                <c:pt idx="8">
                  <c:v>800</c:v>
                </c:pt>
                <c:pt idx="9">
                  <c:v>918</c:v>
                </c:pt>
                <c:pt idx="10" formatCode="#,##0_);\(#,##0\)">
                  <c:v>1196</c:v>
                </c:pt>
                <c:pt idx="11" formatCode="#,##0_);\(#,##0\)">
                  <c:v>1148</c:v>
                </c:pt>
                <c:pt idx="12">
                  <c:v>1638</c:v>
                </c:pt>
                <c:pt idx="13" formatCode="#,##0">
                  <c:v>1566</c:v>
                </c:pt>
                <c:pt idx="14" formatCode="#,##0">
                  <c:v>1715</c:v>
                </c:pt>
                <c:pt idx="15" formatCode="#,##0">
                  <c:v>1541</c:v>
                </c:pt>
                <c:pt idx="16" formatCode="#,##0">
                  <c:v>1831</c:v>
                </c:pt>
                <c:pt idx="17" formatCode="#,##0">
                  <c:v>1760</c:v>
                </c:pt>
                <c:pt idx="18" formatCode="#,##0">
                  <c:v>2014</c:v>
                </c:pt>
                <c:pt idx="19" formatCode="#,##0">
                  <c:v>1920</c:v>
                </c:pt>
                <c:pt idx="20">
                  <c:v>2170</c:v>
                </c:pt>
                <c:pt idx="22" formatCode="#,##0">
                  <c:v>1940</c:v>
                </c:pt>
                <c:pt idx="23" formatCode="#,##0">
                  <c:v>2485.4395604395604</c:v>
                </c:pt>
                <c:pt idx="24" formatCode="#,##0">
                  <c:v>2964.9350649350649</c:v>
                </c:pt>
                <c:pt idx="25" formatCode="#,##0">
                  <c:v>2672.3684210526317</c:v>
                </c:pt>
                <c:pt idx="26" formatCode="#,##0">
                  <c:v>3140</c:v>
                </c:pt>
                <c:pt idx="27" formatCode="#,##0">
                  <c:v>3278.571428571428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DD80-4CD2-82C9-F0B8FB35253E}"/>
            </c:ext>
          </c:extLst>
        </c:ser>
        <c:ser>
          <c:idx val="12"/>
          <c:order val="10"/>
          <c:tx>
            <c:strRef>
              <c:f>'Fig4 Ave size of turbines'!$B$47</c:f>
              <c:strCache>
                <c:ptCount val="1"/>
                <c:pt idx="0">
                  <c:v>Japa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1">
                  <a:lumMod val="80000"/>
                  <a:lumOff val="20000"/>
                </a:schemeClr>
              </a:solidFill>
              <a:ln w="9525">
                <a:solidFill>
                  <a:schemeClr val="accent1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47:$AD$47</c:f>
              <c:numCache>
                <c:formatCode>General</c:formatCode>
                <c:ptCount val="28"/>
                <c:pt idx="0">
                  <c:v>281.14999999999998</c:v>
                </c:pt>
                <c:pt idx="1">
                  <c:v>275</c:v>
                </c:pt>
                <c:pt idx="2">
                  <c:v>231.08</c:v>
                </c:pt>
                <c:pt idx="3">
                  <c:v>360</c:v>
                </c:pt>
                <c:pt idx="4">
                  <c:v>1085</c:v>
                </c:pt>
                <c:pt idx="5">
                  <c:v>518</c:v>
                </c:pt>
                <c:pt idx="8">
                  <c:v>1180</c:v>
                </c:pt>
                <c:pt idx="9">
                  <c:v>1300</c:v>
                </c:pt>
                <c:pt idx="10" formatCode="#,##0_);\(#,##0\)">
                  <c:v>1300</c:v>
                </c:pt>
                <c:pt idx="11" formatCode="#,##0_);\(#,##0\)">
                  <c:v>1159</c:v>
                </c:pt>
                <c:pt idx="12">
                  <c:v>1156</c:v>
                </c:pt>
                <c:pt idx="13" formatCode="#,##0">
                  <c:v>1247</c:v>
                </c:pt>
                <c:pt idx="14" formatCode="#,##0">
                  <c:v>1680</c:v>
                </c:pt>
                <c:pt idx="15" formatCode="#,##0">
                  <c:v>1586</c:v>
                </c:pt>
                <c:pt idx="16" formatCode="#,##0">
                  <c:v>1991</c:v>
                </c:pt>
                <c:pt idx="17" formatCode="#,##0">
                  <c:v>2438</c:v>
                </c:pt>
                <c:pt idx="18" formatCode="#,##0">
                  <c:v>1474</c:v>
                </c:pt>
                <c:pt idx="19" formatCode="#,##0">
                  <c:v>2038</c:v>
                </c:pt>
                <c:pt idx="20" formatCode="#,##0">
                  <c:v>2239</c:v>
                </c:pt>
                <c:pt idx="21" formatCode="#,##0">
                  <c:v>1989.795918367347</c:v>
                </c:pt>
                <c:pt idx="22" formatCode="#,##0">
                  <c:v>2194.8051948051948</c:v>
                </c:pt>
                <c:pt idx="23" formatCode="#,##0">
                  <c:v>2610</c:v>
                </c:pt>
                <c:pt idx="24" formatCode="#,##0">
                  <c:v>2596.1538461538462</c:v>
                </c:pt>
                <c:pt idx="25" formatCode="#,##0">
                  <c:v>3108.4337349397592</c:v>
                </c:pt>
                <c:pt idx="26" formatCode="#,##0">
                  <c:v>2429.8850574712642</c:v>
                </c:pt>
                <c:pt idx="27" formatCode="#,##0">
                  <c:v>3234.722222222222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DD80-4CD2-82C9-F0B8FB35253E}"/>
            </c:ext>
          </c:extLst>
        </c:ser>
        <c:ser>
          <c:idx val="13"/>
          <c:order val="11"/>
          <c:tx>
            <c:strRef>
              <c:f>'Fig4 Ave size of turbines'!$B$48</c:f>
              <c:strCache>
                <c:ptCount val="1"/>
                <c:pt idx="0">
                  <c:v>Kore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5"/>
            <c:spPr>
              <a:solidFill>
                <a:schemeClr val="accent2">
                  <a:lumMod val="80000"/>
                  <a:lumOff val="20000"/>
                </a:schemeClr>
              </a:solidFill>
              <a:ln w="9525">
                <a:solidFill>
                  <a:schemeClr val="accent2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4 Ave size of turbines'!$C$35:$AC$35</c:f>
              <c:numCache>
                <c:formatCode>General</c:formatCode>
                <c:ptCount val="27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</c:numCache>
            </c:numRef>
          </c:xVal>
          <c:yVal>
            <c:numRef>
              <c:f>'Fig4 Ave size of turbines'!$C$48:$AD$48</c:f>
              <c:numCache>
                <c:formatCode>General</c:formatCode>
                <c:ptCount val="28"/>
                <c:pt idx="9">
                  <c:v>1000</c:v>
                </c:pt>
                <c:pt idx="10" formatCode="#,##0_);\(#,##0\)">
                  <c:v>1700</c:v>
                </c:pt>
                <c:pt idx="12">
                  <c:v>1417</c:v>
                </c:pt>
                <c:pt idx="13" formatCode="#,##0">
                  <c:v>1579</c:v>
                </c:pt>
                <c:pt idx="14" formatCode="#,##0">
                  <c:v>1579</c:v>
                </c:pt>
                <c:pt idx="15" formatCode="#,##0">
                  <c:v>1381</c:v>
                </c:pt>
                <c:pt idx="16" formatCode="#,##0">
                  <c:v>1381</c:v>
                </c:pt>
                <c:pt idx="17" formatCode="#,##0">
                  <c:v>1209</c:v>
                </c:pt>
                <c:pt idx="18" formatCode="#,##0">
                  <c:v>1721</c:v>
                </c:pt>
                <c:pt idx="19" formatCode="#,##0">
                  <c:v>1500</c:v>
                </c:pt>
                <c:pt idx="20">
                  <c:v>2555</c:v>
                </c:pt>
                <c:pt idx="22" formatCode="#,##0">
                  <c:v>2595.2380952380954</c:v>
                </c:pt>
                <c:pt idx="23" formatCode="#,##0">
                  <c:v>2564.516129032258</c:v>
                </c:pt>
                <c:pt idx="24" formatCode="#,##0">
                  <c:v>3472.7272727272725</c:v>
                </c:pt>
                <c:pt idx="25" formatCode="#,##0">
                  <c:v>2807.8947368421054</c:v>
                </c:pt>
                <c:pt idx="26" formatCode="#,##0">
                  <c:v>3533.3333333333335</c:v>
                </c:pt>
                <c:pt idx="27" formatCode="#,##0">
                  <c:v>5311.11111111111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DD80-4CD2-82C9-F0B8FB35253E}"/>
            </c:ext>
          </c:extLst>
        </c:ser>
        <c:ser>
          <c:idx val="14"/>
          <c:order val="12"/>
          <c:tx>
            <c:strRef>
              <c:f>'Fig4 Ave size of turbines'!$B$49</c:f>
              <c:strCache>
                <c:ptCount val="1"/>
                <c:pt idx="0">
                  <c:v>Mexico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tx1">
                    <a:lumMod val="65000"/>
                    <a:lumOff val="35000"/>
                  </a:schemeClr>
                </a:solidFill>
              </a:ln>
              <a:effectLst/>
            </c:spPr>
          </c:marker>
          <c:xVal>
            <c:numRef>
              <c:f>'Fig4 Ave size of turbines'!$C$35:$AB$35</c:f>
              <c:numCache>
                <c:formatCode>General</c:formatCode>
                <c:ptCount val="26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</c:numCache>
            </c:numRef>
          </c:xVal>
          <c:yVal>
            <c:numRef>
              <c:f>'Fig4 Ave size of turbines'!$C$49:$AB$49</c:f>
              <c:numCache>
                <c:formatCode>General</c:formatCode>
                <c:ptCount val="26"/>
                <c:pt idx="3">
                  <c:v>600</c:v>
                </c:pt>
                <c:pt idx="14" formatCode="#,##0">
                  <c:v>1136</c:v>
                </c:pt>
                <c:pt idx="15" formatCode="#,##0">
                  <c:v>1200</c:v>
                </c:pt>
                <c:pt idx="16" formatCode="#,##0">
                  <c:v>1250</c:v>
                </c:pt>
                <c:pt idx="17" formatCode="#,##0">
                  <c:v>1500</c:v>
                </c:pt>
                <c:pt idx="18" formatCode="#,##0">
                  <c:v>2000</c:v>
                </c:pt>
                <c:pt idx="19" formatCode="#,##0">
                  <c:v>1800</c:v>
                </c:pt>
                <c:pt idx="21" formatCode="#,##0">
                  <c:v>2427.8074866310158</c:v>
                </c:pt>
                <c:pt idx="22" formatCode="#,##0">
                  <c:v>3194</c:v>
                </c:pt>
                <c:pt idx="23" formatCode="#,##0">
                  <c:v>2896.875</c:v>
                </c:pt>
                <c:pt idx="24" formatCode="#,##0">
                  <c:v>3064.593301435406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C-DD80-4CD2-82C9-F0B8FB35253E}"/>
            </c:ext>
          </c:extLst>
        </c:ser>
        <c:ser>
          <c:idx val="15"/>
          <c:order val="13"/>
          <c:tx>
            <c:strRef>
              <c:f>'Fig4 Ave size of turbines'!$B$50</c:f>
              <c:strCache>
                <c:ptCount val="1"/>
                <c:pt idx="0">
                  <c:v>Netherland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ash"/>
            <c:size val="5"/>
            <c:spPr>
              <a:solidFill>
                <a:schemeClr val="accent4">
                  <a:lumMod val="80000"/>
                  <a:lumOff val="20000"/>
                </a:schemeClr>
              </a:solidFill>
              <a:ln w="9525">
                <a:solidFill>
                  <a:schemeClr val="accent4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0:$AD$50</c:f>
              <c:numCache>
                <c:formatCode>General</c:formatCode>
                <c:ptCount val="28"/>
                <c:pt idx="0">
                  <c:v>289.2</c:v>
                </c:pt>
                <c:pt idx="1">
                  <c:v>364.3</c:v>
                </c:pt>
                <c:pt idx="2">
                  <c:v>488.9</c:v>
                </c:pt>
                <c:pt idx="3">
                  <c:v>683.3</c:v>
                </c:pt>
                <c:pt idx="4">
                  <c:v>670.9</c:v>
                </c:pt>
                <c:pt idx="5">
                  <c:v>820.8</c:v>
                </c:pt>
                <c:pt idx="6">
                  <c:v>671.4</c:v>
                </c:pt>
                <c:pt idx="7">
                  <c:v>1301</c:v>
                </c:pt>
                <c:pt idx="8">
                  <c:v>1266</c:v>
                </c:pt>
                <c:pt idx="9">
                  <c:v>1203</c:v>
                </c:pt>
                <c:pt idx="10" formatCode="#,##0_);\(#,##0\)">
                  <c:v>1358</c:v>
                </c:pt>
                <c:pt idx="11" formatCode="#,##0_);\(#,##0\)">
                  <c:v>2248</c:v>
                </c:pt>
                <c:pt idx="12">
                  <c:v>1787</c:v>
                </c:pt>
                <c:pt idx="13" formatCode="#,##0">
                  <c:v>2219</c:v>
                </c:pt>
                <c:pt idx="14" formatCode="#,##0">
                  <c:v>1982</c:v>
                </c:pt>
                <c:pt idx="15" formatCode="#,##0">
                  <c:v>1982</c:v>
                </c:pt>
                <c:pt idx="16" formatCode="#,##0">
                  <c:v>2118</c:v>
                </c:pt>
                <c:pt idx="17" formatCode="#,##0">
                  <c:v>2370</c:v>
                </c:pt>
                <c:pt idx="18" formatCode="#,##0">
                  <c:v>2729</c:v>
                </c:pt>
                <c:pt idx="19" formatCode="#,##0">
                  <c:v>3173</c:v>
                </c:pt>
                <c:pt idx="23" formatCode="#,##0">
                  <c:v>1895.8333333333333</c:v>
                </c:pt>
                <c:pt idx="24" formatCode="#,##0">
                  <c:v>2865.9793814432992</c:v>
                </c:pt>
                <c:pt idx="25" formatCode="#,##0">
                  <c:v>6560.509554140127</c:v>
                </c:pt>
                <c:pt idx="27" formatCode="#,##0">
                  <c:v>5629.44162436548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D-DD80-4CD2-82C9-F0B8FB35253E}"/>
            </c:ext>
          </c:extLst>
        </c:ser>
        <c:ser>
          <c:idx val="16"/>
          <c:order val="14"/>
          <c:tx>
            <c:strRef>
              <c:f>'Fig4 Ave size of turbines'!$B$51</c:f>
              <c:strCache>
                <c:ptCount val="1"/>
                <c:pt idx="0">
                  <c:v>Norway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5">
                  <a:lumMod val="80000"/>
                  <a:lumOff val="20000"/>
                </a:schemeClr>
              </a:solidFill>
              <a:ln w="9525">
                <a:solidFill>
                  <a:schemeClr val="accent5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1:$AD$51</c:f>
              <c:numCache>
                <c:formatCode>General</c:formatCode>
                <c:ptCount val="28"/>
                <c:pt idx="3">
                  <c:v>900</c:v>
                </c:pt>
                <c:pt idx="4">
                  <c:v>750</c:v>
                </c:pt>
                <c:pt idx="6">
                  <c:v>800</c:v>
                </c:pt>
                <c:pt idx="7">
                  <c:v>2220</c:v>
                </c:pt>
                <c:pt idx="8">
                  <c:v>1540</c:v>
                </c:pt>
                <c:pt idx="9">
                  <c:v>2300</c:v>
                </c:pt>
                <c:pt idx="10" formatCode="#,##0_);\(#,##0\)">
                  <c:v>2300</c:v>
                </c:pt>
                <c:pt idx="11" formatCode="#,##0_);\(#,##0\)">
                  <c:v>2280</c:v>
                </c:pt>
                <c:pt idx="12">
                  <c:v>2727</c:v>
                </c:pt>
                <c:pt idx="13" formatCode="#,##0">
                  <c:v>2531</c:v>
                </c:pt>
                <c:pt idx="14" formatCode="#,##0">
                  <c:v>2310</c:v>
                </c:pt>
                <c:pt idx="15" formatCode="#,##0">
                  <c:v>2300</c:v>
                </c:pt>
                <c:pt idx="16" formatCode="#,##0">
                  <c:v>2300</c:v>
                </c:pt>
                <c:pt idx="17" formatCode="#,##0">
                  <c:v>2166</c:v>
                </c:pt>
                <c:pt idx="18" formatCode="#,##0">
                  <c:v>2500</c:v>
                </c:pt>
                <c:pt idx="19" formatCode="#,##0">
                  <c:v>3000</c:v>
                </c:pt>
                <c:pt idx="20">
                  <c:v>2250</c:v>
                </c:pt>
                <c:pt idx="22" formatCode="#,##0">
                  <c:v>3306.1224489795918</c:v>
                </c:pt>
                <c:pt idx="23" formatCode="#,##0">
                  <c:v>3563.3802816901407</c:v>
                </c:pt>
                <c:pt idx="24" formatCode="#,##0">
                  <c:v>4130.5263157894733</c:v>
                </c:pt>
                <c:pt idx="25" formatCode="#,##0">
                  <c:v>4208.7912087912091</c:v>
                </c:pt>
                <c:pt idx="26" formatCode="#,##0">
                  <c:v>5031.9148936170213</c:v>
                </c:pt>
                <c:pt idx="27" formatCode="#,##0">
                  <c:v>4506.024096385542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E-DD80-4CD2-82C9-F0B8FB35253E}"/>
            </c:ext>
          </c:extLst>
        </c:ser>
        <c:ser>
          <c:idx val="17"/>
          <c:order val="15"/>
          <c:tx>
            <c:strRef>
              <c:f>'Fig4 Ave size of turbines'!$B$52</c:f>
              <c:strCache>
                <c:ptCount val="1"/>
                <c:pt idx="0">
                  <c:v>Portuga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>
                  <a:lumMod val="80000"/>
                  <a:lumOff val="20000"/>
                </a:schemeClr>
              </a:solidFill>
              <a:ln w="9525">
                <a:solidFill>
                  <a:schemeClr val="accent6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4 Ave size of turbines'!$C$35:$AC$35</c:f>
              <c:numCache>
                <c:formatCode>General</c:formatCode>
                <c:ptCount val="27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</c:numCache>
            </c:numRef>
          </c:xVal>
          <c:yVal>
            <c:numRef>
              <c:f>'Fig4 Ave size of turbines'!$C$52:$AC$52</c:f>
              <c:numCache>
                <c:formatCode>General</c:formatCode>
                <c:ptCount val="27"/>
                <c:pt idx="8">
                  <c:v>1370</c:v>
                </c:pt>
                <c:pt idx="9">
                  <c:v>1780</c:v>
                </c:pt>
                <c:pt idx="10" formatCode="#,##0_);\(#,##0\)">
                  <c:v>2100</c:v>
                </c:pt>
                <c:pt idx="11" formatCode="#,##0_);\(#,##0\)">
                  <c:v>2400</c:v>
                </c:pt>
                <c:pt idx="12">
                  <c:v>2900</c:v>
                </c:pt>
                <c:pt idx="13" formatCode="#,##0">
                  <c:v>1900</c:v>
                </c:pt>
                <c:pt idx="14" formatCode="#,##0">
                  <c:v>1900</c:v>
                </c:pt>
                <c:pt idx="15" formatCode="#,##0">
                  <c:v>2000</c:v>
                </c:pt>
                <c:pt idx="16" formatCode="#,##0">
                  <c:v>2000</c:v>
                </c:pt>
                <c:pt idx="17" formatCode="#,##0">
                  <c:v>1800</c:v>
                </c:pt>
                <c:pt idx="18" formatCode="#,##0">
                  <c:v>2000</c:v>
                </c:pt>
                <c:pt idx="19" formatCode="#,##0">
                  <c:v>2000</c:v>
                </c:pt>
                <c:pt idx="20" formatCode="#,##0">
                  <c:v>2000</c:v>
                </c:pt>
                <c:pt idx="21" formatCode="#,##0">
                  <c:v>2000</c:v>
                </c:pt>
                <c:pt idx="23" formatCode="#,##0">
                  <c:v>1833</c:v>
                </c:pt>
                <c:pt idx="24" formatCode="#,##0">
                  <c:v>2464</c:v>
                </c:pt>
                <c:pt idx="25" formatCode="#,##0">
                  <c:v>410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DD80-4CD2-82C9-F0B8FB35253E}"/>
            </c:ext>
          </c:extLst>
        </c:ser>
        <c:ser>
          <c:idx val="18"/>
          <c:order val="16"/>
          <c:tx>
            <c:strRef>
              <c:f>'Fig4 Ave size of turbines'!$B$53</c:f>
              <c:strCache>
                <c:ptCount val="1"/>
                <c:pt idx="0">
                  <c:v>Spai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80000"/>
                </a:schemeClr>
              </a:solidFill>
              <a:ln w="9525">
                <a:solidFill>
                  <a:schemeClr val="accent1">
                    <a:lumMod val="8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3:$AD$53</c:f>
              <c:numCache>
                <c:formatCode>General</c:formatCode>
                <c:ptCount val="28"/>
                <c:pt idx="0">
                  <c:v>297</c:v>
                </c:pt>
                <c:pt idx="1">
                  <c:v>420</c:v>
                </c:pt>
                <c:pt idx="2">
                  <c:v>422</c:v>
                </c:pt>
                <c:pt idx="3">
                  <c:v>459</c:v>
                </c:pt>
                <c:pt idx="4">
                  <c:v>628</c:v>
                </c:pt>
                <c:pt idx="5">
                  <c:v>666</c:v>
                </c:pt>
                <c:pt idx="6">
                  <c:v>735</c:v>
                </c:pt>
                <c:pt idx="7">
                  <c:v>808</c:v>
                </c:pt>
                <c:pt idx="8">
                  <c:v>804</c:v>
                </c:pt>
                <c:pt idx="9">
                  <c:v>1060</c:v>
                </c:pt>
                <c:pt idx="10" formatCode="#,##0_);\(#,##0\)">
                  <c:v>1320</c:v>
                </c:pt>
                <c:pt idx="11" formatCode="#,##0_);\(#,##0\)">
                  <c:v>1375</c:v>
                </c:pt>
                <c:pt idx="12">
                  <c:v>1623</c:v>
                </c:pt>
                <c:pt idx="13" formatCode="#,##0">
                  <c:v>1600</c:v>
                </c:pt>
                <c:pt idx="14" formatCode="#,##0">
                  <c:v>1854</c:v>
                </c:pt>
                <c:pt idx="15" formatCode="#,##0">
                  <c:v>1854</c:v>
                </c:pt>
                <c:pt idx="16" formatCode="#,##0">
                  <c:v>1807</c:v>
                </c:pt>
                <c:pt idx="17" formatCode="#,##0">
                  <c:v>1920</c:v>
                </c:pt>
                <c:pt idx="18" formatCode="#,##0">
                  <c:v>1980</c:v>
                </c:pt>
                <c:pt idx="19" formatCode="#,##0">
                  <c:v>1983</c:v>
                </c:pt>
                <c:pt idx="21" formatCode="#,##0">
                  <c:v>1461.5384615384614</c:v>
                </c:pt>
                <c:pt idx="22" formatCode="#,##0">
                  <c:v>1408</c:v>
                </c:pt>
                <c:pt idx="23" formatCode="#,##0">
                  <c:v>2390.2439024390242</c:v>
                </c:pt>
                <c:pt idx="24" formatCode="#,##0">
                  <c:v>3537</c:v>
                </c:pt>
                <c:pt idx="26" formatCode="#,##0">
                  <c:v>2935.9233449477351</c:v>
                </c:pt>
                <c:pt idx="27" formatCode="#,##0">
                  <c:v>4227.848101265823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0-DD80-4CD2-82C9-F0B8FB35253E}"/>
            </c:ext>
          </c:extLst>
        </c:ser>
        <c:ser>
          <c:idx val="19"/>
          <c:order val="17"/>
          <c:tx>
            <c:strRef>
              <c:f>'Fig4 Ave size of turbines'!$B$54</c:f>
              <c:strCache>
                <c:ptCount val="1"/>
                <c:pt idx="0">
                  <c:v>Swede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2">
                  <a:lumMod val="80000"/>
                </a:schemeClr>
              </a:solidFill>
              <a:ln w="9525">
                <a:solidFill>
                  <a:schemeClr val="accent2">
                    <a:lumMod val="8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4:$AD$54</c:f>
              <c:numCache>
                <c:formatCode>General</c:formatCode>
                <c:ptCount val="28"/>
                <c:pt idx="0">
                  <c:v>464.5</c:v>
                </c:pt>
                <c:pt idx="1">
                  <c:v>464.29</c:v>
                </c:pt>
                <c:pt idx="2">
                  <c:v>522.73</c:v>
                </c:pt>
                <c:pt idx="3">
                  <c:v>600</c:v>
                </c:pt>
                <c:pt idx="4">
                  <c:v>706.9</c:v>
                </c:pt>
                <c:pt idx="5">
                  <c:v>512.19500000000005</c:v>
                </c:pt>
                <c:pt idx="6">
                  <c:v>1306.0999999999999</c:v>
                </c:pt>
                <c:pt idx="7">
                  <c:v>920.45</c:v>
                </c:pt>
                <c:pt idx="8">
                  <c:v>951.61</c:v>
                </c:pt>
                <c:pt idx="9">
                  <c:v>1000</c:v>
                </c:pt>
                <c:pt idx="10" formatCode="#,##0_);\(#,##0\)">
                  <c:v>1000</c:v>
                </c:pt>
                <c:pt idx="11" formatCode="#,##0_);\(#,##0\)">
                  <c:v>1879</c:v>
                </c:pt>
                <c:pt idx="12">
                  <c:v>1700</c:v>
                </c:pt>
                <c:pt idx="13" formatCode="#,##0">
                  <c:v>1700</c:v>
                </c:pt>
                <c:pt idx="14" formatCode="#,##0">
                  <c:v>1830</c:v>
                </c:pt>
                <c:pt idx="15" formatCode="#,##0">
                  <c:v>1987</c:v>
                </c:pt>
                <c:pt idx="16" formatCode="#,##0">
                  <c:v>2133</c:v>
                </c:pt>
                <c:pt idx="17" formatCode="#,##0">
                  <c:v>2127</c:v>
                </c:pt>
                <c:pt idx="18" formatCode="#,##0">
                  <c:v>2912</c:v>
                </c:pt>
                <c:pt idx="19" formatCode="#,##0">
                  <c:v>2605</c:v>
                </c:pt>
                <c:pt idx="20">
                  <c:v>3265</c:v>
                </c:pt>
                <c:pt idx="21" formatCode="#,##0">
                  <c:v>1900</c:v>
                </c:pt>
                <c:pt idx="22" formatCode="#,##0">
                  <c:v>3373</c:v>
                </c:pt>
                <c:pt idx="23" formatCode="#,##0">
                  <c:v>3225</c:v>
                </c:pt>
                <c:pt idx="24" formatCode="#,##0">
                  <c:v>3553</c:v>
                </c:pt>
                <c:pt idx="25" formatCode="#,##0">
                  <c:v>3929.9719887955184</c:v>
                </c:pt>
                <c:pt idx="26" formatCode="#,##0">
                  <c:v>4771.0280373831774</c:v>
                </c:pt>
                <c:pt idx="27" formatCode="#,##0">
                  <c:v>5275.609756097561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1-DD80-4CD2-82C9-F0B8FB35253E}"/>
            </c:ext>
          </c:extLst>
        </c:ser>
        <c:ser>
          <c:idx val="21"/>
          <c:order val="18"/>
          <c:tx>
            <c:strRef>
              <c:f>'Fig4 Ave size of turbines'!$B$55</c:f>
              <c:strCache>
                <c:ptCount val="1"/>
                <c:pt idx="0">
                  <c:v>United Kingd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4">
                  <a:lumMod val="80000"/>
                </a:schemeClr>
              </a:solidFill>
              <a:ln w="9525">
                <a:solidFill>
                  <a:schemeClr val="accent4">
                    <a:lumMod val="8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5:$AD$55</c:f>
              <c:numCache>
                <c:formatCode>General</c:formatCode>
                <c:ptCount val="28"/>
                <c:pt idx="0">
                  <c:v>494.4</c:v>
                </c:pt>
                <c:pt idx="1">
                  <c:v>732.78688524590166</c:v>
                </c:pt>
                <c:pt idx="2">
                  <c:v>555.9</c:v>
                </c:pt>
                <c:pt idx="3">
                  <c:v>384</c:v>
                </c:pt>
                <c:pt idx="4">
                  <c:v>703.7</c:v>
                </c:pt>
                <c:pt idx="5">
                  <c:v>652.38095238095241</c:v>
                </c:pt>
                <c:pt idx="6">
                  <c:v>956.5</c:v>
                </c:pt>
                <c:pt idx="7">
                  <c:v>1020</c:v>
                </c:pt>
                <c:pt idx="8">
                  <c:v>1648</c:v>
                </c:pt>
                <c:pt idx="9">
                  <c:v>1640</c:v>
                </c:pt>
                <c:pt idx="10" formatCode="#,##0_);\(#,##0\)">
                  <c:v>1730</c:v>
                </c:pt>
                <c:pt idx="11" formatCode="#,##0_);\(#,##0\)">
                  <c:v>2102.6999999999998</c:v>
                </c:pt>
                <c:pt idx="12">
                  <c:v>2060</c:v>
                </c:pt>
                <c:pt idx="13" formatCode="#,##0">
                  <c:v>2060</c:v>
                </c:pt>
                <c:pt idx="14" formatCode="#,##0">
                  <c:v>2060</c:v>
                </c:pt>
                <c:pt idx="15" formatCode="#,##0">
                  <c:v>1900</c:v>
                </c:pt>
                <c:pt idx="16" formatCode="#,##0">
                  <c:v>1900</c:v>
                </c:pt>
                <c:pt idx="17" formatCode="#,##0">
                  <c:v>2200</c:v>
                </c:pt>
                <c:pt idx="20">
                  <c:v>1600</c:v>
                </c:pt>
                <c:pt idx="21" formatCode="#,##0">
                  <c:v>2151.3761467889908</c:v>
                </c:pt>
                <c:pt idx="23" formatCode="#,##0">
                  <c:v>2881.5977175463622</c:v>
                </c:pt>
                <c:pt idx="24" formatCode="#,##0">
                  <c:v>4724.0663900414938</c:v>
                </c:pt>
                <c:pt idx="25" formatCode="#,##0">
                  <c:v>4638.4615384615381</c:v>
                </c:pt>
                <c:pt idx="26" formatCode="#,##0">
                  <c:v>3608.695652173913</c:v>
                </c:pt>
                <c:pt idx="27" formatCode="#,##0">
                  <c:v>3720.849933598937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2-DD80-4CD2-82C9-F0B8FB35253E}"/>
            </c:ext>
          </c:extLst>
        </c:ser>
        <c:ser>
          <c:idx val="22"/>
          <c:order val="19"/>
          <c:tx>
            <c:strRef>
              <c:f>'Fig4 Ave size of turbines'!$B$56</c:f>
              <c:strCache>
                <c:ptCount val="1"/>
                <c:pt idx="0">
                  <c:v>United State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tar"/>
            <c:size val="5"/>
            <c:spPr>
              <a:noFill/>
              <a:ln w="9525">
                <a:solidFill>
                  <a:schemeClr val="accent5">
                    <a:lumMod val="80000"/>
                  </a:schemeClr>
                </a:solidFill>
              </a:ln>
              <a:effectLst/>
            </c:spPr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6:$AD$56</c:f>
              <c:numCache>
                <c:formatCode>General</c:formatCode>
                <c:ptCount val="28"/>
                <c:pt idx="0">
                  <c:v>339</c:v>
                </c:pt>
                <c:pt idx="1">
                  <c:v>255</c:v>
                </c:pt>
                <c:pt idx="2">
                  <c:v>481</c:v>
                </c:pt>
                <c:pt idx="3">
                  <c:v>707</c:v>
                </c:pt>
                <c:pt idx="4">
                  <c:v>717</c:v>
                </c:pt>
                <c:pt idx="5">
                  <c:v>759</c:v>
                </c:pt>
                <c:pt idx="6">
                  <c:v>890</c:v>
                </c:pt>
                <c:pt idx="7">
                  <c:v>841</c:v>
                </c:pt>
                <c:pt idx="8">
                  <c:v>1355</c:v>
                </c:pt>
                <c:pt idx="9">
                  <c:v>1185</c:v>
                </c:pt>
                <c:pt idx="10" formatCode="#,##0_);\(#,##0\)">
                  <c:v>1500</c:v>
                </c:pt>
                <c:pt idx="11" formatCode="#,##0_);\(#,##0\)">
                  <c:v>1600</c:v>
                </c:pt>
                <c:pt idx="12">
                  <c:v>1650</c:v>
                </c:pt>
                <c:pt idx="13" formatCode="#,##0">
                  <c:v>1670</c:v>
                </c:pt>
                <c:pt idx="14" formatCode="#,##0">
                  <c:v>1750</c:v>
                </c:pt>
                <c:pt idx="16" formatCode="#,##0">
                  <c:v>2000</c:v>
                </c:pt>
                <c:pt idx="17" formatCode="#,##0">
                  <c:v>1945</c:v>
                </c:pt>
                <c:pt idx="18" formatCode="#,##0">
                  <c:v>1870</c:v>
                </c:pt>
                <c:pt idx="19" formatCode="#,##0">
                  <c:v>1940</c:v>
                </c:pt>
                <c:pt idx="20" formatCode="#,##0">
                  <c:v>2000</c:v>
                </c:pt>
                <c:pt idx="21" formatCode="#,##0">
                  <c:v>2151.3244164699713</c:v>
                </c:pt>
                <c:pt idx="22" formatCode="#,##0">
                  <c:v>2321.9722038385175</c:v>
                </c:pt>
                <c:pt idx="23" formatCode="#,##0">
                  <c:v>2429.7150176112714</c:v>
                </c:pt>
                <c:pt idx="24" formatCode="#,##0">
                  <c:v>2550.8096035734225</c:v>
                </c:pt>
                <c:pt idx="25" formatCode="#,##0">
                  <c:v>2346.3317911434237</c:v>
                </c:pt>
                <c:pt idx="26" formatCode="#,##0">
                  <c:v>2952.4543253356815</c:v>
                </c:pt>
                <c:pt idx="27" formatCode="#,##0">
                  <c:v>3226.30780894617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3-DD80-4CD2-82C9-F0B8FB35253E}"/>
            </c:ext>
          </c:extLst>
        </c:ser>
        <c:ser>
          <c:idx val="0"/>
          <c:order val="20"/>
          <c:tx>
            <c:strRef>
              <c:f>'Fig4 Ave size of turbines'!$B$58</c:f>
              <c:strCache>
                <c:ptCount val="1"/>
                <c:pt idx="0">
                  <c:v>min</c:v>
                </c:pt>
              </c:strCache>
            </c:strRef>
          </c:tx>
          <c:spPr>
            <a:ln w="12700" cap="rnd">
              <a:solidFill>
                <a:schemeClr val="tx1">
                  <a:lumMod val="65000"/>
                  <a:lumOff val="35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8:$AD$58</c:f>
              <c:numCache>
                <c:formatCode>0</c:formatCode>
                <c:ptCount val="28"/>
                <c:pt idx="0">
                  <c:v>281.14999999999998</c:v>
                </c:pt>
                <c:pt idx="1">
                  <c:v>100</c:v>
                </c:pt>
                <c:pt idx="2">
                  <c:v>231.08</c:v>
                </c:pt>
                <c:pt idx="3">
                  <c:v>360</c:v>
                </c:pt>
                <c:pt idx="4">
                  <c:v>523.29999999999995</c:v>
                </c:pt>
                <c:pt idx="5">
                  <c:v>451.7</c:v>
                </c:pt>
                <c:pt idx="6">
                  <c:v>626.9</c:v>
                </c:pt>
                <c:pt idx="7">
                  <c:v>774</c:v>
                </c:pt>
                <c:pt idx="8">
                  <c:v>682</c:v>
                </c:pt>
                <c:pt idx="9">
                  <c:v>918</c:v>
                </c:pt>
                <c:pt idx="10">
                  <c:v>1000</c:v>
                </c:pt>
                <c:pt idx="11">
                  <c:v>1146</c:v>
                </c:pt>
                <c:pt idx="12">
                  <c:v>1156</c:v>
                </c:pt>
                <c:pt idx="13">
                  <c:v>1247</c:v>
                </c:pt>
                <c:pt idx="14">
                  <c:v>1136</c:v>
                </c:pt>
                <c:pt idx="15">
                  <c:v>1145</c:v>
                </c:pt>
                <c:pt idx="16">
                  <c:v>1000</c:v>
                </c:pt>
                <c:pt idx="17">
                  <c:v>1209</c:v>
                </c:pt>
                <c:pt idx="18">
                  <c:v>1474</c:v>
                </c:pt>
                <c:pt idx="19">
                  <c:v>1137</c:v>
                </c:pt>
                <c:pt idx="20">
                  <c:v>1600</c:v>
                </c:pt>
                <c:pt idx="21">
                  <c:v>1461.5384615384614</c:v>
                </c:pt>
                <c:pt idx="22">
                  <c:v>1408</c:v>
                </c:pt>
                <c:pt idx="23">
                  <c:v>1833</c:v>
                </c:pt>
                <c:pt idx="24">
                  <c:v>2453.7376328325395</c:v>
                </c:pt>
                <c:pt idx="25">
                  <c:v>2346.3317911434237</c:v>
                </c:pt>
                <c:pt idx="26">
                  <c:v>2429.8850574712642</c:v>
                </c:pt>
                <c:pt idx="27">
                  <c:v>3226.30780894617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4-DD80-4CD2-82C9-F0B8FB35253E}"/>
            </c:ext>
          </c:extLst>
        </c:ser>
        <c:ser>
          <c:idx val="20"/>
          <c:order val="21"/>
          <c:tx>
            <c:strRef>
              <c:f>'Fig4 Ave size of turbines'!$B$59</c:f>
              <c:strCache>
                <c:ptCount val="1"/>
                <c:pt idx="0">
                  <c:v>max</c:v>
                </c:pt>
              </c:strCache>
            </c:strRef>
          </c:tx>
          <c:spPr>
            <a:ln w="12700" cap="rnd">
              <a:solidFill>
                <a:schemeClr val="tx1">
                  <a:lumMod val="65000"/>
                  <a:lumOff val="35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Fig4 Ave size of turbines'!$C$35:$AD$35</c:f>
              <c:numCache>
                <c:formatCode>General</c:formatCode>
                <c:ptCount val="28"/>
                <c:pt idx="0">
                  <c:v>1995</c:v>
                </c:pt>
                <c:pt idx="1">
                  <c:v>1996</c:v>
                </c:pt>
                <c:pt idx="2">
                  <c:v>1997</c:v>
                </c:pt>
                <c:pt idx="3">
                  <c:v>1998</c:v>
                </c:pt>
                <c:pt idx="4">
                  <c:v>1999</c:v>
                </c:pt>
                <c:pt idx="5">
                  <c:v>2000</c:v>
                </c:pt>
                <c:pt idx="6">
                  <c:v>2001</c:v>
                </c:pt>
                <c:pt idx="7">
                  <c:v>2002</c:v>
                </c:pt>
                <c:pt idx="8">
                  <c:v>2003</c:v>
                </c:pt>
                <c:pt idx="9">
                  <c:v>2004</c:v>
                </c:pt>
                <c:pt idx="10">
                  <c:v>2005</c:v>
                </c:pt>
                <c:pt idx="11">
                  <c:v>2006</c:v>
                </c:pt>
                <c:pt idx="12">
                  <c:v>2007</c:v>
                </c:pt>
                <c:pt idx="13">
                  <c:v>2008</c:v>
                </c:pt>
                <c:pt idx="14">
                  <c:v>2009</c:v>
                </c:pt>
                <c:pt idx="15">
                  <c:v>2010</c:v>
                </c:pt>
                <c:pt idx="16">
                  <c:v>2011</c:v>
                </c:pt>
                <c:pt idx="17">
                  <c:v>2012</c:v>
                </c:pt>
                <c:pt idx="18">
                  <c:v>2013</c:v>
                </c:pt>
                <c:pt idx="19">
                  <c:v>2014</c:v>
                </c:pt>
                <c:pt idx="20">
                  <c:v>2015</c:v>
                </c:pt>
                <c:pt idx="21">
                  <c:v>2016</c:v>
                </c:pt>
                <c:pt idx="22">
                  <c:v>2017</c:v>
                </c:pt>
                <c:pt idx="23">
                  <c:v>2018</c:v>
                </c:pt>
                <c:pt idx="24">
                  <c:v>2019</c:v>
                </c:pt>
                <c:pt idx="25">
                  <c:v>2020</c:v>
                </c:pt>
                <c:pt idx="26">
                  <c:v>2021</c:v>
                </c:pt>
                <c:pt idx="27">
                  <c:v>2022</c:v>
                </c:pt>
              </c:numCache>
            </c:numRef>
          </c:xVal>
          <c:yVal>
            <c:numRef>
              <c:f>'Fig4 Ave size of turbines'!$C$59:$AD$59</c:f>
              <c:numCache>
                <c:formatCode>0</c:formatCode>
                <c:ptCount val="28"/>
                <c:pt idx="0">
                  <c:v>600</c:v>
                </c:pt>
                <c:pt idx="1">
                  <c:v>735</c:v>
                </c:pt>
                <c:pt idx="2">
                  <c:v>629</c:v>
                </c:pt>
                <c:pt idx="3">
                  <c:v>1090.9000000000001</c:v>
                </c:pt>
                <c:pt idx="4">
                  <c:v>1085</c:v>
                </c:pt>
                <c:pt idx="5">
                  <c:v>1114</c:v>
                </c:pt>
                <c:pt idx="6">
                  <c:v>1306.0999999999999</c:v>
                </c:pt>
                <c:pt idx="7">
                  <c:v>2220</c:v>
                </c:pt>
                <c:pt idx="8">
                  <c:v>2045</c:v>
                </c:pt>
                <c:pt idx="9">
                  <c:v>2300</c:v>
                </c:pt>
                <c:pt idx="10">
                  <c:v>2300</c:v>
                </c:pt>
                <c:pt idx="11">
                  <c:v>2400</c:v>
                </c:pt>
                <c:pt idx="12">
                  <c:v>2900</c:v>
                </c:pt>
                <c:pt idx="13">
                  <c:v>3000</c:v>
                </c:pt>
                <c:pt idx="14">
                  <c:v>2310</c:v>
                </c:pt>
                <c:pt idx="15">
                  <c:v>3076</c:v>
                </c:pt>
                <c:pt idx="16">
                  <c:v>2300</c:v>
                </c:pt>
                <c:pt idx="17">
                  <c:v>2800</c:v>
                </c:pt>
                <c:pt idx="18">
                  <c:v>3200</c:v>
                </c:pt>
                <c:pt idx="19">
                  <c:v>3173</c:v>
                </c:pt>
                <c:pt idx="20">
                  <c:v>3265</c:v>
                </c:pt>
                <c:pt idx="21">
                  <c:v>3166.6666666666665</c:v>
                </c:pt>
                <c:pt idx="22">
                  <c:v>3509.433962264151</c:v>
                </c:pt>
                <c:pt idx="23">
                  <c:v>5475</c:v>
                </c:pt>
                <c:pt idx="24">
                  <c:v>5224.343675417661</c:v>
                </c:pt>
                <c:pt idx="25">
                  <c:v>6560.509554140127</c:v>
                </c:pt>
                <c:pt idx="26">
                  <c:v>6671.7699115044252</c:v>
                </c:pt>
                <c:pt idx="27">
                  <c:v>5629.44162436548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5-DD80-4CD2-82C9-F0B8FB35253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4588160"/>
        <c:axId val="144607104"/>
      </c:scatterChart>
      <c:valAx>
        <c:axId val="144588160"/>
        <c:scaling>
          <c:orientation val="minMax"/>
          <c:max val="2023"/>
          <c:min val="1994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i-FI"/>
                  <a:t>Year</a:t>
                </a:r>
              </a:p>
            </c:rich>
          </c:tx>
          <c:layout>
            <c:manualLayout>
              <c:xMode val="edge"/>
              <c:yMode val="edge"/>
              <c:x val="0.43377835233282408"/>
              <c:y val="0.95063547251398761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44607104"/>
        <c:crosses val="autoZero"/>
        <c:crossBetween val="midCat"/>
        <c:majorUnit val="1"/>
      </c:valAx>
      <c:valAx>
        <c:axId val="144607104"/>
        <c:scaling>
          <c:orientation val="minMax"/>
          <c:max val="80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i-FI"/>
                  <a:t>Average Installed Turbine Size (kW)</a:t>
                </a:r>
              </a:p>
            </c:rich>
          </c:tx>
          <c:layout>
            <c:manualLayout>
              <c:xMode val="edge"/>
              <c:yMode val="edge"/>
              <c:x val="2.9965012229200307E-2"/>
              <c:y val="0.1913066911272173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44588160"/>
        <c:crosses val="autoZero"/>
        <c:crossBetween val="midCat"/>
        <c:majorUnit val="500"/>
      </c:valAx>
      <c:spPr>
        <a:noFill/>
        <a:ln>
          <a:solidFill>
            <a:schemeClr val="tx1">
              <a:lumMod val="65000"/>
              <a:lumOff val="3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0.78684000530776876"/>
          <c:y val="1.268803298888577E-2"/>
          <c:w val="0.21315999469223121"/>
          <c:h val="0.9873119670111142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lineChart>
        <c:grouping val="standard"/>
        <c:varyColors val="0"/>
        <c:ser>
          <c:idx val="1"/>
          <c:order val="0"/>
          <c:tx>
            <c:strRef>
              <c:f>'Fig4 Ave size of turbines'!$R$68</c:f>
              <c:strCache>
                <c:ptCount val="1"/>
                <c:pt idx="0">
                  <c:v>Chin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7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68:$AD$68</c:f>
              <c:numCache>
                <c:formatCode>0</c:formatCode>
                <c:ptCount val="12"/>
                <c:pt idx="6" formatCode="#,##0">
                  <c:v>3650.3144654088051</c:v>
                </c:pt>
                <c:pt idx="7" formatCode="#,##0">
                  <c:v>3795.8715596330276</c:v>
                </c:pt>
                <c:pt idx="8" formatCode="#,##0">
                  <c:v>4239.7959183673465</c:v>
                </c:pt>
                <c:pt idx="10" formatCode="#,##0">
                  <c:v>5563.3883980023047</c:v>
                </c:pt>
                <c:pt idx="11" formatCode="#,##0">
                  <c:v>7420.43165467625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23E-45FF-A69C-1D74B4F460A6}"/>
            </c:ext>
          </c:extLst>
        </c:ser>
        <c:ser>
          <c:idx val="13"/>
          <c:order val="1"/>
          <c:tx>
            <c:strRef>
              <c:f>'Fig4 Ave size of turbines'!$R$80</c:f>
              <c:strCache>
                <c:ptCount val="1"/>
                <c:pt idx="0">
                  <c:v>UK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3">
                  <a:lumMod val="75000"/>
                </a:schemeClr>
              </a:solidFill>
              <a:ln w="9525">
                <a:solidFill>
                  <a:schemeClr val="accent3"/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80:$AD$80</c:f>
              <c:numCache>
                <c:formatCode>0</c:formatCode>
                <c:ptCount val="12"/>
                <c:pt idx="1">
                  <c:v>3720</c:v>
                </c:pt>
                <c:pt idx="2">
                  <c:v>3490</c:v>
                </c:pt>
                <c:pt idx="3">
                  <c:v>3630</c:v>
                </c:pt>
                <c:pt idx="4">
                  <c:v>3730</c:v>
                </c:pt>
                <c:pt idx="6" formatCode="#,##0">
                  <c:v>6028.4697508896797</c:v>
                </c:pt>
                <c:pt idx="7" formatCode="#,##0">
                  <c:v>3250.6811989100815</c:v>
                </c:pt>
                <c:pt idx="8" formatCode="#,##0">
                  <c:v>6777.7777777777774</c:v>
                </c:pt>
                <c:pt idx="9" formatCode="#,##0">
                  <c:v>8389.8305084745771</c:v>
                </c:pt>
                <c:pt idx="10" formatCode="#,##0">
                  <c:v>9300</c:v>
                </c:pt>
                <c:pt idx="11" formatCode="#,##0">
                  <c:v>86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23E-45FF-A69C-1D74B4F460A6}"/>
            </c:ext>
          </c:extLst>
        </c:ser>
        <c:ser>
          <c:idx val="9"/>
          <c:order val="2"/>
          <c:tx>
            <c:strRef>
              <c:f>'Fig4 Ave size of turbines'!$R$76</c:f>
              <c:strCache>
                <c:ptCount val="1"/>
                <c:pt idx="0">
                  <c:v>Netherlands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4">
                  <a:lumMod val="60000"/>
                </a:schemeClr>
              </a:solidFill>
              <a:ln w="9525">
                <a:solidFill>
                  <a:schemeClr val="accent4">
                    <a:lumMod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6:$AD$76</c:f>
              <c:numCache>
                <c:formatCode>0</c:formatCode>
                <c:ptCount val="12"/>
                <c:pt idx="4">
                  <c:v>3000</c:v>
                </c:pt>
                <c:pt idx="5">
                  <c:v>3760</c:v>
                </c:pt>
                <c:pt idx="9" formatCode="#,##0">
                  <c:v>9023.3918128654968</c:v>
                </c:pt>
                <c:pt idx="11" formatCode="#,##0">
                  <c:v>71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23E-45FF-A69C-1D74B4F460A6}"/>
            </c:ext>
          </c:extLst>
        </c:ser>
        <c:ser>
          <c:idx val="0"/>
          <c:order val="3"/>
          <c:tx>
            <c:strRef>
              <c:f>'Fig4 Ave size of turbines'!$R$67</c:f>
              <c:strCache>
                <c:ptCount val="1"/>
                <c:pt idx="0">
                  <c:v>Belgium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67:$AB$67</c:f>
              <c:numCache>
                <c:formatCode>0</c:formatCode>
                <c:ptCount val="10"/>
                <c:pt idx="2">
                  <c:v>6150</c:v>
                </c:pt>
                <c:pt idx="3">
                  <c:v>3000</c:v>
                </c:pt>
                <c:pt idx="8" formatCode="#,##0">
                  <c:v>8409.0909090909099</c:v>
                </c:pt>
                <c:pt idx="9" formatCode="#,##0">
                  <c:v>87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823E-45FF-A69C-1D74B4F460A6}"/>
            </c:ext>
          </c:extLst>
        </c:ser>
        <c:ser>
          <c:idx val="2"/>
          <c:order val="4"/>
          <c:tx>
            <c:strRef>
              <c:f>'Fig4 Ave size of turbines'!$R$69</c:f>
              <c:strCache>
                <c:ptCount val="1"/>
                <c:pt idx="0">
                  <c:v>Denmark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rgbClr val="FF0000"/>
              </a:solidFill>
              <a:ln w="9525">
                <a:noFill/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69:$AD$69</c:f>
              <c:numCache>
                <c:formatCode>0</c:formatCode>
                <c:ptCount val="12"/>
                <c:pt idx="0">
                  <c:v>3600</c:v>
                </c:pt>
                <c:pt idx="2">
                  <c:v>3600</c:v>
                </c:pt>
                <c:pt idx="6" formatCode="#,##0">
                  <c:v>7000</c:v>
                </c:pt>
                <c:pt idx="7" formatCode="#,##0">
                  <c:v>8092.5925925925922</c:v>
                </c:pt>
                <c:pt idx="10" formatCode="#,##0">
                  <c:v>84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823E-45FF-A69C-1D74B4F460A6}"/>
            </c:ext>
          </c:extLst>
        </c:ser>
        <c:ser>
          <c:idx val="5"/>
          <c:order val="5"/>
          <c:tx>
            <c:strRef>
              <c:f>'Fig4 Ave size of turbines'!$R$72</c:f>
              <c:strCache>
                <c:ptCount val="1"/>
                <c:pt idx="0">
                  <c:v>Germany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2:$AD$72</c:f>
              <c:numCache>
                <c:formatCode>0</c:formatCode>
                <c:ptCount val="12"/>
                <c:pt idx="2">
                  <c:v>5000</c:v>
                </c:pt>
                <c:pt idx="3">
                  <c:v>3780</c:v>
                </c:pt>
                <c:pt idx="4">
                  <c:v>4120</c:v>
                </c:pt>
                <c:pt idx="5">
                  <c:v>6000</c:v>
                </c:pt>
                <c:pt idx="6" formatCode="#,##0">
                  <c:v>5743.2432432432433</c:v>
                </c:pt>
                <c:pt idx="7" formatCode="#,##0">
                  <c:v>5439.5604395604396</c:v>
                </c:pt>
                <c:pt idx="8" formatCode="#,##0">
                  <c:v>6942</c:v>
                </c:pt>
                <c:pt idx="9" formatCode="#,##0">
                  <c:v>6843.75</c:v>
                </c:pt>
                <c:pt idx="11" formatCode="#,##0">
                  <c:v>9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823E-45FF-A69C-1D74B4F460A6}"/>
            </c:ext>
          </c:extLst>
        </c:ser>
        <c:ser>
          <c:idx val="3"/>
          <c:order val="6"/>
          <c:tx>
            <c:strRef>
              <c:f>'Fig4 Ave size of turbines'!$R$70</c:f>
              <c:strCache>
                <c:ptCount val="1"/>
                <c:pt idx="0">
                  <c:v>Finlan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4">
                  <a:lumMod val="40000"/>
                  <a:lumOff val="60000"/>
                </a:schemeClr>
              </a:solidFill>
              <a:ln w="9525">
                <a:solidFill>
                  <a:schemeClr val="accent4">
                    <a:lumMod val="40000"/>
                    <a:lumOff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0:$AB$70</c:f>
              <c:numCache>
                <c:formatCode>0</c:formatCode>
                <c:ptCount val="10"/>
                <c:pt idx="6" formatCode="#,##0">
                  <c:v>38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823E-45FF-A69C-1D74B4F460A6}"/>
            </c:ext>
          </c:extLst>
        </c:ser>
        <c:ser>
          <c:idx val="12"/>
          <c:order val="7"/>
          <c:tx>
            <c:strRef>
              <c:f>'Fig4 Ave size of turbines'!$R$79</c:f>
              <c:strCache>
                <c:ptCount val="1"/>
                <c:pt idx="0">
                  <c:v>Swede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3">
                  <a:lumMod val="40000"/>
                  <a:lumOff val="60000"/>
                </a:schemeClr>
              </a:solidFill>
              <a:ln w="9525">
                <a:solidFill>
                  <a:schemeClr val="accent3">
                    <a:lumMod val="60000"/>
                    <a:lumOff val="4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9:$AB$79</c:f>
              <c:numCache>
                <c:formatCode>0</c:formatCode>
                <c:ptCount val="10"/>
                <c:pt idx="2">
                  <c:v>3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823E-45FF-A69C-1D74B4F460A6}"/>
            </c:ext>
          </c:extLst>
        </c:ser>
        <c:ser>
          <c:idx val="4"/>
          <c:order val="8"/>
          <c:tx>
            <c:strRef>
              <c:f>'Fig4 Ave size of turbines'!$R$71</c:f>
              <c:strCache>
                <c:ptCount val="1"/>
                <c:pt idx="0">
                  <c:v>Franc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chemeClr val="accent5">
                  <a:lumMod val="40000"/>
                  <a:lumOff val="60000"/>
                </a:schemeClr>
              </a:solidFill>
              <a:ln w="9525">
                <a:solidFill>
                  <a:schemeClr val="accent5">
                    <a:lumMod val="40000"/>
                    <a:lumOff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1:$AC$71</c:f>
              <c:numCache>
                <c:formatCode>0</c:formatCode>
                <c:ptCount val="11"/>
                <c:pt idx="7" formatCode="#,##0">
                  <c:v>2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823E-45FF-A69C-1D74B4F460A6}"/>
            </c:ext>
          </c:extLst>
        </c:ser>
        <c:ser>
          <c:idx val="6"/>
          <c:order val="9"/>
          <c:tx>
            <c:strRef>
              <c:f>'Fig4 Ave size of turbines'!$R$78</c:f>
              <c:strCache>
                <c:ptCount val="1"/>
                <c:pt idx="0">
                  <c:v>Portuga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7"/>
            <c:spPr>
              <a:solidFill>
                <a:srgbClr val="FF0000"/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8:$AB$78</c:f>
              <c:numCache>
                <c:formatCode>0</c:formatCode>
                <c:ptCount val="10"/>
                <c:pt idx="9" formatCode="#,##0">
                  <c:v>84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823E-45FF-A69C-1D74B4F460A6}"/>
            </c:ext>
          </c:extLst>
        </c:ser>
        <c:ser>
          <c:idx val="7"/>
          <c:order val="10"/>
          <c:tx>
            <c:strRef>
              <c:f>'Fig4 Ave size of turbines'!$R$74</c:f>
              <c:strCache>
                <c:ptCount val="1"/>
                <c:pt idx="0">
                  <c:v>Japa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7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4:$AD$74</c:f>
              <c:numCache>
                <c:formatCode>0</c:formatCode>
                <c:ptCount val="12"/>
                <c:pt idx="5">
                  <c:v>7000</c:v>
                </c:pt>
                <c:pt idx="6" formatCode="#,##0">
                  <c:v>5000</c:v>
                </c:pt>
                <c:pt idx="11" formatCode="#,##0">
                  <c:v>417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823E-45FF-A69C-1D74B4F460A6}"/>
            </c:ext>
          </c:extLst>
        </c:ser>
        <c:ser>
          <c:idx val="8"/>
          <c:order val="11"/>
          <c:tx>
            <c:strRef>
              <c:f>'Fig4 Ave size of turbines'!$R$75</c:f>
              <c:strCache>
                <c:ptCount val="1"/>
                <c:pt idx="0">
                  <c:v>Kore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7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75:$AD$75</c:f>
              <c:numCache>
                <c:formatCode>0</c:formatCode>
                <c:ptCount val="12"/>
                <c:pt idx="6" formatCode="#,##0">
                  <c:v>3000</c:v>
                </c:pt>
                <c:pt idx="7" formatCode="#,##0">
                  <c:v>2266.6666666666665</c:v>
                </c:pt>
                <c:pt idx="9" formatCode="#,##0">
                  <c:v>3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823E-45FF-A69C-1D74B4F460A6}"/>
            </c:ext>
          </c:extLst>
        </c:ser>
        <c:ser>
          <c:idx val="14"/>
          <c:order val="12"/>
          <c:tx>
            <c:strRef>
              <c:f>'Fig4 Ave size of turbines'!$R$81</c:f>
              <c:strCache>
                <c:ptCount val="1"/>
                <c:pt idx="0">
                  <c:v>US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7"/>
            <c:spPr>
              <a:solidFill>
                <a:schemeClr val="accent3">
                  <a:lumMod val="80000"/>
                  <a:lumOff val="20000"/>
                </a:schemeClr>
              </a:solidFill>
              <a:ln w="9525">
                <a:solidFill>
                  <a:schemeClr val="accent3">
                    <a:lumMod val="80000"/>
                    <a:lumOff val="20000"/>
                  </a:schemeClr>
                </a:solidFill>
              </a:ln>
              <a:effectLst/>
            </c:spPr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83:$AB$83</c:f>
              <c:numCache>
                <c:formatCode>0</c:formatCode>
                <c:ptCount val="10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823E-45FF-A69C-1D74B4F460A6}"/>
            </c:ext>
          </c:extLst>
        </c:ser>
        <c:ser>
          <c:idx val="15"/>
          <c:order val="13"/>
          <c:tx>
            <c:strRef>
              <c:f>'Fig4 Ave size of turbines'!$R$84</c:f>
              <c:strCache>
                <c:ptCount val="1"/>
                <c:pt idx="0">
                  <c:v>min</c:v>
                </c:pt>
              </c:strCache>
            </c:strRef>
          </c:tx>
          <c:spPr>
            <a:ln w="127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84:$AD$84</c:f>
              <c:numCache>
                <c:formatCode>0</c:formatCode>
                <c:ptCount val="12"/>
                <c:pt idx="0">
                  <c:v>3600</c:v>
                </c:pt>
                <c:pt idx="1">
                  <c:v>3720</c:v>
                </c:pt>
                <c:pt idx="2">
                  <c:v>3000</c:v>
                </c:pt>
                <c:pt idx="3">
                  <c:v>3000</c:v>
                </c:pt>
                <c:pt idx="4">
                  <c:v>3000</c:v>
                </c:pt>
                <c:pt idx="5">
                  <c:v>3760</c:v>
                </c:pt>
                <c:pt idx="6" formatCode="0.0">
                  <c:v>3000</c:v>
                </c:pt>
                <c:pt idx="7" formatCode="0.0">
                  <c:v>2000</c:v>
                </c:pt>
                <c:pt idx="8" formatCode="0.0">
                  <c:v>4239.7959183673465</c:v>
                </c:pt>
                <c:pt idx="9" formatCode="0.0">
                  <c:v>3000</c:v>
                </c:pt>
                <c:pt idx="10" formatCode="0.0">
                  <c:v>5563.3883980023047</c:v>
                </c:pt>
                <c:pt idx="11" formatCode="0.0">
                  <c:v>417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823E-45FF-A69C-1D74B4F460A6}"/>
            </c:ext>
          </c:extLst>
        </c:ser>
        <c:ser>
          <c:idx val="16"/>
          <c:order val="14"/>
          <c:tx>
            <c:strRef>
              <c:f>'Fig4 Ave size of turbines'!$R$85</c:f>
              <c:strCache>
                <c:ptCount val="1"/>
                <c:pt idx="0">
                  <c:v>max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'Fig4 Ave size of turbines'!$S$66:$AD$66</c:f>
              <c:numCache>
                <c:formatCode>0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cat>
          <c:val>
            <c:numRef>
              <c:f>'Fig4 Ave size of turbines'!$S$85:$AD$85</c:f>
              <c:numCache>
                <c:formatCode>0</c:formatCode>
                <c:ptCount val="12"/>
                <c:pt idx="0">
                  <c:v>3600</c:v>
                </c:pt>
                <c:pt idx="1">
                  <c:v>3720</c:v>
                </c:pt>
                <c:pt idx="2">
                  <c:v>6150</c:v>
                </c:pt>
                <c:pt idx="3">
                  <c:v>3780</c:v>
                </c:pt>
                <c:pt idx="4">
                  <c:v>4120</c:v>
                </c:pt>
                <c:pt idx="5">
                  <c:v>7000</c:v>
                </c:pt>
                <c:pt idx="6" formatCode="0.0">
                  <c:v>7000</c:v>
                </c:pt>
                <c:pt idx="7" formatCode="0.0">
                  <c:v>8092.5925925925922</c:v>
                </c:pt>
                <c:pt idx="8" formatCode="0.0">
                  <c:v>8409.0909090909099</c:v>
                </c:pt>
                <c:pt idx="9" formatCode="0.0">
                  <c:v>9023.3918128654968</c:v>
                </c:pt>
                <c:pt idx="10" formatCode="0.0">
                  <c:v>9300</c:v>
                </c:pt>
                <c:pt idx="11" formatCode="0.0">
                  <c:v>90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823E-45FF-A69C-1D74B4F460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567142752"/>
        <c:axId val="1699758496"/>
      </c:lineChart>
      <c:catAx>
        <c:axId val="1567142752"/>
        <c:scaling>
          <c:orientation val="minMax"/>
        </c:scaling>
        <c:delete val="0"/>
        <c:axPos val="b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699758496"/>
        <c:crosses val="autoZero"/>
        <c:auto val="1"/>
        <c:lblAlgn val="ctr"/>
        <c:lblOffset val="100"/>
        <c:noMultiLvlLbl val="0"/>
      </c:catAx>
      <c:valAx>
        <c:axId val="16997584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600"/>
                  <a:t>Average size</a:t>
                </a:r>
                <a:r>
                  <a:rPr lang="en-GB" sz="1600" baseline="0"/>
                  <a:t> of new offshore turbines (kW)</a:t>
                </a:r>
                <a:endParaRPr lang="en-GB" sz="160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da-DK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a-DK"/>
          </a:p>
        </c:txPr>
        <c:crossAx val="156714275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83462292369223745"/>
          <c:y val="2.6016135081878836E-2"/>
          <c:w val="0.16537707630776269"/>
          <c:h val="0.96428878943558427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a-DK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1800"/>
      </a:pPr>
      <a:endParaRPr lang="da-DK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402175659719556"/>
          <c:y val="4.1501603471043202E-2"/>
          <c:w val="0.82630556273633493"/>
          <c:h val="0.67629494931918044"/>
        </c:manualLayout>
      </c:layout>
      <c:scatterChart>
        <c:scatterStyle val="lineMarker"/>
        <c:varyColors val="0"/>
        <c:ser>
          <c:idx val="2"/>
          <c:order val="0"/>
          <c:tx>
            <c:strRef>
              <c:f>'Fig5 CF'!$C$49</c:f>
              <c:strCache>
                <c:ptCount val="1"/>
                <c:pt idx="0">
                  <c:v>Belgium offshor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5"/>
            <c:spPr>
              <a:noFill/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49:$O$49</c:f>
              <c:numCache>
                <c:formatCode>0.0</c:formatCode>
                <c:ptCount val="12"/>
                <c:pt idx="0">
                  <c:v>41.2</c:v>
                </c:pt>
                <c:pt idx="1">
                  <c:v>25.6</c:v>
                </c:pt>
                <c:pt idx="2">
                  <c:v>24.8</c:v>
                </c:pt>
                <c:pt idx="3">
                  <c:v>35.799999999999997</c:v>
                </c:pt>
                <c:pt idx="4">
                  <c:v>41.9</c:v>
                </c:pt>
                <c:pt idx="6">
                  <c:v>41.226320721813977</c:v>
                </c:pt>
                <c:pt idx="7">
                  <c:v>65.668869490485818</c:v>
                </c:pt>
                <c:pt idx="8">
                  <c:v>39.931431884173854</c:v>
                </c:pt>
                <c:pt idx="9">
                  <c:v>41.597125386929612</c:v>
                </c:pt>
                <c:pt idx="10">
                  <c:v>34.957206669759529</c:v>
                </c:pt>
                <c:pt idx="11">
                  <c:v>33.57228311713586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A01-490B-9994-7D591DD32C13}"/>
            </c:ext>
          </c:extLst>
        </c:ser>
        <c:ser>
          <c:idx val="27"/>
          <c:order val="1"/>
          <c:tx>
            <c:strRef>
              <c:f>'Fig5 CF'!$C$57</c:f>
              <c:strCache>
                <c:ptCount val="1"/>
                <c:pt idx="0">
                  <c:v>Denmark offshore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5"/>
            <c:spPr>
              <a:noFill/>
              <a:ln>
                <a:solidFill>
                  <a:srgbClr val="FF6600"/>
                </a:solidFill>
              </a:ln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7:$O$57</c:f>
              <c:numCache>
                <c:formatCode>0.0</c:formatCode>
                <c:ptCount val="12"/>
                <c:pt idx="5">
                  <c:v>41.8</c:v>
                </c:pt>
                <c:pt idx="6">
                  <c:v>46.800000000000004</c:v>
                </c:pt>
                <c:pt idx="7">
                  <c:v>41.6</c:v>
                </c:pt>
                <c:pt idx="8">
                  <c:v>41.619661563255441</c:v>
                </c:pt>
                <c:pt idx="9">
                  <c:v>44.318966071666921</c:v>
                </c:pt>
                <c:pt idx="10">
                  <c:v>43.252713466672496</c:v>
                </c:pt>
                <c:pt idx="11">
                  <c:v>43.2864158849734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A01-490B-9994-7D591DD32C13}"/>
            </c:ext>
          </c:extLst>
        </c:ser>
        <c:ser>
          <c:idx val="9"/>
          <c:order val="2"/>
          <c:tx>
            <c:strRef>
              <c:f>'Fig5 CF'!$C$61</c:f>
              <c:strCache>
                <c:ptCount val="1"/>
                <c:pt idx="0">
                  <c:v>Germany offshor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5"/>
            <c:spPr>
              <a:noFill/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1:$O$61</c:f>
              <c:numCache>
                <c:formatCode>0.0</c:formatCode>
                <c:ptCount val="12"/>
                <c:pt idx="4">
                  <c:v>45.7</c:v>
                </c:pt>
                <c:pt idx="5" formatCode="General">
                  <c:v>37.9</c:v>
                </c:pt>
                <c:pt idx="6">
                  <c:v>42.312971876416917</c:v>
                </c:pt>
                <c:pt idx="7">
                  <c:v>37.120779275073509</c:v>
                </c:pt>
                <c:pt idx="8">
                  <c:v>39.913816673788574</c:v>
                </c:pt>
                <c:pt idx="9">
                  <c:v>40.101180840629738</c:v>
                </c:pt>
                <c:pt idx="10">
                  <c:v>35.208376585066041</c:v>
                </c:pt>
                <c:pt idx="11">
                  <c:v>36.0971979160380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A01-490B-9994-7D591DD32C13}"/>
            </c:ext>
          </c:extLst>
        </c:ser>
        <c:ser>
          <c:idx val="16"/>
          <c:order val="3"/>
          <c:tx>
            <c:strRef>
              <c:f>'Fig5 CF'!$C$70</c:f>
              <c:strCache>
                <c:ptCount val="1"/>
                <c:pt idx="0">
                  <c:v>Netherlands offshor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5"/>
            <c:spPr>
              <a:noFill/>
              <a:ln w="9525">
                <a:solidFill>
                  <a:srgbClr val="00B050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0:$O$70</c:f>
              <c:numCache>
                <c:formatCode>0.0</c:formatCode>
                <c:ptCount val="12"/>
                <c:pt idx="1">
                  <c:v>39.5</c:v>
                </c:pt>
                <c:pt idx="2">
                  <c:v>38.6</c:v>
                </c:pt>
                <c:pt idx="3">
                  <c:v>37.5</c:v>
                </c:pt>
                <c:pt idx="4">
                  <c:v>40</c:v>
                </c:pt>
                <c:pt idx="5">
                  <c:v>39.4</c:v>
                </c:pt>
                <c:pt idx="6">
                  <c:v>44.1</c:v>
                </c:pt>
                <c:pt idx="7">
                  <c:v>41.1770038600459</c:v>
                </c:pt>
                <c:pt idx="8">
                  <c:v>39.960302123740952</c:v>
                </c:pt>
                <c:pt idx="10">
                  <c:v>38.81278538812785</c:v>
                </c:pt>
                <c:pt idx="11">
                  <c:v>37.77410992220964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A01-490B-9994-7D591DD32C13}"/>
            </c:ext>
          </c:extLst>
        </c:ser>
        <c:ser>
          <c:idx val="23"/>
          <c:order val="4"/>
          <c:tx>
            <c:strRef>
              <c:f>'Fig5 CF'!$C$79</c:f>
              <c:strCache>
                <c:ptCount val="1"/>
                <c:pt idx="0">
                  <c:v>United Kingdom offshor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square"/>
            <c:size val="5"/>
            <c:spPr>
              <a:noFill/>
              <a:ln w="9525">
                <a:solidFill>
                  <a:srgbClr val="7030A0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9:$O$79</c:f>
              <c:numCache>
                <c:formatCode>0.0</c:formatCode>
                <c:ptCount val="12"/>
                <c:pt idx="0" formatCode="General">
                  <c:v>36.700000000000003</c:v>
                </c:pt>
                <c:pt idx="1">
                  <c:v>36.700000000000003</c:v>
                </c:pt>
                <c:pt idx="3">
                  <c:v>37</c:v>
                </c:pt>
                <c:pt idx="6">
                  <c:v>34.200000000000003</c:v>
                </c:pt>
                <c:pt idx="7">
                  <c:v>40.1</c:v>
                </c:pt>
                <c:pt idx="8">
                  <c:v>40.5</c:v>
                </c:pt>
                <c:pt idx="9">
                  <c:v>45.693467360615216</c:v>
                </c:pt>
                <c:pt idx="10">
                  <c:v>37.393375439787071</c:v>
                </c:pt>
                <c:pt idx="11">
                  <c:v>40.8346170359668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A01-490B-9994-7D591DD32C13}"/>
            </c:ext>
          </c:extLst>
        </c:ser>
        <c:ser>
          <c:idx val="29"/>
          <c:order val="5"/>
          <c:tx>
            <c:strRef>
              <c:f>'Fig5 CF'!$C$82</c:f>
              <c:strCache>
                <c:ptCount val="1"/>
                <c:pt idx="0">
                  <c:v>United States offshore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5"/>
            <c:spPr>
              <a:noFill/>
              <a:ln>
                <a:solidFill>
                  <a:schemeClr val="accent2">
                    <a:lumMod val="60000"/>
                    <a:lumOff val="40000"/>
                  </a:schemeClr>
                </a:solidFill>
              </a:ln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82:$O$82</c:f>
              <c:numCache>
                <c:formatCode>0.0</c:formatCode>
                <c:ptCount val="12"/>
                <c:pt idx="6">
                  <c:v>39.700000000000003</c:v>
                </c:pt>
                <c:pt idx="7">
                  <c:v>44.658295281582951</c:v>
                </c:pt>
                <c:pt idx="8">
                  <c:v>44.821917808219183</c:v>
                </c:pt>
                <c:pt idx="9">
                  <c:v>38.020200870269178</c:v>
                </c:pt>
                <c:pt idx="10">
                  <c:v>36.4</c:v>
                </c:pt>
                <c:pt idx="11">
                  <c:v>44.0440856707979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5A01-490B-9994-7D591DD32C13}"/>
            </c:ext>
          </c:extLst>
        </c:ser>
        <c:ser>
          <c:idx val="31"/>
          <c:order val="6"/>
          <c:tx>
            <c:strRef>
              <c:f>'Fig5 CF'!$C$87</c:f>
              <c:strCache>
                <c:ptCount val="1"/>
                <c:pt idx="0">
                  <c:v>Average of offshore</c:v>
                </c:pt>
              </c:strCache>
            </c:strRef>
          </c:tx>
          <c:spPr>
            <a:ln w="28575">
              <a:solidFill>
                <a:schemeClr val="tx1"/>
              </a:solidFill>
              <a:prstDash val="sysDash"/>
            </a:ln>
          </c:spPr>
          <c:marker>
            <c:symbol val="none"/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87:$O$87</c:f>
              <c:numCache>
                <c:formatCode>_-* #,##0.0_-;\-* #,##0.0_-;_-* "-"??_-;_-@_-</c:formatCode>
                <c:ptCount val="12"/>
                <c:pt idx="0">
                  <c:v>38.950000000000003</c:v>
                </c:pt>
                <c:pt idx="1">
                  <c:v>33.93333333333333</c:v>
                </c:pt>
                <c:pt idx="2">
                  <c:v>31.700000000000003</c:v>
                </c:pt>
                <c:pt idx="3">
                  <c:v>36.766666666666666</c:v>
                </c:pt>
                <c:pt idx="4">
                  <c:v>42.533333333333331</c:v>
                </c:pt>
                <c:pt idx="5">
                  <c:v>39.699999999999996</c:v>
                </c:pt>
                <c:pt idx="6">
                  <c:v>41.389882099705147</c:v>
                </c:pt>
                <c:pt idx="7">
                  <c:v>45.054157984531365</c:v>
                </c:pt>
                <c:pt idx="8">
                  <c:v>41.124521675529671</c:v>
                </c:pt>
                <c:pt idx="9">
                  <c:v>41.946188106022127</c:v>
                </c:pt>
                <c:pt idx="10">
                  <c:v>36.667651907933426</c:v>
                </c:pt>
                <c:pt idx="11">
                  <c:v>36.62312396255586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5A01-490B-9994-7D591DD32C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2022656"/>
        <c:axId val="112024192"/>
      </c:scatterChart>
      <c:valAx>
        <c:axId val="112022656"/>
        <c:scaling>
          <c:orientation val="minMax"/>
          <c:max val="2023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 sz="1200"/>
            </a:pPr>
            <a:endParaRPr lang="da-DK"/>
          </a:p>
        </c:txPr>
        <c:crossAx val="112024192"/>
        <c:crosses val="autoZero"/>
        <c:crossBetween val="midCat"/>
      </c:valAx>
      <c:valAx>
        <c:axId val="112024192"/>
        <c:scaling>
          <c:orientation val="minMax"/>
          <c:max val="50"/>
          <c:min val="1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 sz="1600" b="0"/>
                </a:pPr>
                <a:r>
                  <a:rPr lang="en-US" sz="1600" b="0"/>
                  <a:t>Capacity factor [%]</a:t>
                </a:r>
              </a:p>
            </c:rich>
          </c:tx>
          <c:layout>
            <c:manualLayout>
              <c:xMode val="edge"/>
              <c:yMode val="edge"/>
              <c:x val="3.9269996655823425E-2"/>
              <c:y val="0.20840753469352247"/>
            </c:manualLayout>
          </c:layout>
          <c:overlay val="0"/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 sz="1400"/>
            </a:pPr>
            <a:endParaRPr lang="da-DK"/>
          </a:p>
        </c:txPr>
        <c:crossAx val="112022656"/>
        <c:crosses val="autoZero"/>
        <c:crossBetween val="midCat"/>
        <c:majorUnit val="5"/>
      </c:valAx>
      <c:spPr>
        <a:noFill/>
        <a:ln>
          <a:solidFill>
            <a:schemeClr val="tx1">
              <a:lumMod val="65000"/>
              <a:lumOff val="3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3.8715957802571976E-2"/>
          <c:y val="0.83378814112324362"/>
          <c:w val="0.91620466360623853"/>
          <c:h val="0.16514678341402431"/>
        </c:manualLayout>
      </c:layout>
      <c:overlay val="0"/>
      <c:spPr>
        <a:noFill/>
        <a:ln>
          <a:noFill/>
        </a:ln>
        <a:effectLst/>
      </c:spPr>
      <c:txPr>
        <a:bodyPr rot="0" vert="horz"/>
        <a:lstStyle/>
        <a:p>
          <a:pPr>
            <a:defRPr sz="1400"/>
          </a:pPr>
          <a:endParaRPr lang="da-DK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>
          <a:solidFill>
            <a:sysClr val="windowText" lastClr="000000"/>
          </a:solidFill>
        </a:defRPr>
      </a:pPr>
      <a:endParaRPr lang="da-DK"/>
    </a:p>
  </c:txPr>
  <c:printSettings>
    <c:headerFooter/>
    <c:pageMargins b="0.75" l="0.7" r="0.7" t="0.75" header="0.3" footer="0.3"/>
    <c:pageSetup orientation="landscape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402175659719556"/>
          <c:y val="4.1501603471043202E-2"/>
          <c:w val="0.82630556273633493"/>
          <c:h val="0.57280242828931238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g5 CF'!$C$47</c:f>
              <c:strCache>
                <c:ptCount val="1"/>
                <c:pt idx="0">
                  <c:v>Austri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47:$O$47</c:f>
              <c:numCache>
                <c:formatCode>0.0</c:formatCode>
                <c:ptCount val="12"/>
                <c:pt idx="1">
                  <c:v>30</c:v>
                </c:pt>
                <c:pt idx="2">
                  <c:v>24</c:v>
                </c:pt>
                <c:pt idx="3">
                  <c:v>24</c:v>
                </c:pt>
                <c:pt idx="5">
                  <c:v>25</c:v>
                </c:pt>
                <c:pt idx="6">
                  <c:v>0</c:v>
                </c:pt>
                <c:pt idx="7">
                  <c:v>27.450592854375387</c:v>
                </c:pt>
                <c:pt idx="8">
                  <c:v>26.050098060011983</c:v>
                </c:pt>
                <c:pt idx="9">
                  <c:v>25.768907383601846</c:v>
                </c:pt>
                <c:pt idx="10">
                  <c:v>26.5</c:v>
                </c:pt>
                <c:pt idx="11">
                  <c:v>27.5113316491030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448-49F8-98D5-9C6E85BB4D41}"/>
            </c:ext>
          </c:extLst>
        </c:ser>
        <c:ser>
          <c:idx val="1"/>
          <c:order val="1"/>
          <c:tx>
            <c:strRef>
              <c:f>'Fig5 CF'!$C$48</c:f>
              <c:strCache>
                <c:ptCount val="1"/>
                <c:pt idx="0">
                  <c:v>Belgium land-base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noFill/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48:$O$48</c:f>
              <c:numCache>
                <c:formatCode>0.0</c:formatCode>
                <c:ptCount val="12"/>
                <c:pt idx="0">
                  <c:v>21</c:v>
                </c:pt>
                <c:pt idx="1">
                  <c:v>21.9</c:v>
                </c:pt>
                <c:pt idx="2">
                  <c:v>21.6</c:v>
                </c:pt>
                <c:pt idx="3">
                  <c:v>22.4</c:v>
                </c:pt>
                <c:pt idx="4">
                  <c:v>21.5</c:v>
                </c:pt>
                <c:pt idx="5">
                  <c:v>26.2</c:v>
                </c:pt>
                <c:pt idx="6">
                  <c:v>23.653247933620854</c:v>
                </c:pt>
                <c:pt idx="7">
                  <c:v>19.403875797296966</c:v>
                </c:pt>
                <c:pt idx="8">
                  <c:v>25.584761395568449</c:v>
                </c:pt>
                <c:pt idx="9">
                  <c:v>28.200167516116746</c:v>
                </c:pt>
                <c:pt idx="10">
                  <c:v>22.714151668043918</c:v>
                </c:pt>
                <c:pt idx="11">
                  <c:v>21.4522019146915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F448-49F8-98D5-9C6E85BB4D41}"/>
            </c:ext>
          </c:extLst>
        </c:ser>
        <c:ser>
          <c:idx val="28"/>
          <c:order val="2"/>
          <c:tx>
            <c:strRef>
              <c:f>'Fig5 CF'!$C$51</c:f>
              <c:strCache>
                <c:ptCount val="1"/>
                <c:pt idx="0">
                  <c:v>Canada</c:v>
                </c:pt>
              </c:strCache>
            </c:strRef>
          </c:tx>
          <c:spPr>
            <a:ln w="28575">
              <a:noFill/>
            </a:ln>
          </c:spPr>
          <c:marker>
            <c:symbol val="circle"/>
            <c:size val="5"/>
            <c:spPr>
              <a:noFill/>
              <a:ln>
                <a:solidFill>
                  <a:schemeClr val="accent6">
                    <a:lumMod val="50000"/>
                  </a:schemeClr>
                </a:solidFill>
              </a:ln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1:$O$51</c:f>
              <c:numCache>
                <c:formatCode>0.0</c:formatCode>
                <c:ptCount val="12"/>
                <c:pt idx="5">
                  <c:v>29.470000000000002</c:v>
                </c:pt>
                <c:pt idx="6">
                  <c:v>29.4</c:v>
                </c:pt>
                <c:pt idx="7">
                  <c:v>29.7</c:v>
                </c:pt>
                <c:pt idx="8">
                  <c:v>28.542076975344138</c:v>
                </c:pt>
                <c:pt idx="9">
                  <c:v>30.57634848442839</c:v>
                </c:pt>
                <c:pt idx="10">
                  <c:v>29.646809286216069</c:v>
                </c:pt>
                <c:pt idx="11">
                  <c:v>30.1135892914411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F448-49F8-98D5-9C6E85BB4D41}"/>
            </c:ext>
          </c:extLst>
        </c:ser>
        <c:ser>
          <c:idx val="4"/>
          <c:order val="3"/>
          <c:tx>
            <c:strRef>
              <c:f>'Fig5 CF'!$C$52</c:f>
              <c:strCache>
                <c:ptCount val="1"/>
                <c:pt idx="0">
                  <c:v>China al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2:$O$52</c:f>
              <c:numCache>
                <c:formatCode>0.0</c:formatCode>
                <c:ptCount val="12"/>
                <c:pt idx="1">
                  <c:v>22.4</c:v>
                </c:pt>
                <c:pt idx="2">
                  <c:v>23.7</c:v>
                </c:pt>
                <c:pt idx="3">
                  <c:v>21.6</c:v>
                </c:pt>
                <c:pt idx="4">
                  <c:v>19.7</c:v>
                </c:pt>
                <c:pt idx="5">
                  <c:v>18.5</c:v>
                </c:pt>
                <c:pt idx="6">
                  <c:v>19.543621875920351</c:v>
                </c:pt>
                <c:pt idx="7">
                  <c:v>22.70696843359142</c:v>
                </c:pt>
                <c:pt idx="8">
                  <c:v>22.05370732767993</c:v>
                </c:pt>
                <c:pt idx="9">
                  <c:v>23.872950819672131</c:v>
                </c:pt>
                <c:pt idx="10">
                  <c:v>25</c:v>
                </c:pt>
                <c:pt idx="11">
                  <c:v>24.0962709284627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F448-49F8-98D5-9C6E85BB4D41}"/>
            </c:ext>
          </c:extLst>
        </c:ser>
        <c:ser>
          <c:idx val="26"/>
          <c:order val="4"/>
          <c:tx>
            <c:strRef>
              <c:f>'Fig5 CF'!$C$56</c:f>
              <c:strCache>
                <c:ptCount val="1"/>
                <c:pt idx="0">
                  <c:v>Denmark land-based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5"/>
            <c:spPr>
              <a:noFill/>
              <a:ln>
                <a:solidFill>
                  <a:srgbClr val="FF6600"/>
                </a:solidFill>
              </a:ln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6:$O$56</c:f>
              <c:numCache>
                <c:formatCode>0.0</c:formatCode>
                <c:ptCount val="12"/>
                <c:pt idx="5">
                  <c:v>22.5</c:v>
                </c:pt>
                <c:pt idx="6">
                  <c:v>24.9</c:v>
                </c:pt>
                <c:pt idx="7">
                  <c:v>24.4</c:v>
                </c:pt>
                <c:pt idx="8">
                  <c:v>25.903833959641432</c:v>
                </c:pt>
                <c:pt idx="9">
                  <c:v>25.136518065745523</c:v>
                </c:pt>
                <c:pt idx="10">
                  <c:v>21.225981043617853</c:v>
                </c:pt>
                <c:pt idx="11">
                  <c:v>25.1553021522229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F448-49F8-98D5-9C6E85BB4D41}"/>
            </c:ext>
          </c:extLst>
        </c:ser>
        <c:ser>
          <c:idx val="6"/>
          <c:order val="5"/>
          <c:tx>
            <c:strRef>
              <c:f>'Fig5 CF'!$C$58</c:f>
              <c:strCache>
                <c:ptCount val="1"/>
                <c:pt idx="0">
                  <c:v>Finland</c:v>
                </c:pt>
              </c:strCache>
            </c:strRef>
          </c:tx>
          <c:spPr>
            <a:ln w="15875" cap="rnd">
              <a:noFill/>
              <a:prstDash val="solid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8:$O$58</c:f>
              <c:numCache>
                <c:formatCode>0.0</c:formatCode>
                <c:ptCount val="12"/>
                <c:pt idx="0">
                  <c:v>28</c:v>
                </c:pt>
                <c:pt idx="1">
                  <c:v>24</c:v>
                </c:pt>
                <c:pt idx="2">
                  <c:v>26</c:v>
                </c:pt>
                <c:pt idx="3">
                  <c:v>27</c:v>
                </c:pt>
                <c:pt idx="4">
                  <c:v>32</c:v>
                </c:pt>
                <c:pt idx="5">
                  <c:v>27</c:v>
                </c:pt>
                <c:pt idx="6">
                  <c:v>32.5</c:v>
                </c:pt>
                <c:pt idx="7">
                  <c:v>32.300000000000004</c:v>
                </c:pt>
                <c:pt idx="8">
                  <c:v>32.700000000000003</c:v>
                </c:pt>
                <c:pt idx="9">
                  <c:v>35</c:v>
                </c:pt>
                <c:pt idx="10">
                  <c:v>33</c:v>
                </c:pt>
                <c:pt idx="11">
                  <c:v>33.2000000000000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F448-49F8-98D5-9C6E85BB4D41}"/>
            </c:ext>
          </c:extLst>
        </c:ser>
        <c:ser>
          <c:idx val="7"/>
          <c:order val="6"/>
          <c:tx>
            <c:strRef>
              <c:f>'Fig5 CF'!$C$59</c:f>
              <c:strCache>
                <c:ptCount val="1"/>
                <c:pt idx="0">
                  <c:v>France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59:$O$59</c:f>
              <c:numCache>
                <c:formatCode>0.0</c:formatCode>
                <c:ptCount val="12"/>
                <c:pt idx="0">
                  <c:v>21.7</c:v>
                </c:pt>
                <c:pt idx="1">
                  <c:v>24</c:v>
                </c:pt>
                <c:pt idx="2">
                  <c:v>23.2</c:v>
                </c:pt>
                <c:pt idx="3">
                  <c:v>22.6</c:v>
                </c:pt>
                <c:pt idx="4">
                  <c:v>24.3</c:v>
                </c:pt>
                <c:pt idx="5">
                  <c:v>21.7</c:v>
                </c:pt>
                <c:pt idx="6">
                  <c:v>21.8</c:v>
                </c:pt>
                <c:pt idx="7">
                  <c:v>21.099999999999998</c:v>
                </c:pt>
                <c:pt idx="8">
                  <c:v>24.41402404545104</c:v>
                </c:pt>
                <c:pt idx="9">
                  <c:v>26.499258634846839</c:v>
                </c:pt>
                <c:pt idx="10">
                  <c:v>22.895591523534378</c:v>
                </c:pt>
                <c:pt idx="11">
                  <c:v>21.914570182422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F448-49F8-98D5-9C6E85BB4D41}"/>
            </c:ext>
          </c:extLst>
        </c:ser>
        <c:ser>
          <c:idx val="8"/>
          <c:order val="7"/>
          <c:tx>
            <c:strRef>
              <c:f>'Fig5 CF'!$C$60</c:f>
              <c:strCache>
                <c:ptCount val="1"/>
                <c:pt idx="0">
                  <c:v>Germany land-base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noFill/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'Fig5 CF'!$D$46:$N$46</c:f>
              <c:numCache>
                <c:formatCode>General</c:formatCode>
                <c:ptCount val="11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</c:numCache>
            </c:numRef>
          </c:xVal>
          <c:yVal>
            <c:numRef>
              <c:f>'Fig5 CF'!$D$60:$N$60</c:f>
              <c:numCache>
                <c:formatCode>0.0</c:formatCode>
                <c:ptCount val="11"/>
                <c:pt idx="4">
                  <c:v>22.7</c:v>
                </c:pt>
                <c:pt idx="5" formatCode="General">
                  <c:v>17.100000000000001</c:v>
                </c:pt>
                <c:pt idx="6">
                  <c:v>21.077873472507932</c:v>
                </c:pt>
                <c:pt idx="7">
                  <c:v>19.782019141394809</c:v>
                </c:pt>
                <c:pt idx="8">
                  <c:v>21.499448540857667</c:v>
                </c:pt>
                <c:pt idx="9">
                  <c:v>21.770629926982096</c:v>
                </c:pt>
                <c:pt idx="10">
                  <c:v>18.23440792864983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F448-49F8-98D5-9C6E85BB4D41}"/>
            </c:ext>
          </c:extLst>
        </c:ser>
        <c:ser>
          <c:idx val="11"/>
          <c:order val="8"/>
          <c:tx>
            <c:strRef>
              <c:f>'Fig5 CF'!$C$63</c:f>
              <c:strCache>
                <c:ptCount val="1"/>
                <c:pt idx="0">
                  <c:v>Irelan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6">
                    <a:lumMod val="6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3:$O$63</c:f>
              <c:numCache>
                <c:formatCode>0.0</c:formatCode>
                <c:ptCount val="12"/>
                <c:pt idx="0">
                  <c:v>31.6</c:v>
                </c:pt>
                <c:pt idx="1">
                  <c:v>28.4</c:v>
                </c:pt>
                <c:pt idx="2">
                  <c:v>30.5</c:v>
                </c:pt>
                <c:pt idx="3">
                  <c:v>28.7</c:v>
                </c:pt>
                <c:pt idx="4">
                  <c:v>32.299999999999997</c:v>
                </c:pt>
                <c:pt idx="5">
                  <c:v>27</c:v>
                </c:pt>
                <c:pt idx="6">
                  <c:v>27.54</c:v>
                </c:pt>
                <c:pt idx="7">
                  <c:v>28.410621335914886</c:v>
                </c:pt>
                <c:pt idx="8">
                  <c:v>28.000000000000004</c:v>
                </c:pt>
                <c:pt idx="9">
                  <c:v>31.027182702795642</c:v>
                </c:pt>
                <c:pt idx="10">
                  <c:v>25</c:v>
                </c:pt>
                <c:pt idx="11">
                  <c:v>27.9000000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F448-49F8-98D5-9C6E85BB4D41}"/>
            </c:ext>
          </c:extLst>
        </c:ser>
        <c:ser>
          <c:idx val="12"/>
          <c:order val="9"/>
          <c:tx>
            <c:strRef>
              <c:f>'Fig5 CF'!$C$66</c:f>
              <c:strCache>
                <c:ptCount val="1"/>
                <c:pt idx="0">
                  <c:v>Italy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1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6:$O$66</c:f>
              <c:numCache>
                <c:formatCode>0.0</c:formatCode>
                <c:ptCount val="12"/>
                <c:pt idx="0">
                  <c:v>18</c:v>
                </c:pt>
                <c:pt idx="2">
                  <c:v>21</c:v>
                </c:pt>
                <c:pt idx="3">
                  <c:v>20</c:v>
                </c:pt>
                <c:pt idx="4">
                  <c:v>19.2</c:v>
                </c:pt>
                <c:pt idx="6">
                  <c:v>21.6</c:v>
                </c:pt>
                <c:pt idx="7">
                  <c:v>20.3</c:v>
                </c:pt>
                <c:pt idx="8">
                  <c:v>22.3</c:v>
                </c:pt>
                <c:pt idx="9">
                  <c:v>19.900000000000002</c:v>
                </c:pt>
                <c:pt idx="10">
                  <c:v>22.1</c:v>
                </c:pt>
                <c:pt idx="11">
                  <c:v>20.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F448-49F8-98D5-9C6E85BB4D41}"/>
            </c:ext>
          </c:extLst>
        </c:ser>
        <c:ser>
          <c:idx val="13"/>
          <c:order val="10"/>
          <c:tx>
            <c:strRef>
              <c:f>'Fig5 CF'!$C$67</c:f>
              <c:strCache>
                <c:ptCount val="1"/>
                <c:pt idx="0">
                  <c:v>Japa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2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7:$O$67</c:f>
              <c:numCache>
                <c:formatCode>0.0</c:formatCode>
                <c:ptCount val="12"/>
                <c:pt idx="5">
                  <c:v>19</c:v>
                </c:pt>
                <c:pt idx="6">
                  <c:v>19.97587740597389</c:v>
                </c:pt>
                <c:pt idx="7">
                  <c:v>21.000029166707176</c:v>
                </c:pt>
                <c:pt idx="8">
                  <c:v>20.221270727555897</c:v>
                </c:pt>
                <c:pt idx="9">
                  <c:v>20.80275546110451</c:v>
                </c:pt>
                <c:pt idx="10">
                  <c:v>21.546112832968589</c:v>
                </c:pt>
                <c:pt idx="11">
                  <c:v>21.51275448090210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F448-49F8-98D5-9C6E85BB4D41}"/>
            </c:ext>
          </c:extLst>
        </c:ser>
        <c:ser>
          <c:idx val="14"/>
          <c:order val="11"/>
          <c:tx>
            <c:strRef>
              <c:f>'Fig5 CF'!$C$68</c:f>
              <c:strCache>
                <c:ptCount val="1"/>
                <c:pt idx="0">
                  <c:v>Kore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3">
                    <a:lumMod val="80000"/>
                    <a:lumOff val="2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8:$O$68</c:f>
              <c:numCache>
                <c:formatCode>0.0</c:formatCode>
                <c:ptCount val="12"/>
                <c:pt idx="3">
                  <c:v>23.7</c:v>
                </c:pt>
                <c:pt idx="6">
                  <c:v>21.729552190979732</c:v>
                </c:pt>
                <c:pt idx="7">
                  <c:v>22.990184239741939</c:v>
                </c:pt>
                <c:pt idx="8">
                  <c:v>21.856903588952687</c:v>
                </c:pt>
                <c:pt idx="9">
                  <c:v>22.717550383002088</c:v>
                </c:pt>
                <c:pt idx="10">
                  <c:v>21.468802768423497</c:v>
                </c:pt>
                <c:pt idx="11">
                  <c:v>21.6382832884048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F448-49F8-98D5-9C6E85BB4D41}"/>
            </c:ext>
          </c:extLst>
        </c:ser>
        <c:ser>
          <c:idx val="15"/>
          <c:order val="12"/>
          <c:tx>
            <c:strRef>
              <c:f>'Fig5 CF'!$C$69</c:f>
              <c:strCache>
                <c:ptCount val="1"/>
                <c:pt idx="0">
                  <c:v>Netherlands land-base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noFill/>
              <a:ln w="9525">
                <a:solidFill>
                  <a:srgbClr val="00B050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69:$O$69</c:f>
              <c:numCache>
                <c:formatCode>0.0</c:formatCode>
                <c:ptCount val="12"/>
                <c:pt idx="1">
                  <c:v>20</c:v>
                </c:pt>
                <c:pt idx="2">
                  <c:v>22.3</c:v>
                </c:pt>
                <c:pt idx="3">
                  <c:v>22</c:v>
                </c:pt>
                <c:pt idx="4">
                  <c:v>25.6</c:v>
                </c:pt>
                <c:pt idx="5">
                  <c:v>21.3</c:v>
                </c:pt>
                <c:pt idx="6">
                  <c:v>24</c:v>
                </c:pt>
                <c:pt idx="7">
                  <c:v>22.733882055884191</c:v>
                </c:pt>
                <c:pt idx="8">
                  <c:v>24.648065761959632</c:v>
                </c:pt>
                <c:pt idx="9">
                  <c:v>26.393046697615226</c:v>
                </c:pt>
                <c:pt idx="10">
                  <c:v>25.936112363944723</c:v>
                </c:pt>
                <c:pt idx="11">
                  <c:v>26.1727701485935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C-F448-49F8-98D5-9C6E85BB4D41}"/>
            </c:ext>
          </c:extLst>
        </c:ser>
        <c:ser>
          <c:idx val="18"/>
          <c:order val="13"/>
          <c:tx>
            <c:strRef>
              <c:f>'Fig5 CF'!$C$72</c:f>
              <c:strCache>
                <c:ptCount val="1"/>
                <c:pt idx="0">
                  <c:v>Norway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1">
                    <a:lumMod val="8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2:$O$72</c:f>
              <c:numCache>
                <c:formatCode>0.0</c:formatCode>
                <c:ptCount val="12"/>
                <c:pt idx="0">
                  <c:v>31.3</c:v>
                </c:pt>
                <c:pt idx="1">
                  <c:v>31.2</c:v>
                </c:pt>
                <c:pt idx="2">
                  <c:v>29.2</c:v>
                </c:pt>
                <c:pt idx="3">
                  <c:v>31</c:v>
                </c:pt>
                <c:pt idx="4">
                  <c:v>35</c:v>
                </c:pt>
                <c:pt idx="5">
                  <c:v>28.7</c:v>
                </c:pt>
                <c:pt idx="6">
                  <c:v>32.6</c:v>
                </c:pt>
                <c:pt idx="7">
                  <c:v>32.800000000000004</c:v>
                </c:pt>
                <c:pt idx="8">
                  <c:v>33.5</c:v>
                </c:pt>
                <c:pt idx="9">
                  <c:v>37.4</c:v>
                </c:pt>
                <c:pt idx="10">
                  <c:v>32.9</c:v>
                </c:pt>
                <c:pt idx="11">
                  <c:v>34.57834050132986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D-F448-49F8-98D5-9C6E85BB4D41}"/>
            </c:ext>
          </c:extLst>
        </c:ser>
        <c:ser>
          <c:idx val="19"/>
          <c:order val="14"/>
          <c:tx>
            <c:strRef>
              <c:f>'Fig5 CF'!$C$73</c:f>
              <c:strCache>
                <c:ptCount val="1"/>
                <c:pt idx="0">
                  <c:v>Portugal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2">
                    <a:lumMod val="8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3:$O$73</c:f>
              <c:numCache>
                <c:formatCode>0.0</c:formatCode>
                <c:ptCount val="12"/>
                <c:pt idx="0">
                  <c:v>26</c:v>
                </c:pt>
                <c:pt idx="1">
                  <c:v>28</c:v>
                </c:pt>
                <c:pt idx="2">
                  <c:v>29</c:v>
                </c:pt>
                <c:pt idx="3">
                  <c:v>28</c:v>
                </c:pt>
                <c:pt idx="4">
                  <c:v>27</c:v>
                </c:pt>
                <c:pt idx="5">
                  <c:v>27.6</c:v>
                </c:pt>
                <c:pt idx="6">
                  <c:v>27.700000000000003</c:v>
                </c:pt>
                <c:pt idx="7">
                  <c:v>27.1</c:v>
                </c:pt>
                <c:pt idx="8">
                  <c:v>28.799999999999997</c:v>
                </c:pt>
                <c:pt idx="9">
                  <c:v>25.8</c:v>
                </c:pt>
                <c:pt idx="10">
                  <c:v>25.6</c:v>
                </c:pt>
                <c:pt idx="11">
                  <c:v>26.7000000000000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E-F448-49F8-98D5-9C6E85BB4D41}"/>
            </c:ext>
          </c:extLst>
        </c:ser>
        <c:ser>
          <c:idx val="20"/>
          <c:order val="15"/>
          <c:tx>
            <c:strRef>
              <c:f>'Fig5 CF'!$C$74</c:f>
              <c:strCache>
                <c:ptCount val="1"/>
                <c:pt idx="0">
                  <c:v>Spai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3">
                    <a:lumMod val="8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4:$O$74</c:f>
              <c:numCache>
                <c:formatCode>0.0</c:formatCode>
                <c:ptCount val="12"/>
                <c:pt idx="1">
                  <c:v>24.1</c:v>
                </c:pt>
                <c:pt idx="2">
                  <c:v>26.9</c:v>
                </c:pt>
                <c:pt idx="3">
                  <c:v>25.4</c:v>
                </c:pt>
                <c:pt idx="4">
                  <c:v>23.9</c:v>
                </c:pt>
                <c:pt idx="5">
                  <c:v>23.48</c:v>
                </c:pt>
                <c:pt idx="6">
                  <c:v>23.728677875717608</c:v>
                </c:pt>
                <c:pt idx="7">
                  <c:v>23.78</c:v>
                </c:pt>
                <c:pt idx="8">
                  <c:v>24.07</c:v>
                </c:pt>
                <c:pt idx="9">
                  <c:v>22.972076711705554</c:v>
                </c:pt>
                <c:pt idx="10">
                  <c:v>24.885605667599332</c:v>
                </c:pt>
                <c:pt idx="11">
                  <c:v>24.0450892202703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F448-49F8-98D5-9C6E85BB4D41}"/>
            </c:ext>
          </c:extLst>
        </c:ser>
        <c:ser>
          <c:idx val="21"/>
          <c:order val="16"/>
          <c:tx>
            <c:strRef>
              <c:f>'Fig5 CF'!$C$75</c:f>
              <c:strCache>
                <c:ptCount val="1"/>
                <c:pt idx="0">
                  <c:v>Sweden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accent4">
                    <a:lumMod val="80000"/>
                  </a:schemeClr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5:$O$75</c:f>
              <c:numCache>
                <c:formatCode>0.0</c:formatCode>
                <c:ptCount val="12"/>
                <c:pt idx="1">
                  <c:v>26</c:v>
                </c:pt>
                <c:pt idx="2">
                  <c:v>28.3</c:v>
                </c:pt>
                <c:pt idx="3">
                  <c:v>26.7</c:v>
                </c:pt>
                <c:pt idx="4">
                  <c:v>33</c:v>
                </c:pt>
                <c:pt idx="5">
                  <c:v>30</c:v>
                </c:pt>
                <c:pt idx="6">
                  <c:v>30.39074905598736</c:v>
                </c:pt>
                <c:pt idx="7">
                  <c:v>25.974229061112155</c:v>
                </c:pt>
                <c:pt idx="8">
                  <c:v>26.037023068802441</c:v>
                </c:pt>
                <c:pt idx="9">
                  <c:v>31.153832917647016</c:v>
                </c:pt>
                <c:pt idx="10">
                  <c:v>27.893184844051273</c:v>
                </c:pt>
                <c:pt idx="11">
                  <c:v>28.6203368044833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0-F448-49F8-98D5-9C6E85BB4D41}"/>
            </c:ext>
          </c:extLst>
        </c:ser>
        <c:ser>
          <c:idx val="22"/>
          <c:order val="17"/>
          <c:tx>
            <c:strRef>
              <c:f>'Fig5 CF'!$C$78</c:f>
              <c:strCache>
                <c:ptCount val="1"/>
                <c:pt idx="0">
                  <c:v>United Kingdom land-based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noFill/>
              <a:ln w="9525">
                <a:solidFill>
                  <a:srgbClr val="7030A0"/>
                </a:solidFill>
              </a:ln>
              <a:effectLst/>
            </c:spPr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78:$O$78</c:f>
              <c:numCache>
                <c:formatCode>General</c:formatCode>
                <c:ptCount val="12"/>
                <c:pt idx="0">
                  <c:v>27.4</c:v>
                </c:pt>
                <c:pt idx="1">
                  <c:v>27.4</c:v>
                </c:pt>
                <c:pt idx="3">
                  <c:v>26.4</c:v>
                </c:pt>
                <c:pt idx="6" formatCode="0.0">
                  <c:v>25.5</c:v>
                </c:pt>
                <c:pt idx="7" formatCode="0.0">
                  <c:v>26.400000000000002</c:v>
                </c:pt>
                <c:pt idx="8" formatCode="0.0">
                  <c:v>26.5</c:v>
                </c:pt>
                <c:pt idx="9" formatCode="0.0">
                  <c:v>28.110750131736729</c:v>
                </c:pt>
                <c:pt idx="10" formatCode="0.0">
                  <c:v>23.189858123043134</c:v>
                </c:pt>
                <c:pt idx="11" formatCode="0.0">
                  <c:v>27.3840045412580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1-F448-49F8-98D5-9C6E85BB4D41}"/>
            </c:ext>
          </c:extLst>
        </c:ser>
        <c:ser>
          <c:idx val="30"/>
          <c:order val="18"/>
          <c:tx>
            <c:strRef>
              <c:f>'Fig5 CF'!$C$86</c:f>
              <c:strCache>
                <c:ptCount val="1"/>
                <c:pt idx="0">
                  <c:v>Average of land-based</c:v>
                </c:pt>
              </c:strCache>
            </c:strRef>
          </c:tx>
          <c:spPr>
            <a:ln w="28575">
              <a:solidFill>
                <a:schemeClr val="tx1"/>
              </a:solidFill>
              <a:prstDash val="solid"/>
            </a:ln>
          </c:spPr>
          <c:marker>
            <c:symbol val="none"/>
          </c:marke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86:$O$86</c:f>
              <c:numCache>
                <c:formatCode>_-* #,##0.0_-;\-* #,##0.0_-;_-* "-"??_-;_-@_-</c:formatCode>
                <c:ptCount val="12"/>
                <c:pt idx="0">
                  <c:v>22.024999999999999</c:v>
                </c:pt>
                <c:pt idx="1">
                  <c:v>24.660000000000004</c:v>
                </c:pt>
                <c:pt idx="2">
                  <c:v>22.419999999999998</c:v>
                </c:pt>
                <c:pt idx="3">
                  <c:v>22.900000000000002</c:v>
                </c:pt>
                <c:pt idx="4">
                  <c:v>22.660000000000004</c:v>
                </c:pt>
                <c:pt idx="5">
                  <c:v>23.324285714285715</c:v>
                </c:pt>
                <c:pt idx="6">
                  <c:v>25.098878338486927</c:v>
                </c:pt>
                <c:pt idx="7">
                  <c:v>24.624746688134842</c:v>
                </c:pt>
                <c:pt idx="8">
                  <c:v>25.93390127189549</c:v>
                </c:pt>
                <c:pt idx="9">
                  <c:v>26.558832068415732</c:v>
                </c:pt>
                <c:pt idx="10">
                  <c:v>25.017566385416718</c:v>
                </c:pt>
                <c:pt idx="11">
                  <c:v>25.9073637758725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2-F448-49F8-98D5-9C6E85BB4D41}"/>
            </c:ext>
          </c:extLst>
        </c:ser>
        <c:ser>
          <c:idx val="2"/>
          <c:order val="19"/>
          <c:tx>
            <c:strRef>
              <c:f>'Fig5 CF'!$C$81</c:f>
              <c:strCache>
                <c:ptCount val="1"/>
                <c:pt idx="0">
                  <c:v>United States all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5 CF'!$D$46:$O$46</c:f>
              <c:numCache>
                <c:formatCode>General</c:formatCode>
                <c:ptCount val="12"/>
                <c:pt idx="0">
                  <c:v>2011</c:v>
                </c:pt>
                <c:pt idx="1">
                  <c:v>2012</c:v>
                </c:pt>
                <c:pt idx="2">
                  <c:v>2013</c:v>
                </c:pt>
                <c:pt idx="3">
                  <c:v>2014</c:v>
                </c:pt>
                <c:pt idx="4">
                  <c:v>2015</c:v>
                </c:pt>
                <c:pt idx="5">
                  <c:v>2016</c:v>
                </c:pt>
                <c:pt idx="6">
                  <c:v>2017</c:v>
                </c:pt>
                <c:pt idx="7">
                  <c:v>2018</c:v>
                </c:pt>
                <c:pt idx="8">
                  <c:v>2019</c:v>
                </c:pt>
                <c:pt idx="9">
                  <c:v>2020</c:v>
                </c:pt>
                <c:pt idx="10">
                  <c:v>2021</c:v>
                </c:pt>
                <c:pt idx="11">
                  <c:v>2022</c:v>
                </c:pt>
              </c:numCache>
            </c:numRef>
          </c:xVal>
          <c:yVal>
            <c:numRef>
              <c:f>'Fig5 CF'!$D$81:$O$81</c:f>
              <c:numCache>
                <c:formatCode>0.0</c:formatCode>
                <c:ptCount val="12"/>
                <c:pt idx="0">
                  <c:v>33</c:v>
                </c:pt>
                <c:pt idx="1">
                  <c:v>33</c:v>
                </c:pt>
                <c:pt idx="2">
                  <c:v>32.1</c:v>
                </c:pt>
                <c:pt idx="3">
                  <c:v>32.299999999999997</c:v>
                </c:pt>
                <c:pt idx="4">
                  <c:v>32</c:v>
                </c:pt>
                <c:pt idx="5">
                  <c:v>34.299999999999997</c:v>
                </c:pt>
                <c:pt idx="6">
                  <c:v>34.464600310247278</c:v>
                </c:pt>
                <c:pt idx="7">
                  <c:v>34.980465686945514</c:v>
                </c:pt>
                <c:pt idx="8">
                  <c:v>35</c:v>
                </c:pt>
                <c:pt idx="9">
                  <c:v>33.23418268866218</c:v>
                </c:pt>
                <c:pt idx="10">
                  <c:v>35</c:v>
                </c:pt>
                <c:pt idx="11">
                  <c:v>35.4751613658831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3-F448-49F8-98D5-9C6E85BB4D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2022656"/>
        <c:axId val="112024192"/>
      </c:scatterChart>
      <c:valAx>
        <c:axId val="112022656"/>
        <c:scaling>
          <c:orientation val="minMax"/>
          <c:max val="2023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 sz="1200"/>
            </a:pPr>
            <a:endParaRPr lang="da-DK"/>
          </a:p>
        </c:txPr>
        <c:crossAx val="112024192"/>
        <c:crosses val="autoZero"/>
        <c:crossBetween val="midCat"/>
      </c:valAx>
      <c:valAx>
        <c:axId val="112024192"/>
        <c:scaling>
          <c:orientation val="minMax"/>
          <c:max val="50"/>
          <c:min val="1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prstDash val="sysDash"/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 sz="1600" b="0"/>
                </a:pPr>
                <a:r>
                  <a:rPr lang="en-US" sz="1600" b="0"/>
                  <a:t>Capacity factor [%]</a:t>
                </a:r>
              </a:p>
            </c:rich>
          </c:tx>
          <c:layout>
            <c:manualLayout>
              <c:xMode val="edge"/>
              <c:yMode val="edge"/>
              <c:x val="4.8536405922232698E-2"/>
              <c:y val="0.20116976820371862"/>
            </c:manualLayout>
          </c:layout>
          <c:overlay val="0"/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65000"/>
                <a:lumOff val="3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 sz="1400"/>
            </a:pPr>
            <a:endParaRPr lang="da-DK"/>
          </a:p>
        </c:txPr>
        <c:crossAx val="112022656"/>
        <c:crosses val="autoZero"/>
        <c:crossBetween val="midCat"/>
        <c:majorUnit val="5"/>
      </c:valAx>
      <c:spPr>
        <a:noFill/>
        <a:ln>
          <a:solidFill>
            <a:schemeClr val="tx1">
              <a:lumMod val="65000"/>
              <a:lumOff val="3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3.8715945482778978E-2"/>
          <c:y val="0.66996811287599367"/>
          <c:w val="0.84333992034779437"/>
          <c:h val="0.31015068325600237"/>
        </c:manualLayout>
      </c:layout>
      <c:overlay val="0"/>
      <c:spPr>
        <a:noFill/>
        <a:ln>
          <a:noFill/>
        </a:ln>
        <a:effectLst/>
      </c:spPr>
      <c:txPr>
        <a:bodyPr rot="0" vert="horz"/>
        <a:lstStyle/>
        <a:p>
          <a:pPr>
            <a:defRPr sz="1400"/>
          </a:pPr>
          <a:endParaRPr lang="da-DK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>
          <a:solidFill>
            <a:sysClr val="windowText" lastClr="000000"/>
          </a:solidFill>
        </a:defRPr>
      </a:pPr>
      <a:endParaRPr lang="da-DK"/>
    </a:p>
  </c:txPr>
  <c:printSettings>
    <c:headerFooter/>
    <c:pageMargins b="0.75" l="0.7" r="0.7" t="0.75" header="0.3" footer="0.3"/>
    <c:pageSetup orientation="landscape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2564303139702099"/>
          <c:y val="4.0293795849550694E-2"/>
          <c:w val="0.66474896057816768"/>
          <c:h val="0.76724618824356361"/>
        </c:manualLayout>
      </c:layout>
      <c:scatterChart>
        <c:scatterStyle val="lineMarker"/>
        <c:varyColors val="0"/>
        <c:ser>
          <c:idx val="1"/>
          <c:order val="0"/>
          <c:tx>
            <c:strRef>
              <c:f>'Fig6 Cost'!$F$34</c:f>
              <c:strCache>
                <c:ptCount val="1"/>
                <c:pt idx="0">
                  <c:v>Austria</c:v>
                </c:pt>
              </c:strCache>
            </c:strRef>
          </c:tx>
          <c:spPr>
            <a:ln w="28575">
              <a:noFill/>
            </a:ln>
          </c:spPr>
          <c:marker>
            <c:symbol val="diamond"/>
            <c:size val="7"/>
          </c:marker>
          <c:xVal>
            <c:numRef>
              <c:f>'Fig6 Cost'!$A$8:$A$22</c:f>
              <c:numCache>
                <c:formatCode>General</c:formatCode>
                <c:ptCount val="15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</c:numCache>
            </c:numRef>
          </c:xVal>
          <c:yVal>
            <c:numRef>
              <c:f>'Fig6 Cost'!$F$35:$F$51</c:f>
              <c:numCache>
                <c:formatCode>0</c:formatCode>
                <c:ptCount val="17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2806.4683213092671</c:v>
                </c:pt>
                <c:pt idx="7">
                  <c:v>2832.2980164847932</c:v>
                </c:pt>
                <c:pt idx="8">
                  <c:v>2766.277598434267</c:v>
                </c:pt>
                <c:pt idx="9">
                  <c:v>2386.4691823321241</c:v>
                </c:pt>
                <c:pt idx="10">
                  <c:v>2487.0355154231052</c:v>
                </c:pt>
                <c:pt idx="11">
                  <c:v>1984.1165434506224</c:v>
                </c:pt>
                <c:pt idx="12">
                  <c:v>2026.4875639962411</c:v>
                </c:pt>
                <c:pt idx="13">
                  <c:v>2094.4883772328135</c:v>
                </c:pt>
                <c:pt idx="14">
                  <c:v>-1</c:v>
                </c:pt>
                <c:pt idx="15">
                  <c:v>-1</c:v>
                </c:pt>
                <c:pt idx="16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62F-4ABF-819A-6AE1E74143FB}"/>
            </c:ext>
          </c:extLst>
        </c:ser>
        <c:ser>
          <c:idx val="2"/>
          <c:order val="1"/>
          <c:tx>
            <c:strRef>
              <c:f>'Fig6 Cost'!$G$34</c:f>
              <c:strCache>
                <c:ptCount val="1"/>
                <c:pt idx="0">
                  <c:v>Belgium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2</c:f>
              <c:numCache>
                <c:formatCode>General</c:formatCode>
                <c:ptCount val="15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</c:numCache>
            </c:numRef>
          </c:xVal>
          <c:yVal>
            <c:numRef>
              <c:f>'Fig6 Cost'!$G$35:$G$49</c:f>
              <c:numCache>
                <c:formatCode>0</c:formatCode>
                <c:ptCount val="15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-1</c:v>
                </c:pt>
                <c:pt idx="7">
                  <c:v>-1</c:v>
                </c:pt>
                <c:pt idx="8">
                  <c:v>-1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1847.2415835303104</c:v>
                </c:pt>
                <c:pt idx="13">
                  <c:v>-1</c:v>
                </c:pt>
                <c:pt idx="14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62F-4ABF-819A-6AE1E74143FB}"/>
            </c:ext>
          </c:extLst>
        </c:ser>
        <c:ser>
          <c:idx val="3"/>
          <c:order val="2"/>
          <c:tx>
            <c:strRef>
              <c:f>'Fig6 Cost'!$H$34</c:f>
              <c:strCache>
                <c:ptCount val="1"/>
                <c:pt idx="0">
                  <c:v>Canada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H$35:$H$54</c:f>
              <c:numCache>
                <c:formatCode>0</c:formatCode>
                <c:ptCount val="20"/>
                <c:pt idx="0">
                  <c:v>1317.4312901205744</c:v>
                </c:pt>
                <c:pt idx="1">
                  <c:v>1427.5582262481939</c:v>
                </c:pt>
                <c:pt idx="2">
                  <c:v>2218.0950336865831</c:v>
                </c:pt>
                <c:pt idx="3">
                  <c:v>2094.337944936653</c:v>
                </c:pt>
                <c:pt idx="4">
                  <c:v>2584.3778886405416</c:v>
                </c:pt>
                <c:pt idx="5">
                  <c:v>2039.5857416337417</c:v>
                </c:pt>
                <c:pt idx="6">
                  <c:v>2646.0987029487378</c:v>
                </c:pt>
                <c:pt idx="7">
                  <c:v>2562.8469619435373</c:v>
                </c:pt>
                <c:pt idx="8">
                  <c:v>2990.7412664215044</c:v>
                </c:pt>
                <c:pt idx="9">
                  <c:v>2598.7580827306238</c:v>
                </c:pt>
                <c:pt idx="10">
                  <c:v>2376.8228628445881</c:v>
                </c:pt>
                <c:pt idx="11">
                  <c:v>-1</c:v>
                </c:pt>
                <c:pt idx="12">
                  <c:v>-1</c:v>
                </c:pt>
                <c:pt idx="13">
                  <c:v>2252.9902003747561</c:v>
                </c:pt>
                <c:pt idx="14">
                  <c:v>2228.5406279360964</c:v>
                </c:pt>
                <c:pt idx="15">
                  <c:v>1667.7722107392108</c:v>
                </c:pt>
                <c:pt idx="16">
                  <c:v>1840.0622193817107</c:v>
                </c:pt>
                <c:pt idx="17">
                  <c:v>1342.1046213</c:v>
                </c:pt>
                <c:pt idx="18">
                  <c:v>1502.3325098665002</c:v>
                </c:pt>
                <c:pt idx="19">
                  <c:v>1464.4044350000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62F-4ABF-819A-6AE1E74143FB}"/>
            </c:ext>
          </c:extLst>
        </c:ser>
        <c:ser>
          <c:idx val="4"/>
          <c:order val="3"/>
          <c:tx>
            <c:strRef>
              <c:f>'Fig6 Cost'!$I$34</c:f>
              <c:strCache>
                <c:ptCount val="1"/>
                <c:pt idx="0">
                  <c:v>China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I$35:$I$54</c:f>
              <c:numCache>
                <c:formatCode>0</c:formatCode>
                <c:ptCount val="20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-1</c:v>
                </c:pt>
                <c:pt idx="7">
                  <c:v>1523.3170412985783</c:v>
                </c:pt>
                <c:pt idx="8">
                  <c:v>1555.4383753481823</c:v>
                </c:pt>
                <c:pt idx="9">
                  <c:v>1738.2044193702636</c:v>
                </c:pt>
                <c:pt idx="10">
                  <c:v>1392.1598220444203</c:v>
                </c:pt>
                <c:pt idx="11">
                  <c:v>1525.3612732886288</c:v>
                </c:pt>
                <c:pt idx="12">
                  <c:v>1453.9084112364901</c:v>
                </c:pt>
                <c:pt idx="13">
                  <c:v>1320.0937555964651</c:v>
                </c:pt>
                <c:pt idx="14">
                  <c:v>-1</c:v>
                </c:pt>
                <c:pt idx="15">
                  <c:v>1090.7491799609077</c:v>
                </c:pt>
                <c:pt idx="16">
                  <c:v>1048.4121998246399</c:v>
                </c:pt>
                <c:pt idx="17">
                  <c:v>1036.6601212799999</c:v>
                </c:pt>
                <c:pt idx="18">
                  <c:v>1034.1071999999999</c:v>
                </c:pt>
                <c:pt idx="19">
                  <c:v>1007.99999999999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A62F-4ABF-819A-6AE1E74143FB}"/>
            </c:ext>
          </c:extLst>
        </c:ser>
        <c:ser>
          <c:idx val="5"/>
          <c:order val="4"/>
          <c:tx>
            <c:strRef>
              <c:f>'Fig6 Cost'!$J$34</c:f>
              <c:strCache>
                <c:ptCount val="1"/>
                <c:pt idx="0">
                  <c:v>Denmark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2</c:f>
              <c:numCache>
                <c:formatCode>General</c:formatCode>
                <c:ptCount val="15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</c:numCache>
            </c:numRef>
          </c:xVal>
          <c:yVal>
            <c:numRef>
              <c:f>'Fig6 Cost'!$J$35:$J$49</c:f>
              <c:numCache>
                <c:formatCode>0</c:formatCode>
                <c:ptCount val="15"/>
                <c:pt idx="0">
                  <c:v>1249.0545430718109</c:v>
                </c:pt>
                <c:pt idx="1">
                  <c:v>1365.7101615178176</c:v>
                </c:pt>
                <c:pt idx="2">
                  <c:v>1436.112468191179</c:v>
                </c:pt>
                <c:pt idx="3">
                  <c:v>1502.1685398637364</c:v>
                </c:pt>
                <c:pt idx="4">
                  <c:v>-1</c:v>
                </c:pt>
                <c:pt idx="5">
                  <c:v>-1</c:v>
                </c:pt>
                <c:pt idx="6">
                  <c:v>2084.805038686884</c:v>
                </c:pt>
                <c:pt idx="7">
                  <c:v>1576.9010578266689</c:v>
                </c:pt>
                <c:pt idx="8">
                  <c:v>1628.151957935597</c:v>
                </c:pt>
                <c:pt idx="9">
                  <c:v>1766.6995737861694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A62F-4ABF-819A-6AE1E74143FB}"/>
            </c:ext>
          </c:extLst>
        </c:ser>
        <c:ser>
          <c:idx val="6"/>
          <c:order val="5"/>
          <c:tx>
            <c:strRef>
              <c:f>'Fig6 Cost'!$K$34</c:f>
              <c:strCache>
                <c:ptCount val="1"/>
                <c:pt idx="0">
                  <c:v>Finland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2</c:f>
              <c:numCache>
                <c:formatCode>General</c:formatCode>
                <c:ptCount val="15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</c:numCache>
            </c:numRef>
          </c:xVal>
          <c:yVal>
            <c:numRef>
              <c:f>'Fig6 Cost'!$K$35:$K$51</c:f>
              <c:numCache>
                <c:formatCode>0</c:formatCode>
                <c:ptCount val="17"/>
                <c:pt idx="0">
                  <c:v>1365.7546698421975</c:v>
                </c:pt>
                <c:pt idx="1">
                  <c:v>1479.9210619869777</c:v>
                </c:pt>
                <c:pt idx="2">
                  <c:v>1460.08323687453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-1</c:v>
                </c:pt>
                <c:pt idx="7">
                  <c:v>-1</c:v>
                </c:pt>
                <c:pt idx="8">
                  <c:v>-1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  <c:pt idx="16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A62F-4ABF-819A-6AE1E74143FB}"/>
            </c:ext>
          </c:extLst>
        </c:ser>
        <c:ser>
          <c:idx val="7"/>
          <c:order val="6"/>
          <c:tx>
            <c:strRef>
              <c:f>'Fig6 Cost'!$L$34</c:f>
              <c:strCache>
                <c:ptCount val="1"/>
                <c:pt idx="0">
                  <c:v>France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6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  <c:pt idx="18">
                  <c:v>2019</c:v>
                </c:pt>
              </c:numCache>
            </c:numRef>
          </c:xVal>
          <c:yVal>
            <c:numRef>
              <c:f>'Fig6 Cost'!$L$35:$L$51</c:f>
              <c:numCache>
                <c:formatCode>0</c:formatCode>
                <c:ptCount val="17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-1</c:v>
                </c:pt>
                <c:pt idx="7">
                  <c:v>-1</c:v>
                </c:pt>
                <c:pt idx="8">
                  <c:v>-1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1585.0182314194262</c:v>
                </c:pt>
                <c:pt idx="14">
                  <c:v>-1</c:v>
                </c:pt>
                <c:pt idx="15">
                  <c:v>-1</c:v>
                </c:pt>
                <c:pt idx="16">
                  <c:v>1752.0340779807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A62F-4ABF-819A-6AE1E74143FB}"/>
            </c:ext>
          </c:extLst>
        </c:ser>
        <c:ser>
          <c:idx val="8"/>
          <c:order val="7"/>
          <c:tx>
            <c:strRef>
              <c:f>'Fig6 Cost'!$M$34</c:f>
              <c:strCache>
                <c:ptCount val="1"/>
                <c:pt idx="0">
                  <c:v>Germany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M$35:$M$54</c:f>
              <c:numCache>
                <c:formatCode>0</c:formatCode>
                <c:ptCount val="20"/>
                <c:pt idx="0">
                  <c:v>1622.012621521184</c:v>
                </c:pt>
                <c:pt idx="1">
                  <c:v>1783.9719300681597</c:v>
                </c:pt>
                <c:pt idx="2">
                  <c:v>1790.668120695178</c:v>
                </c:pt>
                <c:pt idx="3">
                  <c:v>1976.7691040629227</c:v>
                </c:pt>
                <c:pt idx="4">
                  <c:v>-1</c:v>
                </c:pt>
                <c:pt idx="5">
                  <c:v>2535.5838074228673</c:v>
                </c:pt>
                <c:pt idx="6">
                  <c:v>-1</c:v>
                </c:pt>
                <c:pt idx="7">
                  <c:v>2366.8825586408061</c:v>
                </c:pt>
                <c:pt idx="8">
                  <c:v>2443.8086669596441</c:v>
                </c:pt>
                <c:pt idx="9">
                  <c:v>-1</c:v>
                </c:pt>
                <c:pt idx="10">
                  <c:v>2069.3875688097787</c:v>
                </c:pt>
                <c:pt idx="11">
                  <c:v>-1</c:v>
                </c:pt>
                <c:pt idx="12">
                  <c:v>1484.700153504305</c:v>
                </c:pt>
                <c:pt idx="13">
                  <c:v>1728.0273951565175</c:v>
                </c:pt>
                <c:pt idx="14">
                  <c:v>1711.6913728200245</c:v>
                </c:pt>
                <c:pt idx="15">
                  <c:v>1620.7300427417442</c:v>
                </c:pt>
                <c:pt idx="16">
                  <c:v>1603.6026245710632</c:v>
                </c:pt>
                <c:pt idx="17">
                  <c:v>1731.88059944</c:v>
                </c:pt>
                <c:pt idx="18">
                  <c:v>1722.4861000000001</c:v>
                </c:pt>
                <c:pt idx="19">
                  <c:v>16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A62F-4ABF-819A-6AE1E74143FB}"/>
            </c:ext>
          </c:extLst>
        </c:ser>
        <c:ser>
          <c:idx val="9"/>
          <c:order val="8"/>
          <c:tx>
            <c:strRef>
              <c:f>'Fig6 Cost'!$N$34</c:f>
              <c:strCache>
                <c:ptCount val="1"/>
                <c:pt idx="0">
                  <c:v>Greece</c:v>
                </c:pt>
              </c:strCache>
            </c:strRef>
          </c:tx>
          <c:spPr>
            <a:ln w="28575">
              <a:noFill/>
            </a:ln>
          </c:spPr>
          <c:marker>
            <c:spPr>
              <a:solidFill>
                <a:schemeClr val="bg1">
                  <a:lumMod val="50000"/>
                </a:schemeClr>
              </a:solidFill>
            </c:spPr>
          </c:marker>
          <c:xVal>
            <c:numRef>
              <c:f>'Fig6 Cost'!$A$8:$A$24</c:f>
              <c:numCache>
                <c:formatCode>General</c:formatCode>
                <c:ptCount val="17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</c:numCache>
            </c:numRef>
          </c:xVal>
          <c:yVal>
            <c:numRef>
              <c:f>'Fig6 Cost'!$N$35:$N$50</c:f>
              <c:numCache>
                <c:formatCode>0</c:formatCode>
                <c:ptCount val="16"/>
                <c:pt idx="0">
                  <c:v>1531.8212753995294</c:v>
                </c:pt>
                <c:pt idx="1">
                  <c:v>1628.8439361491894</c:v>
                </c:pt>
                <c:pt idx="2">
                  <c:v>1607.0098519059293</c:v>
                </c:pt>
                <c:pt idx="3">
                  <c:v>1610.2463609511781</c:v>
                </c:pt>
                <c:pt idx="4">
                  <c:v>1807.5330485926625</c:v>
                </c:pt>
                <c:pt idx="5">
                  <c:v>1911.0258226551243</c:v>
                </c:pt>
                <c:pt idx="6">
                  <c:v>2004.6202295066191</c:v>
                </c:pt>
                <c:pt idx="7">
                  <c:v>1913.7148760032387</c:v>
                </c:pt>
                <c:pt idx="8">
                  <c:v>1975.9125703101906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A62F-4ABF-819A-6AE1E74143FB}"/>
            </c:ext>
          </c:extLst>
        </c:ser>
        <c:ser>
          <c:idx val="10"/>
          <c:order val="9"/>
          <c:tx>
            <c:strRef>
              <c:f>'Fig6 Cost'!$O$34</c:f>
              <c:strCache>
                <c:ptCount val="1"/>
                <c:pt idx="0">
                  <c:v>Ireland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5"/>
          </c:marker>
          <c:xVal>
            <c:numRef>
              <c:f>'Fig6 Cost'!$A$8:$A$24</c:f>
              <c:numCache>
                <c:formatCode>General</c:formatCode>
                <c:ptCount val="17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</c:numCache>
            </c:numRef>
          </c:xVal>
          <c:yVal>
            <c:numRef>
              <c:f>'Fig6 Cost'!$O$35:$O$50</c:f>
              <c:numCache>
                <c:formatCode>0</c:formatCode>
                <c:ptCount val="16"/>
                <c:pt idx="0">
                  <c:v>1574.7695354574601</c:v>
                </c:pt>
                <c:pt idx="1">
                  <c:v>1783.9719300681597</c:v>
                </c:pt>
                <c:pt idx="2">
                  <c:v>-1</c:v>
                </c:pt>
                <c:pt idx="3">
                  <c:v>-1</c:v>
                </c:pt>
                <c:pt idx="4">
                  <c:v>3286.4237247139317</c:v>
                </c:pt>
                <c:pt idx="5">
                  <c:v>2953.4035441033739</c:v>
                </c:pt>
                <c:pt idx="6">
                  <c:v>2569.121286135683</c:v>
                </c:pt>
                <c:pt idx="7">
                  <c:v>2755.7494214446638</c:v>
                </c:pt>
                <c:pt idx="8">
                  <c:v>2924.3506040590823</c:v>
                </c:pt>
                <c:pt idx="9">
                  <c:v>2137.1365811929468</c:v>
                </c:pt>
                <c:pt idx="10">
                  <c:v>-1</c:v>
                </c:pt>
                <c:pt idx="11">
                  <c:v>2222.0958398471566</c:v>
                </c:pt>
                <c:pt idx="12">
                  <c:v>1966.6658614691028</c:v>
                </c:pt>
                <c:pt idx="13">
                  <c:v>2085.4311301961307</c:v>
                </c:pt>
                <c:pt idx="14">
                  <c:v>-1</c:v>
                </c:pt>
                <c:pt idx="15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A62F-4ABF-819A-6AE1E74143FB}"/>
            </c:ext>
          </c:extLst>
        </c:ser>
        <c:ser>
          <c:idx val="11"/>
          <c:order val="10"/>
          <c:tx>
            <c:strRef>
              <c:f>'Fig6 Cost'!$P$34</c:f>
              <c:strCache>
                <c:ptCount val="1"/>
                <c:pt idx="0">
                  <c:v>Italy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</c:marke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P$35:$P$54</c:f>
              <c:numCache>
                <c:formatCode>0</c:formatCode>
                <c:ptCount val="20"/>
                <c:pt idx="0">
                  <c:v>1288.447801737922</c:v>
                </c:pt>
                <c:pt idx="1">
                  <c:v>1551.2799391897042</c:v>
                </c:pt>
                <c:pt idx="2">
                  <c:v>1530.485573243742</c:v>
                </c:pt>
                <c:pt idx="3">
                  <c:v>1840.2815553727751</c:v>
                </c:pt>
                <c:pt idx="4">
                  <c:v>2957.7813522425386</c:v>
                </c:pt>
                <c:pt idx="5">
                  <c:v>3127.1331643447488</c:v>
                </c:pt>
                <c:pt idx="6">
                  <c:v>2790.4313594732143</c:v>
                </c:pt>
                <c:pt idx="7">
                  <c:v>2663.8911073965087</c:v>
                </c:pt>
                <c:pt idx="8">
                  <c:v>2766.277598434267</c:v>
                </c:pt>
                <c:pt idx="9">
                  <c:v>2493.3260113917713</c:v>
                </c:pt>
                <c:pt idx="10">
                  <c:v>2537.7913422684742</c:v>
                </c:pt>
                <c:pt idx="11">
                  <c:v>2150.4153288843449</c:v>
                </c:pt>
                <c:pt idx="12">
                  <c:v>1989.6742085949252</c:v>
                </c:pt>
                <c:pt idx="13">
                  <c:v>1788.806289744781</c:v>
                </c:pt>
                <c:pt idx="14">
                  <c:v>1521.4075440717581</c:v>
                </c:pt>
                <c:pt idx="15">
                  <c:v>1463.792466333211</c:v>
                </c:pt>
                <c:pt idx="16">
                  <c:v>1401.6272623846078</c:v>
                </c:pt>
                <c:pt idx="17">
                  <c:v>1234.1191920000001</c:v>
                </c:pt>
                <c:pt idx="18">
                  <c:v>1088.4799</c:v>
                </c:pt>
                <c:pt idx="19">
                  <c:v>106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A62F-4ABF-819A-6AE1E74143FB}"/>
            </c:ext>
          </c:extLst>
        </c:ser>
        <c:ser>
          <c:idx val="12"/>
          <c:order val="11"/>
          <c:tx>
            <c:strRef>
              <c:f>'Fig6 Cost'!$Q$34</c:f>
              <c:strCache>
                <c:ptCount val="1"/>
                <c:pt idx="0">
                  <c:v>Japan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6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  <c:pt idx="18">
                  <c:v>2019</c:v>
                </c:pt>
              </c:numCache>
            </c:numRef>
          </c:xVal>
          <c:yVal>
            <c:numRef>
              <c:f>'Fig6 Cost'!$Q$35:$Q$51</c:f>
              <c:numCache>
                <c:formatCode>0</c:formatCode>
                <c:ptCount val="17"/>
                <c:pt idx="0">
                  <c:v>1244.1361048527554</c:v>
                </c:pt>
                <c:pt idx="1">
                  <c:v>1340.9953252106552</c:v>
                </c:pt>
                <c:pt idx="2">
                  <c:v>1539.5340521396088</c:v>
                </c:pt>
                <c:pt idx="3">
                  <c:v>1855.0749653692319</c:v>
                </c:pt>
                <c:pt idx="4">
                  <c:v>-1</c:v>
                </c:pt>
                <c:pt idx="5">
                  <c:v>3474.5924048274987</c:v>
                </c:pt>
                <c:pt idx="6">
                  <c:v>3608.3164131119152</c:v>
                </c:pt>
                <c:pt idx="7">
                  <c:v>3061.9438016051818</c:v>
                </c:pt>
                <c:pt idx="8">
                  <c:v>4694.768267057013</c:v>
                </c:pt>
                <c:pt idx="9">
                  <c:v>3718.6176512757279</c:v>
                </c:pt>
                <c:pt idx="10">
                  <c:v>3001.8446162832811</c:v>
                </c:pt>
                <c:pt idx="11">
                  <c:v>2983.3428662722145</c:v>
                </c:pt>
                <c:pt idx="12">
                  <c:v>2498.0491165178578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  <c:pt idx="16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A62F-4ABF-819A-6AE1E74143FB}"/>
            </c:ext>
          </c:extLst>
        </c:ser>
        <c:ser>
          <c:idx val="13"/>
          <c:order val="12"/>
          <c:tx>
            <c:strRef>
              <c:f>'Fig6 Cost'!$S$34</c:f>
              <c:strCache>
                <c:ptCount val="1"/>
                <c:pt idx="0">
                  <c:v>Mexico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6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  <c:pt idx="18">
                  <c:v>2019</c:v>
                </c:pt>
              </c:numCache>
            </c:numRef>
          </c:xVal>
          <c:yVal>
            <c:numRef>
              <c:f>'Fig6 Cost'!$S$35:$S$51</c:f>
              <c:numCache>
                <c:formatCode>0</c:formatCode>
                <c:ptCount val="17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1709.4994631751294</c:v>
                </c:pt>
                <c:pt idx="6">
                  <c:v>2245.1746570474133</c:v>
                </c:pt>
                <c:pt idx="7">
                  <c:v>2296.4578512038865</c:v>
                </c:pt>
                <c:pt idx="8">
                  <c:v>2371.0950843722289</c:v>
                </c:pt>
                <c:pt idx="9">
                  <c:v>2137.1365811929468</c:v>
                </c:pt>
                <c:pt idx="10">
                  <c:v>2175.2497219444062</c:v>
                </c:pt>
                <c:pt idx="11">
                  <c:v>2368.3240822112921</c:v>
                </c:pt>
                <c:pt idx="12">
                  <c:v>-1</c:v>
                </c:pt>
                <c:pt idx="13">
                  <c:v>2417.1528029146248</c:v>
                </c:pt>
                <c:pt idx="14">
                  <c:v>2424.8236293966215</c:v>
                </c:pt>
                <c:pt idx="15">
                  <c:v>2342.9451647230703</c:v>
                </c:pt>
                <c:pt idx="16">
                  <c:v>1754.63430665095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C-A62F-4ABF-819A-6AE1E74143FB}"/>
            </c:ext>
          </c:extLst>
        </c:ser>
        <c:ser>
          <c:idx val="14"/>
          <c:order val="13"/>
          <c:tx>
            <c:strRef>
              <c:f>'Fig6 Cost'!$T$34</c:f>
              <c:strCache>
                <c:ptCount val="1"/>
                <c:pt idx="0">
                  <c:v>Netherlands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6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  <c:pt idx="18">
                  <c:v>2019</c:v>
                </c:pt>
              </c:numCache>
            </c:numRef>
          </c:xVal>
          <c:yVal>
            <c:numRef>
              <c:f>'Fig6 Cost'!$T$35:$T$51</c:f>
              <c:numCache>
                <c:formatCode>0</c:formatCode>
                <c:ptCount val="17"/>
                <c:pt idx="0">
                  <c:v>1601.9701001608162</c:v>
                </c:pt>
                <c:pt idx="1">
                  <c:v>1745.189931588417</c:v>
                </c:pt>
                <c:pt idx="2">
                  <c:v>1683.5341305681163</c:v>
                </c:pt>
                <c:pt idx="3">
                  <c:v>1686.9247590917105</c:v>
                </c:pt>
                <c:pt idx="4">
                  <c:v>-1</c:v>
                </c:pt>
                <c:pt idx="5">
                  <c:v>2084.7554428964991</c:v>
                </c:pt>
                <c:pt idx="6">
                  <c:v>2124.8974432770165</c:v>
                </c:pt>
                <c:pt idx="7">
                  <c:v>2028.537768563433</c:v>
                </c:pt>
                <c:pt idx="8">
                  <c:v>2094.4673245288022</c:v>
                </c:pt>
                <c:pt idx="9">
                  <c:v>1960.46662381433</c:v>
                </c:pt>
                <c:pt idx="10">
                  <c:v>1995.429078263669</c:v>
                </c:pt>
                <c:pt idx="11">
                  <c:v>1558.3343083315222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  <c:pt idx="16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D-A62F-4ABF-819A-6AE1E74143FB}"/>
            </c:ext>
          </c:extLst>
        </c:ser>
        <c:ser>
          <c:idx val="15"/>
          <c:order val="14"/>
          <c:tx>
            <c:strRef>
              <c:f>'Fig6 Cost'!$U$34</c:f>
              <c:strCache>
                <c:ptCount val="1"/>
                <c:pt idx="0">
                  <c:v>Norway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3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</c:numCache>
            </c:numRef>
          </c:xVal>
          <c:yVal>
            <c:numRef>
              <c:f>'Fig6 Cost'!$U$35:$U$53</c:f>
              <c:numCache>
                <c:formatCode>0</c:formatCode>
                <c:ptCount val="19"/>
                <c:pt idx="0">
                  <c:v>1795.2372704215045</c:v>
                </c:pt>
                <c:pt idx="1">
                  <c:v>1507.9270368794207</c:v>
                </c:pt>
                <c:pt idx="2">
                  <c:v>1570.7111014516502</c:v>
                </c:pt>
                <c:pt idx="3">
                  <c:v>1865.6467694776632</c:v>
                </c:pt>
                <c:pt idx="4">
                  <c:v>-1</c:v>
                </c:pt>
                <c:pt idx="5">
                  <c:v>-1</c:v>
                </c:pt>
                <c:pt idx="6">
                  <c:v>2405.5442754079431</c:v>
                </c:pt>
                <c:pt idx="7">
                  <c:v>-1</c:v>
                </c:pt>
                <c:pt idx="8">
                  <c:v>-1</c:v>
                </c:pt>
                <c:pt idx="9">
                  <c:v>-1</c:v>
                </c:pt>
                <c:pt idx="10">
                  <c:v>2047.6350715903345</c:v>
                </c:pt>
                <c:pt idx="11">
                  <c:v>1903.8343711722734</c:v>
                </c:pt>
                <c:pt idx="12">
                  <c:v>1314.7626929041355</c:v>
                </c:pt>
                <c:pt idx="13">
                  <c:v>1358.5870555023653</c:v>
                </c:pt>
                <c:pt idx="14">
                  <c:v>1285.6965161169787</c:v>
                </c:pt>
                <c:pt idx="15">
                  <c:v>-1</c:v>
                </c:pt>
                <c:pt idx="16">
                  <c:v>1221.1568313921748</c:v>
                </c:pt>
                <c:pt idx="17">
                  <c:v>1211.8094023066201</c:v>
                </c:pt>
                <c:pt idx="18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E-A62F-4ABF-819A-6AE1E74143FB}"/>
            </c:ext>
          </c:extLst>
        </c:ser>
        <c:ser>
          <c:idx val="16"/>
          <c:order val="15"/>
          <c:tx>
            <c:strRef>
              <c:f>'Fig6 Cost'!$V$34</c:f>
              <c:strCache>
                <c:ptCount val="1"/>
                <c:pt idx="0">
                  <c:v>Portugal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6</c:f>
              <c:numCache>
                <c:formatCode>General</c:formatCode>
                <c:ptCount val="19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  <c:pt idx="18">
                  <c:v>2019</c:v>
                </c:pt>
              </c:numCache>
            </c:numRef>
          </c:xVal>
          <c:yVal>
            <c:numRef>
              <c:f>'Fig6 Cost'!$V$35:$V$51</c:f>
              <c:numCache>
                <c:formatCode>0</c:formatCode>
                <c:ptCount val="17"/>
                <c:pt idx="0">
                  <c:v>1646.3499688873446</c:v>
                </c:pt>
                <c:pt idx="1">
                  <c:v>1706.4079331086746</c:v>
                </c:pt>
                <c:pt idx="2">
                  <c:v>1790.668120695178</c:v>
                </c:pt>
                <c:pt idx="3">
                  <c:v>1794.2745164884557</c:v>
                </c:pt>
                <c:pt idx="4">
                  <c:v>2136.1754210640556</c:v>
                </c:pt>
                <c:pt idx="5">
                  <c:v>2253.2731745306328</c:v>
                </c:pt>
                <c:pt idx="6">
                  <c:v>2245.1746570474133</c:v>
                </c:pt>
                <c:pt idx="7">
                  <c:v>1837.1662809631091</c:v>
                </c:pt>
                <c:pt idx="8">
                  <c:v>2213.0220787474136</c:v>
                </c:pt>
                <c:pt idx="9">
                  <c:v>-1</c:v>
                </c:pt>
                <c:pt idx="10">
                  <c:v>1957.7247497499657</c:v>
                </c:pt>
                <c:pt idx="11">
                  <c:v>1936.8074062151668</c:v>
                </c:pt>
                <c:pt idx="12">
                  <c:v>1949.0042159610907</c:v>
                </c:pt>
                <c:pt idx="13">
                  <c:v>1948.4998559178662</c:v>
                </c:pt>
                <c:pt idx="14">
                  <c:v>1975.2389734583141</c:v>
                </c:pt>
                <c:pt idx="15">
                  <c:v>1728.0149331803611</c:v>
                </c:pt>
                <c:pt idx="16">
                  <c:v>1909.71714499902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A62F-4ABF-819A-6AE1E74143FB}"/>
            </c:ext>
          </c:extLst>
        </c:ser>
        <c:ser>
          <c:idx val="17"/>
          <c:order val="16"/>
          <c:tx>
            <c:strRef>
              <c:f>'Fig6 Cost'!$W$34</c:f>
              <c:strCache>
                <c:ptCount val="1"/>
                <c:pt idx="0">
                  <c:v>Spain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W$35:$W$54</c:f>
              <c:numCache>
                <c:formatCode>0</c:formatCode>
                <c:ptCount val="20"/>
                <c:pt idx="0">
                  <c:v>1339.9857138074387</c:v>
                </c:pt>
                <c:pt idx="1">
                  <c:v>1427.1775440545277</c:v>
                </c:pt>
                <c:pt idx="2">
                  <c:v>1484.5710060464298</c:v>
                </c:pt>
                <c:pt idx="3">
                  <c:v>1870.9529146289881</c:v>
                </c:pt>
                <c:pt idx="4">
                  <c:v>2054.0148279462073</c:v>
                </c:pt>
                <c:pt idx="5">
                  <c:v>2432.214683379249</c:v>
                </c:pt>
                <c:pt idx="6">
                  <c:v>2004.6202295066191</c:v>
                </c:pt>
                <c:pt idx="7">
                  <c:v>2143.3606611236273</c:v>
                </c:pt>
                <c:pt idx="8">
                  <c:v>1896.876067497783</c:v>
                </c:pt>
                <c:pt idx="9">
                  <c:v>1709.7092649543574</c:v>
                </c:pt>
                <c:pt idx="10">
                  <c:v>-1</c:v>
                </c:pt>
                <c:pt idx="11">
                  <c:v>1576.971241181853</c:v>
                </c:pt>
                <c:pt idx="12">
                  <c:v>1446.2389621945492</c:v>
                </c:pt>
                <c:pt idx="13">
                  <c:v>1429.9128759162395</c:v>
                </c:pt>
                <c:pt idx="14">
                  <c:v>1124.9844516023563</c:v>
                </c:pt>
                <c:pt idx="15">
                  <c:v>1109.7343607580301</c:v>
                </c:pt>
                <c:pt idx="16">
                  <c:v>1092.0960414839999</c:v>
                </c:pt>
                <c:pt idx="17">
                  <c:v>1079.8542930000001</c:v>
                </c:pt>
                <c:pt idx="18">
                  <c:v>1173.6296</c:v>
                </c:pt>
                <c:pt idx="19">
                  <c:v>114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0-A62F-4ABF-819A-6AE1E74143FB}"/>
            </c:ext>
          </c:extLst>
        </c:ser>
        <c:ser>
          <c:idx val="18"/>
          <c:order val="17"/>
          <c:tx>
            <c:strRef>
              <c:f>'Fig6 Cost'!$X$34</c:f>
              <c:strCache>
                <c:ptCount val="1"/>
                <c:pt idx="0">
                  <c:v>Sweden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4</c:f>
              <c:numCache>
                <c:formatCode>General</c:formatCode>
                <c:ptCount val="17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</c:numCache>
            </c:numRef>
          </c:xVal>
          <c:yVal>
            <c:numRef>
              <c:f>'Fig6 Cost'!$X$35:$X$50</c:f>
              <c:numCache>
                <c:formatCode>0</c:formatCode>
                <c:ptCount val="16"/>
                <c:pt idx="0">
                  <c:v>1483.6958638167912</c:v>
                </c:pt>
                <c:pt idx="1">
                  <c:v>1544.9091796858449</c:v>
                </c:pt>
                <c:pt idx="2">
                  <c:v>-1</c:v>
                </c:pt>
                <c:pt idx="3">
                  <c:v>-1</c:v>
                </c:pt>
                <c:pt idx="4">
                  <c:v>-1</c:v>
                </c:pt>
                <c:pt idx="5">
                  <c:v>-1</c:v>
                </c:pt>
                <c:pt idx="6">
                  <c:v>2942.7824969157168</c:v>
                </c:pt>
                <c:pt idx="7">
                  <c:v>2449.5550412841458</c:v>
                </c:pt>
                <c:pt idx="8">
                  <c:v>2529.1680899970443</c:v>
                </c:pt>
                <c:pt idx="9">
                  <c:v>2279.6123532724769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1-A62F-4ABF-819A-6AE1E74143FB}"/>
            </c:ext>
          </c:extLst>
        </c:ser>
        <c:ser>
          <c:idx val="19"/>
          <c:order val="18"/>
          <c:tx>
            <c:strRef>
              <c:f>'Fig6 Cost'!$Y$34</c:f>
              <c:strCache>
                <c:ptCount val="1"/>
                <c:pt idx="0">
                  <c:v>Switzerland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2</c:f>
              <c:numCache>
                <c:formatCode>General</c:formatCode>
                <c:ptCount val="15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</c:numCache>
            </c:numRef>
          </c:xVal>
          <c:yVal>
            <c:numRef>
              <c:f>'Fig6 Cost'!$Y$35:$Y$49</c:f>
              <c:numCache>
                <c:formatCode>0</c:formatCode>
                <c:ptCount val="15"/>
                <c:pt idx="0">
                  <c:v>-1</c:v>
                </c:pt>
                <c:pt idx="1">
                  <c:v>-1</c:v>
                </c:pt>
                <c:pt idx="2">
                  <c:v>-1</c:v>
                </c:pt>
                <c:pt idx="3">
                  <c:v>-1</c:v>
                </c:pt>
                <c:pt idx="4">
                  <c:v>2138.6402388575912</c:v>
                </c:pt>
                <c:pt idx="5">
                  <c:v>3274.8033415499171</c:v>
                </c:pt>
                <c:pt idx="6">
                  <c:v>3022.9673060959817</c:v>
                </c:pt>
                <c:pt idx="7">
                  <c:v>2885.8820330128842</c:v>
                </c:pt>
                <c:pt idx="8">
                  <c:v>3319.5331181211204</c:v>
                </c:pt>
                <c:pt idx="9">
                  <c:v>2949.2484820462664</c:v>
                </c:pt>
                <c:pt idx="10">
                  <c:v>3001.844616283281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2-A62F-4ABF-819A-6AE1E74143FB}"/>
            </c:ext>
          </c:extLst>
        </c:ser>
        <c:ser>
          <c:idx val="20"/>
          <c:order val="19"/>
          <c:tx>
            <c:strRef>
              <c:f>'Fig6 Cost'!$Z$34</c:f>
              <c:strCache>
                <c:ptCount val="1"/>
                <c:pt idx="0">
                  <c:v>United Kingdom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8:$A$24</c:f>
              <c:numCache>
                <c:formatCode>General</c:formatCode>
                <c:ptCount val="17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6">
                  <c:v>2018</c:v>
                </c:pt>
              </c:numCache>
            </c:numRef>
          </c:xVal>
          <c:yVal>
            <c:numRef>
              <c:f>'Fig6 Cost'!$Z$35:$Z$50</c:f>
              <c:numCache>
                <c:formatCode>0</c:formatCode>
                <c:ptCount val="16"/>
                <c:pt idx="0">
                  <c:v>-1</c:v>
                </c:pt>
                <c:pt idx="1">
                  <c:v>1638.6759921018004</c:v>
                </c:pt>
                <c:pt idx="2">
                  <c:v>2302.5812803428239</c:v>
                </c:pt>
                <c:pt idx="3">
                  <c:v>1934.5990522215557</c:v>
                </c:pt>
                <c:pt idx="4">
                  <c:v>1546.2623624779048</c:v>
                </c:pt>
                <c:pt idx="5">
                  <c:v>2280.2012656680458</c:v>
                </c:pt>
                <c:pt idx="6">
                  <c:v>2104.85124098195</c:v>
                </c:pt>
                <c:pt idx="7">
                  <c:v>2009.4006198034008</c:v>
                </c:pt>
                <c:pt idx="8">
                  <c:v>-1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-1</c:v>
                </c:pt>
                <c:pt idx="14">
                  <c:v>-1</c:v>
                </c:pt>
                <c:pt idx="15">
                  <c:v>-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3-A62F-4ABF-819A-6AE1E74143FB}"/>
            </c:ext>
          </c:extLst>
        </c:ser>
        <c:ser>
          <c:idx val="0"/>
          <c:order val="20"/>
          <c:tx>
            <c:strRef>
              <c:f>'Fig6 Cost'!$AA$34</c:f>
              <c:strCache>
                <c:ptCount val="1"/>
                <c:pt idx="0">
                  <c:v>United States</c:v>
                </c:pt>
              </c:strCache>
            </c:strRef>
          </c:tx>
          <c:spPr>
            <a:ln w="28575">
              <a:noFill/>
            </a:ln>
          </c:spPr>
          <c:xVal>
            <c:numRef>
              <c:f>'Fig6 Cost'!$A$35:$A$54</c:f>
              <c:numCache>
                <c:formatCode>General</c:formatCode>
                <c:ptCount val="20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</c:numCache>
            </c:numRef>
          </c:xVal>
          <c:yVal>
            <c:numRef>
              <c:f>'Fig6 Cost'!$AA$35:$AA$54</c:f>
              <c:numCache>
                <c:formatCode>0</c:formatCode>
                <c:ptCount val="20"/>
                <c:pt idx="0">
                  <c:v>1136.1973560299136</c:v>
                </c:pt>
                <c:pt idx="1">
                  <c:v>1229.5329888392469</c:v>
                </c:pt>
                <c:pt idx="2">
                  <c:v>1383.1246312253411</c:v>
                </c:pt>
                <c:pt idx="3">
                  <c:v>1719.845923892085</c:v>
                </c:pt>
                <c:pt idx="4">
                  <c:v>2445.0992511871655</c:v>
                </c:pt>
                <c:pt idx="5">
                  <c:v>2585.096749191659</c:v>
                </c:pt>
                <c:pt idx="6">
                  <c:v>2386.2999212046793</c:v>
                </c:pt>
                <c:pt idx="7">
                  <c:v>2454.1479569865537</c:v>
                </c:pt>
                <c:pt idx="8">
                  <c:v>2533.9102801657882</c:v>
                </c:pt>
                <c:pt idx="9">
                  <c:v>-1</c:v>
                </c:pt>
                <c:pt idx="10">
                  <c:v>-1</c:v>
                </c:pt>
                <c:pt idx="11">
                  <c:v>-1</c:v>
                </c:pt>
                <c:pt idx="12">
                  <c:v>-1</c:v>
                </c:pt>
                <c:pt idx="13">
                  <c:v>1913.3434364991647</c:v>
                </c:pt>
                <c:pt idx="14">
                  <c:v>1942.6203482085439</c:v>
                </c:pt>
                <c:pt idx="15">
                  <c:v>1553.628105061242</c:v>
                </c:pt>
                <c:pt idx="16">
                  <c:v>-1</c:v>
                </c:pt>
                <c:pt idx="17">
                  <c:v>1501.5116836</c:v>
                </c:pt>
                <c:pt idx="18">
                  <c:v>1539.8759</c:v>
                </c:pt>
                <c:pt idx="19">
                  <c:v>15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4-A62F-4ABF-819A-6AE1E74143F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5172096"/>
        <c:axId val="115174016"/>
      </c:scatterChart>
      <c:valAx>
        <c:axId val="115172096"/>
        <c:scaling>
          <c:orientation val="minMax"/>
          <c:max val="2023"/>
        </c:scaling>
        <c:delete val="0"/>
        <c:axPos val="b"/>
        <c:majorGridlines>
          <c:spPr>
            <a:ln w="6350">
              <a:solidFill>
                <a:schemeClr val="bg1">
                  <a:lumMod val="75000"/>
                </a:schemeClr>
              </a:solidFill>
              <a:prstDash val="sysDash"/>
            </a:ln>
          </c:spPr>
        </c:majorGridlines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/>
                  <a:t>Year</a:t>
                </a:r>
              </a:p>
            </c:rich>
          </c:tx>
          <c:layout>
            <c:manualLayout>
              <c:xMode val="edge"/>
              <c:yMode val="edge"/>
              <c:x val="0.43807868336944689"/>
              <c:y val="0.95001630713320584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 rot="-5400000" vert="horz"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da-DK"/>
          </a:p>
        </c:txPr>
        <c:crossAx val="115174016"/>
        <c:crosses val="autoZero"/>
        <c:crossBetween val="midCat"/>
        <c:majorUnit val="1"/>
      </c:valAx>
      <c:valAx>
        <c:axId val="115174016"/>
        <c:scaling>
          <c:orientation val="minMax"/>
          <c:min val="0"/>
        </c:scaling>
        <c:delete val="0"/>
        <c:axPos val="l"/>
        <c:majorGridlines>
          <c:spPr>
            <a:ln w="6350">
              <a:solidFill>
                <a:schemeClr val="bg1">
                  <a:lumMod val="75000"/>
                </a:schemeClr>
              </a:solidFill>
              <a:prstDash val="sysDash"/>
            </a:ln>
          </c:spPr>
        </c:majorGridlines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b="1" i="0" u="none" strike="noStrike" baseline="0">
                    <a:effectLst/>
                  </a:rPr>
                  <a:t>USD/KW</a:t>
                </a:r>
                <a:endParaRPr lang="en-US" sz="1200"/>
              </a:p>
            </c:rich>
          </c:tx>
          <c:overlay val="0"/>
        </c:title>
        <c:numFmt formatCode="#,##0" sourceLinked="0"/>
        <c:majorTickMark val="out"/>
        <c:minorTickMark val="none"/>
        <c:tickLblPos val="nextTo"/>
        <c:spPr>
          <a:ln/>
        </c:spPr>
        <c:txPr>
          <a:bodyPr/>
          <a:lstStyle/>
          <a:p>
            <a:pPr>
              <a:defRPr sz="1200"/>
            </a:pPr>
            <a:endParaRPr lang="da-DK"/>
          </a:p>
        </c:txPr>
        <c:crossAx val="115172096"/>
        <c:crosses val="autoZero"/>
        <c:crossBetween val="midCat"/>
      </c:valAx>
      <c:spPr>
        <a:ln w="6350">
          <a:solidFill>
            <a:schemeClr val="tx1">
              <a:lumMod val="65000"/>
              <a:lumOff val="35000"/>
            </a:schemeClr>
          </a:solidFill>
        </a:ln>
      </c:spPr>
    </c:plotArea>
    <c:legend>
      <c:legendPos val="r"/>
      <c:layout>
        <c:manualLayout>
          <c:xMode val="edge"/>
          <c:yMode val="edge"/>
          <c:x val="0.83124793570806732"/>
          <c:y val="0.11092084032528721"/>
          <c:w val="0.16136062604123977"/>
          <c:h val="0.7781581579966439"/>
        </c:manualLayout>
      </c:layout>
      <c:overlay val="0"/>
    </c:legend>
    <c:plotVisOnly val="1"/>
    <c:dispBlanksAs val="gap"/>
    <c:showDLblsOverMax val="0"/>
  </c:chart>
  <c:spPr>
    <a:ln>
      <a:noFill/>
    </a:ln>
  </c:sp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chart" Target="../charts/chart6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chart" Target="../charts/chart8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79400</xdr:colOff>
      <xdr:row>0</xdr:row>
      <xdr:rowOff>1</xdr:rowOff>
    </xdr:from>
    <xdr:to>
      <xdr:col>12</xdr:col>
      <xdr:colOff>660400</xdr:colOff>
      <xdr:row>28</xdr:row>
      <xdr:rowOff>114301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9F56F296-B24F-4697-A329-95CDF3FDC65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38077</xdr:colOff>
      <xdr:row>1</xdr:row>
      <xdr:rowOff>33599</xdr:rowOff>
    </xdr:from>
    <xdr:to>
      <xdr:col>14</xdr:col>
      <xdr:colOff>499801</xdr:colOff>
      <xdr:row>26</xdr:row>
      <xdr:rowOff>5899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920942B9-9CB9-4637-913C-1592FE44CD1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872435</xdr:colOff>
      <xdr:row>2</xdr:row>
      <xdr:rowOff>138044</xdr:rowOff>
    </xdr:from>
    <xdr:to>
      <xdr:col>14</xdr:col>
      <xdr:colOff>275535</xdr:colOff>
      <xdr:row>33</xdr:row>
      <xdr:rowOff>163444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9D41906-0723-4E4F-B629-C00D9BB02EC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98687</xdr:colOff>
      <xdr:row>2</xdr:row>
      <xdr:rowOff>52917</xdr:rowOff>
    </xdr:from>
    <xdr:to>
      <xdr:col>16</xdr:col>
      <xdr:colOff>56444</xdr:colOff>
      <xdr:row>32</xdr:row>
      <xdr:rowOff>112888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79E0BB66-4D74-43E8-B767-0C2E5D47AD5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7</xdr:col>
      <xdr:colOff>407820</xdr:colOff>
      <xdr:row>2</xdr:row>
      <xdr:rowOff>409185</xdr:rowOff>
    </xdr:from>
    <xdr:to>
      <xdr:col>30</xdr:col>
      <xdr:colOff>430872</xdr:colOff>
      <xdr:row>27</xdr:row>
      <xdr:rowOff>174821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18FCC04B-E999-44F1-AAF3-4D23BEB5D7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396875</xdr:colOff>
      <xdr:row>4</xdr:row>
      <xdr:rowOff>79375</xdr:rowOff>
    </xdr:from>
    <xdr:to>
      <xdr:col>25</xdr:col>
      <xdr:colOff>63500</xdr:colOff>
      <xdr:row>34</xdr:row>
      <xdr:rowOff>111125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EE3E4BAB-91BA-4FFB-9FFC-6819FECD235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</xdr:col>
      <xdr:colOff>111124</xdr:colOff>
      <xdr:row>2</xdr:row>
      <xdr:rowOff>127000</xdr:rowOff>
    </xdr:from>
    <xdr:to>
      <xdr:col>10</xdr:col>
      <xdr:colOff>142874</xdr:colOff>
      <xdr:row>36</xdr:row>
      <xdr:rowOff>173831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AB56440A-47DA-4008-B8E4-1AA4FE002DA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0361</xdr:colOff>
      <xdr:row>2</xdr:row>
      <xdr:rowOff>34771</xdr:rowOff>
    </xdr:from>
    <xdr:to>
      <xdr:col>22</xdr:col>
      <xdr:colOff>578555</xdr:colOff>
      <xdr:row>31</xdr:row>
      <xdr:rowOff>112888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C3D38CB-2CED-44DB-89C5-78DD21FA332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tudk-my.sharepoint.com/personal/emisl_dtu_dk/Documents/Microsoft%20Teams%20Chat%20Files/ExCo_2022%20IEA%20Wind%20Data_tablegraph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Summary_2016_update"/>
      <sheetName val="Summary_2017"/>
      <sheetName val="Summary_2018"/>
      <sheetName val="Summary_2019"/>
      <sheetName val="Summary_2020"/>
      <sheetName val="Summary_2021"/>
      <sheetName val="Summary_2022"/>
      <sheetName val="T1 stats"/>
      <sheetName val="T2 ranking"/>
      <sheetName val="T3 next term"/>
      <sheetName val="T4 benefit"/>
      <sheetName val="T5 RDD"/>
    </sheetNames>
    <sheetDataSet>
      <sheetData sheetId="0"/>
      <sheetData sheetId="1">
        <row r="3">
          <cell r="A3" t="str">
            <v>Total</v>
          </cell>
          <cell r="C3" t="str">
            <v>Country name:</v>
          </cell>
          <cell r="D3" t="str">
            <v>Austria</v>
          </cell>
          <cell r="E3" t="str">
            <v>Belgium</v>
          </cell>
          <cell r="F3" t="str">
            <v>Canada</v>
          </cell>
          <cell r="G3" t="str">
            <v>China</v>
          </cell>
          <cell r="H3" t="str">
            <v>Denmark</v>
          </cell>
          <cell r="I3" t="str">
            <v>Finland</v>
          </cell>
          <cell r="J3" t="str">
            <v>France</v>
          </cell>
          <cell r="K3" t="str">
            <v>Germany</v>
          </cell>
          <cell r="L3" t="str">
            <v>Ireland</v>
          </cell>
          <cell r="M3" t="str">
            <v>Italy</v>
          </cell>
          <cell r="N3" t="str">
            <v>Japan</v>
          </cell>
          <cell r="O3" t="str">
            <v>Korea</v>
          </cell>
          <cell r="P3" t="str">
            <v>Mexico</v>
          </cell>
          <cell r="Q3" t="str">
            <v>Netherlands</v>
          </cell>
          <cell r="R3" t="str">
            <v>Norway</v>
          </cell>
          <cell r="S3" t="str">
            <v>Portugal</v>
          </cell>
          <cell r="T3" t="str">
            <v>Spain</v>
          </cell>
          <cell r="U3" t="str">
            <v>Sweden</v>
          </cell>
          <cell r="V3" t="str">
            <v>Switzerland</v>
          </cell>
          <cell r="W3" t="str">
            <v>UK</v>
          </cell>
          <cell r="X3" t="str">
            <v>USA</v>
          </cell>
        </row>
        <row r="5">
          <cell r="C5" t="str">
            <v xml:space="preserve">1.       National Statistics of the IEA Wind Member Countries 2016 </v>
          </cell>
          <cell r="D5">
            <v>2016</v>
          </cell>
          <cell r="E5">
            <v>2016</v>
          </cell>
          <cell r="F5">
            <v>2016</v>
          </cell>
          <cell r="G5">
            <v>2016</v>
          </cell>
          <cell r="H5">
            <v>2016</v>
          </cell>
          <cell r="I5">
            <v>2016</v>
          </cell>
          <cell r="J5">
            <v>2016</v>
          </cell>
          <cell r="K5">
            <v>2016</v>
          </cell>
          <cell r="L5">
            <v>2016</v>
          </cell>
          <cell r="M5">
            <v>2016</v>
          </cell>
          <cell r="N5">
            <v>2016</v>
          </cell>
          <cell r="O5">
            <v>2016</v>
          </cell>
          <cell r="P5">
            <v>2016</v>
          </cell>
          <cell r="Q5">
            <v>2016</v>
          </cell>
          <cell r="R5">
            <v>2016</v>
          </cell>
          <cell r="S5">
            <v>2016</v>
          </cell>
          <cell r="T5">
            <v>2016</v>
          </cell>
          <cell r="U5">
            <v>2016</v>
          </cell>
          <cell r="V5">
            <v>2016</v>
          </cell>
          <cell r="W5">
            <v>2016</v>
          </cell>
          <cell r="X5">
            <v>2016</v>
          </cell>
        </row>
        <row r="6">
          <cell r="A6">
            <v>329728</v>
          </cell>
          <cell r="C6" t="str">
            <v>Total Installed Wind Power Capacity (land-based+offshore)</v>
          </cell>
          <cell r="D6">
            <v>2632</v>
          </cell>
          <cell r="E6">
            <v>2370</v>
          </cell>
          <cell r="F6">
            <v>11898</v>
          </cell>
          <cell r="G6">
            <v>168730</v>
          </cell>
          <cell r="H6">
            <v>5229</v>
          </cell>
          <cell r="I6">
            <v>1533</v>
          </cell>
          <cell r="J6">
            <v>11722</v>
          </cell>
          <cell r="K6">
            <v>49586</v>
          </cell>
          <cell r="L6">
            <v>2800</v>
          </cell>
          <cell r="M6">
            <v>9257</v>
          </cell>
          <cell r="N6">
            <v>3230</v>
          </cell>
          <cell r="O6">
            <v>1031</v>
          </cell>
          <cell r="P6">
            <v>3527</v>
          </cell>
          <cell r="Q6">
            <v>4257</v>
          </cell>
          <cell r="R6">
            <v>873</v>
          </cell>
          <cell r="S6">
            <v>5313</v>
          </cell>
          <cell r="T6">
            <v>23026</v>
          </cell>
          <cell r="U6">
            <v>6422</v>
          </cell>
          <cell r="V6">
            <v>75</v>
          </cell>
          <cell r="W6">
            <v>16217</v>
          </cell>
          <cell r="X6">
            <v>82192</v>
          </cell>
        </row>
        <row r="7">
          <cell r="A7">
            <v>14308.099999999999</v>
          </cell>
          <cell r="C7" t="str">
            <v>Total Installed Wind Power Capacity (offshore, subset of total capacity)</v>
          </cell>
          <cell r="D7">
            <v>0</v>
          </cell>
          <cell r="E7">
            <v>712</v>
          </cell>
          <cell r="F7">
            <v>0</v>
          </cell>
          <cell r="G7">
            <v>1630</v>
          </cell>
          <cell r="H7">
            <v>1271</v>
          </cell>
          <cell r="I7">
            <v>14</v>
          </cell>
          <cell r="J7">
            <v>0</v>
          </cell>
          <cell r="K7">
            <v>4132</v>
          </cell>
          <cell r="L7">
            <v>25.2</v>
          </cell>
          <cell r="M7">
            <v>0</v>
          </cell>
          <cell r="N7">
            <v>59.6</v>
          </cell>
          <cell r="O7">
            <v>5</v>
          </cell>
          <cell r="P7">
            <v>0</v>
          </cell>
          <cell r="Q7">
            <v>957</v>
          </cell>
          <cell r="R7">
            <v>2.2999999999999998</v>
          </cell>
          <cell r="S7">
            <v>0</v>
          </cell>
          <cell r="T7">
            <v>5</v>
          </cell>
          <cell r="U7">
            <v>202</v>
          </cell>
          <cell r="V7">
            <v>0</v>
          </cell>
          <cell r="W7">
            <v>5293</v>
          </cell>
          <cell r="X7">
            <v>30</v>
          </cell>
        </row>
        <row r="8">
          <cell r="A8">
            <v>315423.89999999997</v>
          </cell>
          <cell r="C8" t="str">
            <v>Total Installed Wind Power Capacity (land-based)</v>
          </cell>
          <cell r="D8">
            <v>2632</v>
          </cell>
          <cell r="E8">
            <v>1658</v>
          </cell>
          <cell r="F8">
            <v>11898</v>
          </cell>
          <cell r="G8">
            <v>167100</v>
          </cell>
          <cell r="H8">
            <v>3958</v>
          </cell>
          <cell r="I8">
            <v>1519</v>
          </cell>
          <cell r="J8">
            <v>11722</v>
          </cell>
          <cell r="K8">
            <v>45454</v>
          </cell>
          <cell r="L8">
            <v>2774.8</v>
          </cell>
          <cell r="M8">
            <v>9257</v>
          </cell>
          <cell r="N8">
            <v>3174.4</v>
          </cell>
          <cell r="O8">
            <v>1026</v>
          </cell>
          <cell r="P8">
            <v>3527</v>
          </cell>
          <cell r="Q8">
            <v>3300</v>
          </cell>
          <cell r="R8">
            <v>870.7</v>
          </cell>
          <cell r="S8">
            <v>5313</v>
          </cell>
          <cell r="T8">
            <v>23021</v>
          </cell>
          <cell r="U8">
            <v>6220</v>
          </cell>
          <cell r="V8">
            <v>75</v>
          </cell>
          <cell r="W8">
            <v>10924</v>
          </cell>
          <cell r="X8">
            <v>82162</v>
          </cell>
        </row>
        <row r="9">
          <cell r="A9">
            <v>36677.599999999999</v>
          </cell>
          <cell r="C9" t="str">
            <v>New wind power capacity installed (land-based+offshore)</v>
          </cell>
          <cell r="D9">
            <v>228</v>
          </cell>
          <cell r="E9">
            <v>84</v>
          </cell>
          <cell r="F9">
            <v>703</v>
          </cell>
          <cell r="G9">
            <v>23370</v>
          </cell>
          <cell r="H9">
            <v>229</v>
          </cell>
          <cell r="I9">
            <v>570</v>
          </cell>
          <cell r="J9">
            <v>1361</v>
          </cell>
          <cell r="K9">
            <v>4993</v>
          </cell>
          <cell r="L9">
            <v>345</v>
          </cell>
          <cell r="M9">
            <v>282.60000000000002</v>
          </cell>
          <cell r="N9">
            <v>195</v>
          </cell>
          <cell r="O9">
            <v>201</v>
          </cell>
          <cell r="P9">
            <v>454</v>
          </cell>
          <cell r="Q9">
            <v>866</v>
          </cell>
          <cell r="R9">
            <v>0</v>
          </cell>
          <cell r="S9">
            <v>236</v>
          </cell>
          <cell r="T9">
            <v>38</v>
          </cell>
          <cell r="U9">
            <v>605</v>
          </cell>
          <cell r="V9">
            <v>15</v>
          </cell>
          <cell r="W9">
            <v>1902</v>
          </cell>
          <cell r="X9">
            <v>8203</v>
          </cell>
        </row>
        <row r="10">
          <cell r="A10">
            <v>2277</v>
          </cell>
          <cell r="C10" t="str">
            <v>New wind power capacity installed (offshore)</v>
          </cell>
          <cell r="F10">
            <v>0</v>
          </cell>
          <cell r="G10">
            <v>615</v>
          </cell>
          <cell r="I10">
            <v>-13</v>
          </cell>
          <cell r="J10">
            <v>0</v>
          </cell>
          <cell r="K10">
            <v>849</v>
          </cell>
          <cell r="L10">
            <v>0</v>
          </cell>
          <cell r="N10">
            <v>7</v>
          </cell>
          <cell r="O10">
            <v>0</v>
          </cell>
          <cell r="P10">
            <v>0</v>
          </cell>
          <cell r="Q10">
            <v>600</v>
          </cell>
          <cell r="R10">
            <v>0</v>
          </cell>
          <cell r="S10">
            <v>-2</v>
          </cell>
          <cell r="T10">
            <v>0</v>
          </cell>
          <cell r="U10">
            <v>-9</v>
          </cell>
          <cell r="V10">
            <v>0</v>
          </cell>
          <cell r="W10">
            <v>200</v>
          </cell>
          <cell r="X10">
            <v>30</v>
          </cell>
        </row>
        <row r="11">
          <cell r="A11">
            <v>42685.599999999999</v>
          </cell>
          <cell r="C11" t="str">
            <v>New wind power capacity installed (land-based)</v>
          </cell>
          <cell r="D11">
            <v>228</v>
          </cell>
          <cell r="E11">
            <v>84</v>
          </cell>
          <cell r="F11">
            <v>703</v>
          </cell>
          <cell r="G11">
            <v>23370</v>
          </cell>
          <cell r="H11">
            <v>229</v>
          </cell>
          <cell r="I11">
            <v>570</v>
          </cell>
          <cell r="J11">
            <v>1361</v>
          </cell>
          <cell r="K11">
            <v>4144</v>
          </cell>
          <cell r="L11">
            <v>0</v>
          </cell>
          <cell r="M11">
            <v>282.60000000000002</v>
          </cell>
          <cell r="N11">
            <v>188</v>
          </cell>
          <cell r="O11">
            <v>201</v>
          </cell>
          <cell r="P11">
            <v>454</v>
          </cell>
          <cell r="Q11">
            <v>866</v>
          </cell>
          <cell r="R11">
            <v>0</v>
          </cell>
          <cell r="S11">
            <v>236</v>
          </cell>
          <cell r="T11">
            <v>38</v>
          </cell>
          <cell r="U11">
            <v>605</v>
          </cell>
          <cell r="V11">
            <v>15</v>
          </cell>
          <cell r="W11">
            <v>938</v>
          </cell>
          <cell r="X11">
            <v>8173</v>
          </cell>
        </row>
        <row r="12">
          <cell r="A12">
            <v>924.4</v>
          </cell>
          <cell r="C12" t="str">
            <v>Decommissioned capacity</v>
          </cell>
          <cell r="F12">
            <v>21.4</v>
          </cell>
          <cell r="G12">
            <v>487</v>
          </cell>
          <cell r="H12">
            <v>60</v>
          </cell>
          <cell r="I12">
            <v>42</v>
          </cell>
          <cell r="K12">
            <v>262</v>
          </cell>
          <cell r="O12">
            <v>0</v>
          </cell>
          <cell r="P12">
            <v>0</v>
          </cell>
          <cell r="R12">
            <v>0</v>
          </cell>
          <cell r="S12">
            <v>2</v>
          </cell>
          <cell r="T12">
            <v>0</v>
          </cell>
          <cell r="U12">
            <v>2</v>
          </cell>
          <cell r="V12">
            <v>0</v>
          </cell>
          <cell r="W12">
            <v>0</v>
          </cell>
          <cell r="X12">
            <v>48</v>
          </cell>
        </row>
        <row r="13">
          <cell r="A13">
            <v>42648.2</v>
          </cell>
          <cell r="C13" t="str">
            <v>Net addition to capacity</v>
          </cell>
          <cell r="D13">
            <v>228</v>
          </cell>
          <cell r="E13">
            <v>84</v>
          </cell>
          <cell r="F13">
            <v>681.6</v>
          </cell>
          <cell r="G13">
            <v>22883</v>
          </cell>
          <cell r="H13">
            <v>170</v>
          </cell>
          <cell r="I13">
            <v>528</v>
          </cell>
          <cell r="J13">
            <v>1361</v>
          </cell>
          <cell r="K13">
            <v>4731</v>
          </cell>
          <cell r="L13">
            <v>0</v>
          </cell>
          <cell r="M13">
            <v>282.60000000000002</v>
          </cell>
          <cell r="N13">
            <v>195</v>
          </cell>
          <cell r="O13">
            <v>201</v>
          </cell>
          <cell r="P13">
            <v>454</v>
          </cell>
          <cell r="Q13">
            <v>866</v>
          </cell>
          <cell r="R13">
            <v>0</v>
          </cell>
          <cell r="S13">
            <v>234</v>
          </cell>
          <cell r="T13">
            <v>38</v>
          </cell>
          <cell r="U13">
            <v>603</v>
          </cell>
          <cell r="V13">
            <v>15</v>
          </cell>
          <cell r="W13">
            <v>938</v>
          </cell>
          <cell r="X13">
            <v>8155</v>
          </cell>
        </row>
        <row r="14">
          <cell r="A14">
            <v>248500</v>
          </cell>
          <cell r="C14" t="str">
            <v>Total Number of Turbines (land-based+offshore)</v>
          </cell>
          <cell r="D14">
            <v>1191</v>
          </cell>
          <cell r="F14">
            <v>6288</v>
          </cell>
          <cell r="G14">
            <v>104934</v>
          </cell>
          <cell r="H14">
            <v>4751</v>
          </cell>
          <cell r="I14">
            <v>552</v>
          </cell>
          <cell r="J14">
            <v>5200</v>
          </cell>
          <cell r="K14">
            <v>28217</v>
          </cell>
          <cell r="L14">
            <v>1588</v>
          </cell>
          <cell r="M14">
            <v>6620</v>
          </cell>
          <cell r="N14">
            <v>2148</v>
          </cell>
          <cell r="O14">
            <v>531</v>
          </cell>
          <cell r="P14">
            <v>2000</v>
          </cell>
          <cell r="R14">
            <v>374</v>
          </cell>
          <cell r="S14">
            <v>2743</v>
          </cell>
          <cell r="T14">
            <v>20292</v>
          </cell>
          <cell r="U14">
            <v>3335</v>
          </cell>
          <cell r="V14">
            <v>37</v>
          </cell>
          <cell r="W14">
            <v>5391</v>
          </cell>
          <cell r="X14">
            <v>52308</v>
          </cell>
        </row>
        <row r="15">
          <cell r="A15">
            <v>3827</v>
          </cell>
          <cell r="C15" t="str">
            <v xml:space="preserve">Total Number of Turbines (offshore) </v>
          </cell>
          <cell r="D15">
            <v>0</v>
          </cell>
          <cell r="F15">
            <v>0</v>
          </cell>
          <cell r="G15">
            <v>487</v>
          </cell>
          <cell r="H15">
            <v>516</v>
          </cell>
          <cell r="I15">
            <v>5</v>
          </cell>
          <cell r="J15">
            <v>0</v>
          </cell>
          <cell r="K15">
            <v>947</v>
          </cell>
          <cell r="L15">
            <v>7</v>
          </cell>
          <cell r="N15">
            <v>28</v>
          </cell>
          <cell r="O15">
            <v>2</v>
          </cell>
          <cell r="P15">
            <v>0</v>
          </cell>
          <cell r="Q15">
            <v>289</v>
          </cell>
          <cell r="R15">
            <v>1</v>
          </cell>
          <cell r="S15">
            <v>0</v>
          </cell>
          <cell r="T15">
            <v>1</v>
          </cell>
          <cell r="U15">
            <v>74</v>
          </cell>
          <cell r="W15">
            <v>1465</v>
          </cell>
          <cell r="X15">
            <v>5</v>
          </cell>
        </row>
        <row r="16">
          <cell r="A16">
            <v>244673</v>
          </cell>
          <cell r="C16" t="str">
            <v>Total Number of Turbines (land-based)</v>
          </cell>
          <cell r="D16">
            <v>1191</v>
          </cell>
          <cell r="E16">
            <v>0</v>
          </cell>
          <cell r="F16">
            <v>6288</v>
          </cell>
          <cell r="G16">
            <v>104447</v>
          </cell>
          <cell r="H16">
            <v>4235</v>
          </cell>
          <cell r="I16">
            <v>547</v>
          </cell>
          <cell r="J16">
            <v>5200</v>
          </cell>
          <cell r="K16">
            <v>27270</v>
          </cell>
          <cell r="L16">
            <v>1581</v>
          </cell>
          <cell r="M16">
            <v>6620</v>
          </cell>
          <cell r="N16">
            <v>2120</v>
          </cell>
          <cell r="O16">
            <v>529</v>
          </cell>
          <cell r="P16">
            <v>2000</v>
          </cell>
          <cell r="Q16">
            <v>-289</v>
          </cell>
          <cell r="R16">
            <v>373</v>
          </cell>
          <cell r="S16">
            <v>2743</v>
          </cell>
          <cell r="T16">
            <v>20291</v>
          </cell>
          <cell r="U16">
            <v>3261</v>
          </cell>
          <cell r="V16">
            <v>37</v>
          </cell>
          <cell r="W16">
            <v>3926</v>
          </cell>
          <cell r="X16">
            <v>52303</v>
          </cell>
        </row>
        <row r="17">
          <cell r="A17">
            <v>19873</v>
          </cell>
          <cell r="C17" t="str">
            <v xml:space="preserve">Number of New Turbines (land-based+offshore) </v>
          </cell>
          <cell r="D17">
            <v>82</v>
          </cell>
          <cell r="F17">
            <v>222</v>
          </cell>
          <cell r="G17">
            <v>11953</v>
          </cell>
          <cell r="H17">
            <v>76</v>
          </cell>
          <cell r="I17">
            <v>179</v>
          </cell>
          <cell r="J17">
            <v>600</v>
          </cell>
          <cell r="K17">
            <v>1780</v>
          </cell>
          <cell r="L17">
            <v>73</v>
          </cell>
          <cell r="M17">
            <v>136</v>
          </cell>
          <cell r="N17">
            <v>98</v>
          </cell>
          <cell r="O17">
            <v>96</v>
          </cell>
          <cell r="P17">
            <v>187</v>
          </cell>
          <cell r="R17">
            <v>0</v>
          </cell>
          <cell r="S17">
            <v>118</v>
          </cell>
          <cell r="T17">
            <v>26</v>
          </cell>
          <cell r="V17">
            <v>3</v>
          </cell>
          <cell r="W17">
            <v>436</v>
          </cell>
          <cell r="X17">
            <v>3808</v>
          </cell>
        </row>
        <row r="18">
          <cell r="A18">
            <v>319</v>
          </cell>
          <cell r="C18" t="str">
            <v xml:space="preserve">Number of New Turbines (offshore) </v>
          </cell>
          <cell r="D18">
            <v>0</v>
          </cell>
          <cell r="F18">
            <v>0</v>
          </cell>
          <cell r="G18">
            <v>154</v>
          </cell>
          <cell r="I18">
            <v>3</v>
          </cell>
          <cell r="J18">
            <v>0</v>
          </cell>
          <cell r="K18">
            <v>156</v>
          </cell>
          <cell r="L18">
            <v>0</v>
          </cell>
          <cell r="N18">
            <v>1</v>
          </cell>
          <cell r="O18">
            <v>0</v>
          </cell>
          <cell r="P18">
            <v>0</v>
          </cell>
          <cell r="R18">
            <v>0</v>
          </cell>
          <cell r="T18">
            <v>0</v>
          </cell>
          <cell r="W18">
            <v>0</v>
          </cell>
          <cell r="X18">
            <v>5</v>
          </cell>
        </row>
        <row r="19">
          <cell r="A19">
            <v>19554</v>
          </cell>
          <cell r="C19" t="str">
            <v xml:space="preserve">Number of New Turbines (land-based) </v>
          </cell>
          <cell r="D19">
            <v>82</v>
          </cell>
          <cell r="E19">
            <v>0</v>
          </cell>
          <cell r="F19">
            <v>222</v>
          </cell>
          <cell r="G19">
            <v>11799</v>
          </cell>
          <cell r="H19">
            <v>76</v>
          </cell>
          <cell r="I19">
            <v>176</v>
          </cell>
          <cell r="J19">
            <v>600</v>
          </cell>
          <cell r="K19">
            <v>1624</v>
          </cell>
          <cell r="L19">
            <v>73</v>
          </cell>
          <cell r="M19">
            <v>136</v>
          </cell>
          <cell r="N19">
            <v>97</v>
          </cell>
          <cell r="O19">
            <v>96</v>
          </cell>
          <cell r="P19">
            <v>187</v>
          </cell>
          <cell r="Q19">
            <v>0</v>
          </cell>
          <cell r="R19">
            <v>0</v>
          </cell>
          <cell r="S19">
            <v>118</v>
          </cell>
          <cell r="T19">
            <v>26</v>
          </cell>
          <cell r="U19">
            <v>0</v>
          </cell>
          <cell r="V19">
            <v>3</v>
          </cell>
          <cell r="W19">
            <v>436</v>
          </cell>
          <cell r="X19">
            <v>3803</v>
          </cell>
        </row>
        <row r="20">
          <cell r="A20">
            <v>42662.628460507418</v>
          </cell>
          <cell r="C20" t="str">
            <v xml:space="preserve">Average Capacity of New Turbines (land-based+offshore) </v>
          </cell>
          <cell r="D20">
            <v>2780.4878048780488</v>
          </cell>
          <cell r="F20">
            <v>3166.6666666666665</v>
          </cell>
          <cell r="G20">
            <v>1955.1577009955661</v>
          </cell>
          <cell r="H20">
            <v>420.18348623853211</v>
          </cell>
          <cell r="I20">
            <v>3184.3575418994415</v>
          </cell>
          <cell r="J20">
            <v>2268.3333333333335</v>
          </cell>
          <cell r="K20">
            <v>2805.0561797752807</v>
          </cell>
          <cell r="L20">
            <v>4726.0273972602736</v>
          </cell>
          <cell r="M20">
            <v>2077.9411764705883</v>
          </cell>
          <cell r="N20">
            <v>1989.795918367347</v>
          </cell>
          <cell r="O20">
            <v>2093.75</v>
          </cell>
          <cell r="P20">
            <v>2427.8074866310162</v>
          </cell>
          <cell r="S20">
            <v>2000</v>
          </cell>
          <cell r="T20">
            <v>1461.5384615384614</v>
          </cell>
          <cell r="V20">
            <v>5000</v>
          </cell>
          <cell r="W20">
            <v>2151.3761467889908</v>
          </cell>
          <cell r="X20">
            <v>2154.1491596638657</v>
          </cell>
        </row>
        <row r="21">
          <cell r="A21">
            <v>18442.307692307691</v>
          </cell>
          <cell r="C21" t="str">
            <v xml:space="preserve">Average Capacity of New Turbines (offshore) </v>
          </cell>
          <cell r="G21">
            <v>0</v>
          </cell>
          <cell r="I21">
            <v>0</v>
          </cell>
          <cell r="K21">
            <v>5442.3076923076924</v>
          </cell>
          <cell r="L21" t="str">
            <v/>
          </cell>
          <cell r="N21">
            <v>7000</v>
          </cell>
          <cell r="O21" t="str">
            <v/>
          </cell>
          <cell r="X21">
            <v>6000</v>
          </cell>
        </row>
        <row r="22">
          <cell r="A22">
            <v>42432.385941229382</v>
          </cell>
          <cell r="C22" t="str">
            <v>Average Capacity of New Turbines (land-based)</v>
          </cell>
          <cell r="D22">
            <v>2780.4878048780488</v>
          </cell>
          <cell r="F22">
            <v>3166.6666666666665</v>
          </cell>
          <cell r="G22">
            <v>1980.6763285024156</v>
          </cell>
          <cell r="H22">
            <v>420.18348623853211</v>
          </cell>
          <cell r="I22">
            <v>3238.6363636363635</v>
          </cell>
          <cell r="J22">
            <v>2268.3333333333335</v>
          </cell>
          <cell r="K22">
            <v>2551.7241379310344</v>
          </cell>
          <cell r="L22">
            <v>4726.0273972602736</v>
          </cell>
          <cell r="M22">
            <v>2077.9411764705883</v>
          </cell>
          <cell r="N22">
            <v>1938.1443298969073</v>
          </cell>
          <cell r="O22">
            <v>2093.75</v>
          </cell>
          <cell r="P22">
            <v>2427.8074866310162</v>
          </cell>
          <cell r="S22">
            <v>2000</v>
          </cell>
          <cell r="T22">
            <v>1461.5384615384614</v>
          </cell>
          <cell r="V22">
            <v>5000</v>
          </cell>
          <cell r="W22">
            <v>2151.3761467889908</v>
          </cell>
          <cell r="X22">
            <v>2149.0928214567448</v>
          </cell>
        </row>
        <row r="23">
          <cell r="A23">
            <v>794.37697900000012</v>
          </cell>
          <cell r="C23" t="str">
            <v>Wind-Generated Electricity TWh</v>
          </cell>
          <cell r="D23">
            <v>5.7</v>
          </cell>
          <cell r="E23">
            <v>5.4379999999999997</v>
          </cell>
          <cell r="F23">
            <v>30.4617</v>
          </cell>
          <cell r="G23">
            <v>241</v>
          </cell>
          <cell r="H23">
            <v>12.74</v>
          </cell>
          <cell r="I23">
            <v>3.1</v>
          </cell>
          <cell r="J23">
            <v>20</v>
          </cell>
          <cell r="K23">
            <v>79.924000000000007</v>
          </cell>
          <cell r="L23">
            <v>6.15</v>
          </cell>
          <cell r="M23">
            <v>17.5</v>
          </cell>
          <cell r="N23">
            <v>5.3</v>
          </cell>
          <cell r="O23">
            <v>1.68</v>
          </cell>
          <cell r="P23">
            <v>14.236000000000001</v>
          </cell>
          <cell r="Q23">
            <v>8.17</v>
          </cell>
          <cell r="R23">
            <v>2.1</v>
          </cell>
          <cell r="S23">
            <v>12.5</v>
          </cell>
          <cell r="T23">
            <v>47.7</v>
          </cell>
          <cell r="U23">
            <v>16.7</v>
          </cell>
          <cell r="V23">
            <v>0.11</v>
          </cell>
          <cell r="W23">
            <v>37.367278999999996</v>
          </cell>
          <cell r="X23">
            <v>226.5</v>
          </cell>
        </row>
        <row r="24">
          <cell r="A24">
            <v>38.066035999999997</v>
          </cell>
          <cell r="C24" t="str">
            <v>Wind-Generated Electricity (offshore)</v>
          </cell>
          <cell r="E24">
            <v>2.39</v>
          </cell>
          <cell r="H24">
            <v>4.6500000000000004</v>
          </cell>
          <cell r="J24">
            <v>0</v>
          </cell>
          <cell r="K24">
            <v>12.273999999999999</v>
          </cell>
          <cell r="L24">
            <v>7.7299999999999994E-2</v>
          </cell>
          <cell r="Q24">
            <v>2.2690000000000001</v>
          </cell>
          <cell r="W24">
            <v>16.405736000000001</v>
          </cell>
        </row>
        <row r="25">
          <cell r="A25">
            <v>758.14924300000007</v>
          </cell>
          <cell r="C25" t="str">
            <v>Wind-Generated Electricity (land-based)</v>
          </cell>
          <cell r="D25">
            <v>5.7</v>
          </cell>
          <cell r="E25">
            <v>3.0479999999999996</v>
          </cell>
          <cell r="F25">
            <v>32.299999999999997</v>
          </cell>
          <cell r="G25">
            <v>241</v>
          </cell>
          <cell r="H25">
            <v>8.09</v>
          </cell>
          <cell r="I25">
            <v>3.1</v>
          </cell>
          <cell r="J25">
            <v>20</v>
          </cell>
          <cell r="K25">
            <v>67.650000000000006</v>
          </cell>
          <cell r="L25">
            <v>6.0727000000000002</v>
          </cell>
          <cell r="M25">
            <v>17.5</v>
          </cell>
          <cell r="N25">
            <v>5.3</v>
          </cell>
          <cell r="O25">
            <v>1.68</v>
          </cell>
          <cell r="P25">
            <v>14.236000000000001</v>
          </cell>
          <cell r="Q25">
            <v>5.9009999999999998</v>
          </cell>
          <cell r="R25">
            <v>2.1</v>
          </cell>
          <cell r="S25">
            <v>12.5</v>
          </cell>
          <cell r="T25">
            <v>47.7</v>
          </cell>
          <cell r="U25">
            <v>16.7</v>
          </cell>
          <cell r="V25">
            <v>0.11</v>
          </cell>
          <cell r="W25">
            <v>20.961542999999995</v>
          </cell>
          <cell r="X25">
            <v>226.5</v>
          </cell>
        </row>
        <row r="26">
          <cell r="A26">
            <v>14611.795999999998</v>
          </cell>
          <cell r="C26" t="str">
            <v>National Electricity Demand (TWh/yr)</v>
          </cell>
          <cell r="D26">
            <v>60</v>
          </cell>
          <cell r="E26">
            <v>83.679000000000002</v>
          </cell>
          <cell r="F26">
            <v>584.61500000000001</v>
          </cell>
          <cell r="G26">
            <v>5919.8</v>
          </cell>
          <cell r="H26">
            <v>33.99</v>
          </cell>
          <cell r="I26">
            <v>85</v>
          </cell>
          <cell r="K26">
            <v>599.9</v>
          </cell>
          <cell r="L26">
            <v>29.4</v>
          </cell>
          <cell r="M26">
            <v>315.2</v>
          </cell>
          <cell r="N26">
            <v>914.2</v>
          </cell>
          <cell r="O26">
            <v>509</v>
          </cell>
          <cell r="P26">
            <v>298.03199999999998</v>
          </cell>
          <cell r="Q26">
            <v>120.08499999999999</v>
          </cell>
          <cell r="R26">
            <v>133.1</v>
          </cell>
          <cell r="S26">
            <v>50.8</v>
          </cell>
          <cell r="T26">
            <v>247.12</v>
          </cell>
          <cell r="U26">
            <v>136</v>
          </cell>
          <cell r="V26">
            <v>58.2</v>
          </cell>
          <cell r="W26">
            <v>357</v>
          </cell>
          <cell r="X26">
            <v>4076.6750000000002</v>
          </cell>
        </row>
        <row r="27">
          <cell r="A27">
            <v>5.4365457812304535E-2</v>
          </cell>
          <cell r="C27" t="str">
            <v>Share of National Electricity Demand met by Wind</v>
          </cell>
          <cell r="D27">
            <v>9.5000000000000001E-2</v>
          </cell>
          <cell r="E27">
            <v>6.4986436262383623E-2</v>
          </cell>
          <cell r="F27">
            <v>5.2105573753666944E-2</v>
          </cell>
          <cell r="G27">
            <v>4.0710834825500863E-2</v>
          </cell>
          <cell r="H27">
            <v>0.37481612238893791</v>
          </cell>
          <cell r="I27">
            <v>3.6470588235294116E-2</v>
          </cell>
          <cell r="K27">
            <v>0.13322887147857979</v>
          </cell>
          <cell r="L27">
            <v>0.20918367346938777</v>
          </cell>
          <cell r="M27">
            <v>5.5520304568527919E-2</v>
          </cell>
          <cell r="N27">
            <v>5.7974185079851231E-3</v>
          </cell>
          <cell r="O27">
            <v>3.300589390962672E-3</v>
          </cell>
          <cell r="P27">
            <v>4.7766682772319755E-2</v>
          </cell>
          <cell r="Q27">
            <v>6.8035141774576341E-2</v>
          </cell>
          <cell r="R27">
            <v>1.5777610818933134E-2</v>
          </cell>
          <cell r="S27">
            <v>0.24606299212598426</v>
          </cell>
          <cell r="T27">
            <v>0.19302363224344449</v>
          </cell>
          <cell r="U27">
            <v>0.12279411764705882</v>
          </cell>
          <cell r="V27">
            <v>1.8900343642611684E-3</v>
          </cell>
          <cell r="W27">
            <v>0.10467024929971988</v>
          </cell>
          <cell r="X27">
            <v>5.5532400029421142E-2</v>
          </cell>
        </row>
        <row r="28">
          <cell r="A28">
            <v>5.1853195861459964</v>
          </cell>
          <cell r="C28" t="str">
            <v>Average National Capacity Factor (land-based+offshore)</v>
          </cell>
          <cell r="D28">
            <v>0.25841339615045644</v>
          </cell>
          <cell r="E28">
            <v>0.26665646722842035</v>
          </cell>
          <cell r="F28">
            <v>0.30033880585960449</v>
          </cell>
          <cell r="G28">
            <v>0.16304993495593051</v>
          </cell>
          <cell r="H28">
            <v>0.28357890286928428</v>
          </cell>
          <cell r="I28">
            <v>0.2308423212908107</v>
          </cell>
          <cell r="J28">
            <v>0.19477094547270518</v>
          </cell>
          <cell r="K28">
            <v>0.19322388280070713</v>
          </cell>
          <cell r="L28">
            <v>0.26646493321478892</v>
          </cell>
          <cell r="M28">
            <v>0.21580608134138154</v>
          </cell>
          <cell r="N28">
            <v>0.18708188962592093</v>
          </cell>
          <cell r="O28">
            <v>0.18601437625393619</v>
          </cell>
          <cell r="P28">
            <v>0.3609179223933322</v>
          </cell>
          <cell r="Q28">
            <v>0.2190858355241917</v>
          </cell>
          <cell r="R28">
            <v>0.27460026047796138</v>
          </cell>
          <cell r="S28">
            <v>0.27392529246455627</v>
          </cell>
          <cell r="T28">
            <v>0.23648073827204269</v>
          </cell>
          <cell r="U28">
            <v>0.29685342479973947</v>
          </cell>
          <cell r="V28">
            <v>0.16742770167427701</v>
          </cell>
          <cell r="W28">
            <v>0.27865952309703074</v>
          </cell>
          <cell r="X28">
            <v>0.33112695037891837</v>
          </cell>
        </row>
        <row r="29">
          <cell r="A29">
            <v>2.1560986251760168</v>
          </cell>
          <cell r="C29" t="str">
            <v>Average National Capacity Factor (offshore)</v>
          </cell>
          <cell r="E29">
            <v>0.38318967728695297</v>
          </cell>
          <cell r="F29" t="str">
            <v/>
          </cell>
          <cell r="G29">
            <v>0</v>
          </cell>
          <cell r="H29">
            <v>0.41650006664001066</v>
          </cell>
          <cell r="I29">
            <v>0</v>
          </cell>
          <cell r="K29">
            <v>0.37688827967726524</v>
          </cell>
          <cell r="L29">
            <v>0.34920996328100157</v>
          </cell>
          <cell r="N29">
            <v>0</v>
          </cell>
          <cell r="O29">
            <v>0</v>
          </cell>
          <cell r="P29" t="str">
            <v/>
          </cell>
          <cell r="Q29">
            <v>0.27065649408587528</v>
          </cell>
          <cell r="R29">
            <v>0</v>
          </cell>
          <cell r="S29" t="str">
            <v/>
          </cell>
          <cell r="T29">
            <v>0</v>
          </cell>
          <cell r="U29">
            <v>0</v>
          </cell>
          <cell r="W29">
            <v>0.35965414420491087</v>
          </cell>
          <cell r="X29">
            <v>0</v>
          </cell>
        </row>
        <row r="30">
          <cell r="A30">
            <v>5.035429594759794</v>
          </cell>
          <cell r="C30" t="str">
            <v>Average National Capacity Factor (land-based)</v>
          </cell>
          <cell r="D30">
            <v>0.25841339615045644</v>
          </cell>
          <cell r="E30">
            <v>0.21531262715312624</v>
          </cell>
          <cell r="F30">
            <v>0.30033880585960449</v>
          </cell>
          <cell r="G30">
            <v>0.1646404280377867</v>
          </cell>
          <cell r="H30">
            <v>0.23962344582424897</v>
          </cell>
          <cell r="I30">
            <v>0.23296990028888268</v>
          </cell>
          <cell r="J30">
            <v>0.19477094547270518</v>
          </cell>
          <cell r="K30">
            <v>0.17752760896778472</v>
          </cell>
          <cell r="L30">
            <v>0.26566365174928969</v>
          </cell>
          <cell r="M30">
            <v>0.21580608134138154</v>
          </cell>
          <cell r="N30">
            <v>0.19059438982177052</v>
          </cell>
          <cell r="O30">
            <v>0.18692087906219124</v>
          </cell>
          <cell r="P30">
            <v>0.3609179223933322</v>
          </cell>
          <cell r="Q30">
            <v>0.20413034454130344</v>
          </cell>
          <cell r="R30">
            <v>0.27532563155766654</v>
          </cell>
          <cell r="S30">
            <v>0.27392529246455627</v>
          </cell>
          <cell r="T30">
            <v>0.23653210023248578</v>
          </cell>
          <cell r="U30">
            <v>0.30649400226108148</v>
          </cell>
          <cell r="V30">
            <v>0.16742770167427701</v>
          </cell>
          <cell r="W30">
            <v>0.23690383289418931</v>
          </cell>
          <cell r="X30">
            <v>0.33119060701167369</v>
          </cell>
        </row>
        <row r="31">
          <cell r="A31">
            <v>3.3729159979780112</v>
          </cell>
          <cell r="C31" t="str">
            <v>Average National Capacity Factor (landbased+offshore, turbines in operation the whole year)</v>
          </cell>
          <cell r="D31">
            <v>0.25</v>
          </cell>
          <cell r="E31">
            <v>0.26219999999999999</v>
          </cell>
          <cell r="F31">
            <v>0.29470000000000002</v>
          </cell>
          <cell r="G31">
            <v>0.185</v>
          </cell>
          <cell r="H31">
            <v>0.28399999999999997</v>
          </cell>
          <cell r="I31">
            <v>0.27</v>
          </cell>
          <cell r="J31">
            <v>0.217</v>
          </cell>
          <cell r="L31">
            <v>0.27</v>
          </cell>
          <cell r="N31">
            <v>0.19</v>
          </cell>
          <cell r="Q31">
            <v>0.2445</v>
          </cell>
          <cell r="R31">
            <v>0.28699999999999998</v>
          </cell>
          <cell r="S31">
            <v>0.27600000000000002</v>
          </cell>
          <cell r="X31">
            <v>0.34251599797801119</v>
          </cell>
        </row>
        <row r="32">
          <cell r="A32">
            <v>0.81200000000000006</v>
          </cell>
          <cell r="C32" t="str">
            <v>Average National Capacity Factor (offshore, turbines in operation the whole year)</v>
          </cell>
          <cell r="H32">
            <v>0.41799999999999998</v>
          </cell>
          <cell r="Q32">
            <v>0.39400000000000002</v>
          </cell>
        </row>
        <row r="33">
          <cell r="A33">
            <v>1.2957000000000001</v>
          </cell>
          <cell r="C33" t="str">
            <v>Average National Capacity Factor (landbased, turbines in operation the whole year)</v>
          </cell>
          <cell r="F33">
            <v>0.29470000000000002</v>
          </cell>
          <cell r="H33">
            <v>0.22500000000000001</v>
          </cell>
          <cell r="Q33">
            <v>0.21299999999999999</v>
          </cell>
          <cell r="R33">
            <v>0.28699999999999998</v>
          </cell>
          <cell r="S33">
            <v>0.27600000000000002</v>
          </cell>
        </row>
        <row r="34">
          <cell r="A34">
            <v>53.828722395488299</v>
          </cell>
          <cell r="C34" t="str">
            <v>Curtailed Electricity (estimate)</v>
          </cell>
          <cell r="G34">
            <v>49.7</v>
          </cell>
          <cell r="I34">
            <v>0</v>
          </cell>
          <cell r="L34">
            <v>0.17699999999999999</v>
          </cell>
          <cell r="X34">
            <v>3.9517223954883001</v>
          </cell>
        </row>
        <row r="35">
          <cell r="A35">
            <v>766126.27</v>
          </cell>
          <cell r="C35" t="str">
            <v>Land area (km2)</v>
          </cell>
          <cell r="H35">
            <v>43.56</v>
          </cell>
          <cell r="I35">
            <v>338424</v>
          </cell>
          <cell r="K35">
            <v>357385.71</v>
          </cell>
          <cell r="L35">
            <v>70273</v>
          </cell>
        </row>
        <row r="36">
          <cell r="A36">
            <v>92791705.731000006</v>
          </cell>
          <cell r="C36" t="str">
            <v>Population</v>
          </cell>
          <cell r="H36">
            <v>5.7309999999999999</v>
          </cell>
          <cell r="I36">
            <v>5495000</v>
          </cell>
          <cell r="K36">
            <v>82521700</v>
          </cell>
          <cell r="L36">
            <v>4775000</v>
          </cell>
        </row>
        <row r="37">
          <cell r="C37" t="str">
            <v xml:space="preserve">a Subset of total capacity; b Net increase in capacity = capacity installed minus capacity decommissioned; c </v>
          </cell>
        </row>
        <row r="39">
          <cell r="C39" t="str">
            <v>2.       Renewable Energy and Wind Targets for Member Countries</v>
          </cell>
          <cell r="D39">
            <v>2016</v>
          </cell>
          <cell r="E39">
            <v>2016</v>
          </cell>
          <cell r="F39">
            <v>2016</v>
          </cell>
          <cell r="G39">
            <v>2016</v>
          </cell>
          <cell r="H39">
            <v>2016</v>
          </cell>
          <cell r="I39">
            <v>2016</v>
          </cell>
          <cell r="J39">
            <v>2016</v>
          </cell>
          <cell r="K39">
            <v>2016</v>
          </cell>
          <cell r="L39">
            <v>2016</v>
          </cell>
          <cell r="M39">
            <v>2016</v>
          </cell>
          <cell r="N39">
            <v>2016</v>
          </cell>
          <cell r="O39">
            <v>2016</v>
          </cell>
          <cell r="P39">
            <v>2016</v>
          </cell>
          <cell r="Q39">
            <v>2016</v>
          </cell>
          <cell r="R39">
            <v>2016</v>
          </cell>
          <cell r="S39">
            <v>2016</v>
          </cell>
          <cell r="T39">
            <v>2016</v>
          </cell>
          <cell r="U39">
            <v>2016</v>
          </cell>
          <cell r="V39">
            <v>2016</v>
          </cell>
          <cell r="W39">
            <v>2016</v>
          </cell>
          <cell r="X39">
            <v>2016</v>
          </cell>
        </row>
        <row r="40">
          <cell r="C40" t="str">
            <v>Official Target Renewable Energy Sources</v>
          </cell>
          <cell r="D40">
            <v>0.34</v>
          </cell>
          <cell r="E40">
            <v>0.13</v>
          </cell>
          <cell r="G40">
            <v>680000</v>
          </cell>
          <cell r="H40">
            <v>0.3</v>
          </cell>
          <cell r="I40">
            <v>0.39</v>
          </cell>
          <cell r="K40">
            <v>0.3</v>
          </cell>
          <cell r="M40">
            <v>0.17</v>
          </cell>
          <cell r="N40">
            <v>0.21</v>
          </cell>
          <cell r="O40">
            <v>0.03</v>
          </cell>
          <cell r="Q40">
            <v>0.14000000000000001</v>
          </cell>
          <cell r="R40">
            <v>28.4</v>
          </cell>
          <cell r="S40">
            <v>0.31</v>
          </cell>
          <cell r="T40">
            <v>0.2</v>
          </cell>
          <cell r="U40">
            <v>0.5</v>
          </cell>
          <cell r="V40">
            <v>22.6</v>
          </cell>
          <cell r="W40">
            <v>0.3</v>
          </cell>
        </row>
        <row r="41">
          <cell r="C41" t="str">
            <v>Year for official Renewable Energy target</v>
          </cell>
          <cell r="E41">
            <v>2020</v>
          </cell>
          <cell r="G41">
            <v>2020</v>
          </cell>
          <cell r="H41">
            <v>2020</v>
          </cell>
          <cell r="I41">
            <v>2020</v>
          </cell>
          <cell r="K41">
            <v>2030</v>
          </cell>
          <cell r="M41">
            <v>2020</v>
          </cell>
          <cell r="N41">
            <v>2030</v>
          </cell>
          <cell r="Q41">
            <v>2020</v>
          </cell>
          <cell r="S41">
            <v>2020</v>
          </cell>
          <cell r="T41">
            <v>2020</v>
          </cell>
          <cell r="U41">
            <v>2020</v>
          </cell>
          <cell r="V41">
            <v>2050</v>
          </cell>
          <cell r="W41">
            <v>2020</v>
          </cell>
        </row>
        <row r="42">
          <cell r="C42" t="str">
            <v>Official Target Wind (land-based+offshore)</v>
          </cell>
          <cell r="D42">
            <v>3000</v>
          </cell>
          <cell r="E42">
            <v>0.41282006619055911</v>
          </cell>
          <cell r="G42">
            <v>210000</v>
          </cell>
          <cell r="I42">
            <v>6</v>
          </cell>
          <cell r="J42">
            <v>15000</v>
          </cell>
          <cell r="K42">
            <v>0.53662337662337667</v>
          </cell>
          <cell r="M42">
            <v>12680</v>
          </cell>
          <cell r="N42">
            <v>10000</v>
          </cell>
          <cell r="O42">
            <v>8.9999999999999993E-3</v>
          </cell>
          <cell r="Q42">
            <v>0.55000000000000004</v>
          </cell>
          <cell r="S42">
            <v>5273</v>
          </cell>
          <cell r="U42">
            <v>30</v>
          </cell>
          <cell r="V42">
            <v>0.7</v>
          </cell>
        </row>
        <row r="43">
          <cell r="C43" t="str">
            <v>Year for official wind target</v>
          </cell>
          <cell r="D43">
            <v>2020</v>
          </cell>
          <cell r="E43">
            <v>2020</v>
          </cell>
          <cell r="G43">
            <v>2020</v>
          </cell>
          <cell r="I43">
            <v>2020</v>
          </cell>
          <cell r="J43">
            <v>2018</v>
          </cell>
          <cell r="M43">
            <v>2020</v>
          </cell>
          <cell r="N43">
            <v>2030</v>
          </cell>
          <cell r="O43">
            <v>2020</v>
          </cell>
          <cell r="Q43">
            <v>2020</v>
          </cell>
          <cell r="U43">
            <v>2020</v>
          </cell>
          <cell r="V43">
            <v>2020</v>
          </cell>
        </row>
        <row r="44">
          <cell r="Q44" t="str">
            <v>6GW on land</v>
          </cell>
        </row>
        <row r="45">
          <cell r="C45" t="str">
            <v>3.       Wind Resource Compared to Average</v>
          </cell>
          <cell r="D45">
            <v>2016</v>
          </cell>
          <cell r="E45">
            <v>2016</v>
          </cell>
          <cell r="F45">
            <v>2016</v>
          </cell>
          <cell r="G45">
            <v>2016</v>
          </cell>
          <cell r="H45">
            <v>2016</v>
          </cell>
          <cell r="I45">
            <v>2016</v>
          </cell>
          <cell r="J45">
            <v>2016</v>
          </cell>
          <cell r="K45">
            <v>2016</v>
          </cell>
          <cell r="L45">
            <v>2016</v>
          </cell>
          <cell r="M45">
            <v>2016</v>
          </cell>
          <cell r="N45">
            <v>2016</v>
          </cell>
          <cell r="O45">
            <v>2016</v>
          </cell>
          <cell r="P45">
            <v>2016</v>
          </cell>
          <cell r="Q45">
            <v>2016</v>
          </cell>
          <cell r="R45">
            <v>2016</v>
          </cell>
          <cell r="S45">
            <v>2016</v>
          </cell>
          <cell r="T45">
            <v>2016</v>
          </cell>
          <cell r="U45">
            <v>2016</v>
          </cell>
          <cell r="V45">
            <v>2016</v>
          </cell>
          <cell r="W45">
            <v>2016</v>
          </cell>
          <cell r="X45">
            <v>2016</v>
          </cell>
        </row>
        <row r="46">
          <cell r="C46" t="str">
            <v>Wind Resource</v>
          </cell>
          <cell r="G46">
            <v>6.7999999999999996E-3</v>
          </cell>
          <cell r="H46">
            <v>90.2</v>
          </cell>
          <cell r="I46">
            <v>0.95</v>
          </cell>
          <cell r="Q46">
            <v>0.78</v>
          </cell>
          <cell r="R46">
            <v>0.92</v>
          </cell>
          <cell r="T46">
            <v>0.94</v>
          </cell>
          <cell r="W46">
            <v>0.93300000000000005</v>
          </cell>
        </row>
        <row r="48">
          <cell r="C48" t="str">
            <v>4.       Potential Increases to Capacity IEA Wind Member Countries</v>
          </cell>
          <cell r="D48">
            <v>2016</v>
          </cell>
          <cell r="E48">
            <v>2016</v>
          </cell>
          <cell r="F48">
            <v>2016</v>
          </cell>
          <cell r="G48">
            <v>2016</v>
          </cell>
          <cell r="H48">
            <v>2016</v>
          </cell>
          <cell r="I48">
            <v>2016</v>
          </cell>
          <cell r="J48">
            <v>2016</v>
          </cell>
          <cell r="K48">
            <v>2016</v>
          </cell>
          <cell r="L48">
            <v>2016</v>
          </cell>
          <cell r="M48">
            <v>2016</v>
          </cell>
          <cell r="N48">
            <v>2016</v>
          </cell>
          <cell r="O48">
            <v>2016</v>
          </cell>
          <cell r="P48">
            <v>2016</v>
          </cell>
          <cell r="Q48">
            <v>2016</v>
          </cell>
          <cell r="R48">
            <v>2016</v>
          </cell>
          <cell r="S48">
            <v>2016</v>
          </cell>
          <cell r="T48">
            <v>2016</v>
          </cell>
          <cell r="U48">
            <v>2016</v>
          </cell>
          <cell r="V48">
            <v>2016</v>
          </cell>
          <cell r="W48">
            <v>2016</v>
          </cell>
          <cell r="X48">
            <v>2016</v>
          </cell>
        </row>
        <row r="49">
          <cell r="C49" t="str">
            <v xml:space="preserve">Projects approved by all planning bodies (MW) (land-based) </v>
          </cell>
          <cell r="D49">
            <v>700</v>
          </cell>
          <cell r="E49">
            <v>1643</v>
          </cell>
          <cell r="F49">
            <v>750</v>
          </cell>
          <cell r="I49">
            <v>400</v>
          </cell>
          <cell r="J49">
            <v>2239</v>
          </cell>
          <cell r="O49">
            <v>400</v>
          </cell>
          <cell r="P49">
            <v>47</v>
          </cell>
          <cell r="R49">
            <v>5328</v>
          </cell>
          <cell r="T49">
            <v>500</v>
          </cell>
          <cell r="U49">
            <v>8779</v>
          </cell>
          <cell r="W49">
            <v>844</v>
          </cell>
          <cell r="X49">
            <v>7913</v>
          </cell>
        </row>
        <row r="50">
          <cell r="C50" t="str">
            <v>Projects approved by all planning bodies (MW) (offshore)</v>
          </cell>
          <cell r="F50">
            <v>0</v>
          </cell>
          <cell r="H50">
            <v>978</v>
          </cell>
          <cell r="S50">
            <v>25</v>
          </cell>
          <cell r="T50">
            <v>0</v>
          </cell>
          <cell r="U50">
            <v>2267</v>
          </cell>
          <cell r="W50">
            <v>1818</v>
          </cell>
          <cell r="X50">
            <v>0</v>
          </cell>
        </row>
        <row r="51">
          <cell r="C51" t="str">
            <v>Projects currently under construction (MW) (land-based)</v>
          </cell>
          <cell r="D51">
            <v>370</v>
          </cell>
          <cell r="E51">
            <v>250</v>
          </cell>
          <cell r="I51">
            <v>470</v>
          </cell>
          <cell r="O51">
            <v>400</v>
          </cell>
          <cell r="P51">
            <v>25</v>
          </cell>
          <cell r="R51">
            <v>1236</v>
          </cell>
          <cell r="T51">
            <v>0</v>
          </cell>
          <cell r="U51">
            <v>517</v>
          </cell>
          <cell r="W51">
            <v>2810</v>
          </cell>
          <cell r="X51">
            <v>10432</v>
          </cell>
        </row>
        <row r="52">
          <cell r="C52" t="str">
            <v xml:space="preserve">Projects currently under construction (MW) (offshore) </v>
          </cell>
          <cell r="F52">
            <v>0</v>
          </cell>
          <cell r="H52">
            <v>406.7</v>
          </cell>
          <cell r="I52">
            <v>58.5</v>
          </cell>
          <cell r="K52">
            <v>1198</v>
          </cell>
          <cell r="S52">
            <v>25</v>
          </cell>
          <cell r="T52">
            <v>0</v>
          </cell>
          <cell r="U52">
            <v>0</v>
          </cell>
          <cell r="W52">
            <v>1976</v>
          </cell>
          <cell r="X52">
            <v>0</v>
          </cell>
        </row>
        <row r="54">
          <cell r="C54" t="str">
            <v>5.       Estimated Average Turbine Cost and Average Total Installed Project Cost</v>
          </cell>
          <cell r="D54">
            <v>2016</v>
          </cell>
          <cell r="E54">
            <v>2016</v>
          </cell>
          <cell r="F54">
            <v>2016</v>
          </cell>
          <cell r="G54">
            <v>2016</v>
          </cell>
          <cell r="H54">
            <v>2016</v>
          </cell>
          <cell r="I54">
            <v>2016</v>
          </cell>
          <cell r="J54">
            <v>2016</v>
          </cell>
          <cell r="K54">
            <v>2016</v>
          </cell>
          <cell r="L54">
            <v>2016</v>
          </cell>
          <cell r="M54">
            <v>2016</v>
          </cell>
          <cell r="N54">
            <v>2016</v>
          </cell>
          <cell r="O54">
            <v>2016</v>
          </cell>
          <cell r="P54">
            <v>2016</v>
          </cell>
          <cell r="Q54">
            <v>2016</v>
          </cell>
          <cell r="R54">
            <v>2016</v>
          </cell>
          <cell r="S54">
            <v>2016</v>
          </cell>
          <cell r="T54">
            <v>2016</v>
          </cell>
          <cell r="U54">
            <v>2016</v>
          </cell>
          <cell r="V54">
            <v>2016</v>
          </cell>
          <cell r="W54">
            <v>2016</v>
          </cell>
          <cell r="X54">
            <v>2016</v>
          </cell>
        </row>
        <row r="55">
          <cell r="C55" t="str">
            <v xml:space="preserve">Average Turbine Cost (EUR/kW) (land-based) </v>
          </cell>
          <cell r="E55">
            <v>1251</v>
          </cell>
          <cell r="F55">
            <v>1880.907372400756</v>
          </cell>
          <cell r="L55">
            <v>1053</v>
          </cell>
          <cell r="P55">
            <v>1554.21</v>
          </cell>
          <cell r="R55">
            <v>900</v>
          </cell>
          <cell r="S55">
            <v>1308</v>
          </cell>
          <cell r="T55">
            <v>1053</v>
          </cell>
        </row>
        <row r="56">
          <cell r="C56" t="str">
            <v>Average Turbine Cost (EUR/kW) (offshore)</v>
          </cell>
        </row>
        <row r="57">
          <cell r="C57" t="str">
            <v>Average Total Installed Project Cost* (EUR/kW) (land-based)</v>
          </cell>
          <cell r="D57">
            <v>1849.6</v>
          </cell>
          <cell r="E57">
            <v>1686</v>
          </cell>
          <cell r="F57">
            <v>1990</v>
          </cell>
          <cell r="G57">
            <v>1166</v>
          </cell>
          <cell r="J57">
            <v>1400</v>
          </cell>
          <cell r="K57">
            <v>1527</v>
          </cell>
          <cell r="L57">
            <v>1842</v>
          </cell>
          <cell r="M57">
            <v>1580</v>
          </cell>
          <cell r="P57">
            <v>2135.08</v>
          </cell>
          <cell r="R57">
            <v>1200</v>
          </cell>
          <cell r="S57">
            <v>1635</v>
          </cell>
          <cell r="T57">
            <v>1263</v>
          </cell>
          <cell r="U57">
            <v>1161.7873077840636</v>
          </cell>
          <cell r="X57">
            <v>1426.9586093317241</v>
          </cell>
        </row>
        <row r="58">
          <cell r="C58" t="str">
            <v>Average Total Installed Project Cost* (EUR/kW) (offshore)</v>
          </cell>
          <cell r="K58">
            <v>4077</v>
          </cell>
        </row>
        <row r="59">
          <cell r="C59" t="str">
            <v>*Include: costs for turbines, roads, electrical equipment, installation, development, and grid connection per kW of installed capacity.</v>
          </cell>
        </row>
        <row r="61">
          <cell r="C61" t="str">
            <v>6.       Estimated Jobs and Economic Impact of Wind Development</v>
          </cell>
          <cell r="D61">
            <v>2016</v>
          </cell>
          <cell r="E61">
            <v>2016</v>
          </cell>
          <cell r="F61">
            <v>2016</v>
          </cell>
          <cell r="G61">
            <v>2016</v>
          </cell>
          <cell r="H61">
            <v>2016</v>
          </cell>
          <cell r="I61">
            <v>2016</v>
          </cell>
          <cell r="J61">
            <v>2016</v>
          </cell>
          <cell r="K61">
            <v>2016</v>
          </cell>
          <cell r="L61">
            <v>2016</v>
          </cell>
          <cell r="M61">
            <v>2016</v>
          </cell>
          <cell r="N61">
            <v>2016</v>
          </cell>
          <cell r="O61">
            <v>2016</v>
          </cell>
          <cell r="P61">
            <v>2016</v>
          </cell>
          <cell r="Q61">
            <v>2016</v>
          </cell>
          <cell r="R61">
            <v>2016</v>
          </cell>
          <cell r="S61">
            <v>2016</v>
          </cell>
          <cell r="T61">
            <v>2016</v>
          </cell>
          <cell r="U61">
            <v>2016</v>
          </cell>
          <cell r="V61">
            <v>2016</v>
          </cell>
          <cell r="W61">
            <v>2016</v>
          </cell>
          <cell r="X61">
            <v>2016</v>
          </cell>
        </row>
        <row r="62">
          <cell r="C62" t="str">
            <v>Estimated Number of Jobs (direct and indirect)</v>
          </cell>
          <cell r="D62">
            <v>1490</v>
          </cell>
          <cell r="E62">
            <v>12500</v>
          </cell>
          <cell r="F62">
            <v>2653</v>
          </cell>
          <cell r="G62">
            <v>507000</v>
          </cell>
          <cell r="I62">
            <v>4500</v>
          </cell>
          <cell r="J62">
            <v>19000</v>
          </cell>
          <cell r="K62">
            <v>160200</v>
          </cell>
          <cell r="L62">
            <v>3400</v>
          </cell>
          <cell r="M62">
            <v>26000</v>
          </cell>
          <cell r="O62">
            <v>2369</v>
          </cell>
          <cell r="S62">
            <v>3200</v>
          </cell>
          <cell r="T62">
            <v>22468</v>
          </cell>
        </row>
        <row r="63">
          <cell r="C63" t="str">
            <v>Economic Impact (direct and indirect) EUR</v>
          </cell>
          <cell r="D63">
            <v>408</v>
          </cell>
          <cell r="F63">
            <v>14773</v>
          </cell>
          <cell r="K63">
            <v>12360000000</v>
          </cell>
          <cell r="M63">
            <v>3923000000</v>
          </cell>
          <cell r="O63">
            <v>1214000000</v>
          </cell>
          <cell r="S63">
            <v>1348000000</v>
          </cell>
          <cell r="T63">
            <v>2710000000</v>
          </cell>
          <cell r="V63">
            <v>38500000</v>
          </cell>
        </row>
        <row r="65">
          <cell r="C65" t="str">
            <v>7.       National R&amp;D Budget</v>
          </cell>
          <cell r="D65">
            <v>2016</v>
          </cell>
          <cell r="E65">
            <v>2016</v>
          </cell>
          <cell r="F65">
            <v>2016</v>
          </cell>
          <cell r="G65">
            <v>2016</v>
          </cell>
          <cell r="H65">
            <v>2016</v>
          </cell>
          <cell r="I65">
            <v>2016</v>
          </cell>
          <cell r="J65">
            <v>2016</v>
          </cell>
          <cell r="K65">
            <v>2016</v>
          </cell>
          <cell r="L65">
            <v>2016</v>
          </cell>
          <cell r="M65">
            <v>2016</v>
          </cell>
          <cell r="N65">
            <v>2016</v>
          </cell>
          <cell r="O65">
            <v>2016</v>
          </cell>
          <cell r="P65">
            <v>2016</v>
          </cell>
          <cell r="Q65">
            <v>2016</v>
          </cell>
          <cell r="R65">
            <v>2016</v>
          </cell>
          <cell r="S65">
            <v>2016</v>
          </cell>
          <cell r="T65">
            <v>2016</v>
          </cell>
          <cell r="U65">
            <v>2016</v>
          </cell>
          <cell r="V65">
            <v>2016</v>
          </cell>
          <cell r="W65">
            <v>2016</v>
          </cell>
          <cell r="X65">
            <v>2016</v>
          </cell>
        </row>
        <row r="66">
          <cell r="C66" t="str">
            <v xml:space="preserve">National R&amp;D Budget (EUR) </v>
          </cell>
          <cell r="E66">
            <v>4.3617999999999997</v>
          </cell>
          <cell r="F66">
            <v>3420000</v>
          </cell>
          <cell r="G66">
            <v>1440000</v>
          </cell>
          <cell r="H66">
            <v>15400000</v>
          </cell>
          <cell r="I66">
            <v>1.7</v>
          </cell>
          <cell r="J66">
            <v>1895400000</v>
          </cell>
          <cell r="K66">
            <v>86240000</v>
          </cell>
          <cell r="N66">
            <v>72240000</v>
          </cell>
          <cell r="O66">
            <v>30000000</v>
          </cell>
          <cell r="R66">
            <v>10800000</v>
          </cell>
          <cell r="T66">
            <v>85500000</v>
          </cell>
          <cell r="U66">
            <v>6828826.1602574736</v>
          </cell>
          <cell r="V66">
            <v>642000000</v>
          </cell>
        </row>
        <row r="69">
          <cell r="C69" t="str">
            <v xml:space="preserve">(Mark all that apply; add a description in the blank row for any new incentive scheme not listed in this table.) </v>
          </cell>
        </row>
        <row r="70">
          <cell r="C70" t="str">
            <v>8. Incentive Program</v>
          </cell>
          <cell r="D70">
            <v>2016</v>
          </cell>
          <cell r="E70">
            <v>2016</v>
          </cell>
          <cell r="F70">
            <v>2016</v>
          </cell>
          <cell r="G70">
            <v>2016</v>
          </cell>
          <cell r="H70">
            <v>2016</v>
          </cell>
          <cell r="I70">
            <v>2016</v>
          </cell>
          <cell r="J70">
            <v>2016</v>
          </cell>
          <cell r="K70">
            <v>2016</v>
          </cell>
          <cell r="L70">
            <v>2016</v>
          </cell>
          <cell r="M70">
            <v>2016</v>
          </cell>
          <cell r="N70">
            <v>2016</v>
          </cell>
          <cell r="O70">
            <v>2016</v>
          </cell>
          <cell r="P70">
            <v>2016</v>
          </cell>
          <cell r="Q70">
            <v>2016</v>
          </cell>
          <cell r="R70">
            <v>2016</v>
          </cell>
          <cell r="S70">
            <v>2016</v>
          </cell>
          <cell r="T70">
            <v>2016</v>
          </cell>
          <cell r="U70">
            <v>2016</v>
          </cell>
          <cell r="V70">
            <v>2016</v>
          </cell>
          <cell r="W70">
            <v>2016</v>
          </cell>
          <cell r="X70">
            <v>2016</v>
          </cell>
        </row>
        <row r="71">
          <cell r="C71" t="str">
            <v>Auctions for guaranteed price</v>
          </cell>
          <cell r="D71" t="str">
            <v xml:space="preserve"> </v>
          </cell>
          <cell r="E71" t="str">
            <v xml:space="preserve"> </v>
          </cell>
          <cell r="F71" t="str">
            <v xml:space="preserve"> </v>
          </cell>
          <cell r="G71" t="str">
            <v xml:space="preserve"> </v>
          </cell>
          <cell r="H71" t="str">
            <v>Yes</v>
          </cell>
          <cell r="I71" t="str">
            <v xml:space="preserve"> </v>
          </cell>
          <cell r="J71" t="str">
            <v xml:space="preserve"> </v>
          </cell>
          <cell r="K71" t="str">
            <v xml:space="preserve"> </v>
          </cell>
          <cell r="L71" t="str">
            <v xml:space="preserve"> </v>
          </cell>
          <cell r="M71" t="str">
            <v>Yes</v>
          </cell>
          <cell r="N71" t="str">
            <v xml:space="preserve"> </v>
          </cell>
          <cell r="O71" t="str">
            <v xml:space="preserve"> </v>
          </cell>
          <cell r="P71" t="str">
            <v>Yes</v>
          </cell>
          <cell r="Q71" t="str">
            <v xml:space="preserve"> </v>
          </cell>
          <cell r="R71" t="str">
            <v xml:space="preserve"> </v>
          </cell>
          <cell r="S71" t="str">
            <v xml:space="preserve"> </v>
          </cell>
          <cell r="T71" t="str">
            <v>Yes</v>
          </cell>
          <cell r="U71" t="str">
            <v xml:space="preserve"> </v>
          </cell>
          <cell r="V71" t="str">
            <v xml:space="preserve"> </v>
          </cell>
          <cell r="W71" t="str">
            <v>Yes</v>
          </cell>
          <cell r="X71" t="str">
            <v xml:space="preserve"> </v>
          </cell>
        </row>
        <row r="72">
          <cell r="C72" t="str">
            <v>Auctions for premium</v>
          </cell>
        </row>
        <row r="73">
          <cell r="C73" t="str">
            <v>Capital subsidies</v>
          </cell>
          <cell r="D73" t="str">
            <v xml:space="preserve"> </v>
          </cell>
          <cell r="E73" t="str">
            <v xml:space="preserve"> </v>
          </cell>
          <cell r="F73" t="str">
            <v xml:space="preserve"> </v>
          </cell>
          <cell r="G73" t="str">
            <v>Yes</v>
          </cell>
          <cell r="H73" t="str">
            <v xml:space="preserve"> </v>
          </cell>
          <cell r="I73" t="str">
            <v xml:space="preserve"> </v>
          </cell>
          <cell r="J73" t="str">
            <v xml:space="preserve"> </v>
          </cell>
          <cell r="K73" t="str">
            <v xml:space="preserve"> </v>
          </cell>
          <cell r="L73" t="str">
            <v xml:space="preserve"> </v>
          </cell>
          <cell r="M73" t="str">
            <v xml:space="preserve"> </v>
          </cell>
          <cell r="N73" t="str">
            <v xml:space="preserve"> </v>
          </cell>
          <cell r="O73" t="str">
            <v xml:space="preserve"> </v>
          </cell>
          <cell r="P73" t="str">
            <v xml:space="preserve"> </v>
          </cell>
          <cell r="Q73" t="str">
            <v xml:space="preserve"> </v>
          </cell>
          <cell r="R73" t="str">
            <v xml:space="preserve"> </v>
          </cell>
          <cell r="S73" t="str">
            <v xml:space="preserve"> </v>
          </cell>
          <cell r="T73" t="str">
            <v xml:space="preserve"> </v>
          </cell>
          <cell r="U73" t="str">
            <v xml:space="preserve"> </v>
          </cell>
          <cell r="V73" t="str">
            <v xml:space="preserve"> </v>
          </cell>
          <cell r="W73" t="str">
            <v xml:space="preserve"> </v>
          </cell>
          <cell r="X73" t="str">
            <v xml:space="preserve"> </v>
          </cell>
        </row>
        <row r="74">
          <cell r="C74" t="str">
            <v xml:space="preserve">Feed-in tariff (FIT) </v>
          </cell>
          <cell r="D74" t="str">
            <v>Yes</v>
          </cell>
          <cell r="G74" t="str">
            <v>Yes</v>
          </cell>
          <cell r="H74" t="str">
            <v>Yes</v>
          </cell>
          <cell r="I74" t="str">
            <v>Yes</v>
          </cell>
          <cell r="K74" t="str">
            <v>Yes</v>
          </cell>
          <cell r="L74" t="str">
            <v>Yes</v>
          </cell>
          <cell r="M74" t="str">
            <v>Yes</v>
          </cell>
          <cell r="N74" t="str">
            <v>Yes</v>
          </cell>
          <cell r="O74" t="str">
            <v>Yes</v>
          </cell>
          <cell r="S74" t="str">
            <v>Yes</v>
          </cell>
          <cell r="V74" t="str">
            <v>Yes</v>
          </cell>
          <cell r="W74" t="str">
            <v>Yes</v>
          </cell>
          <cell r="X74" t="str">
            <v>Yes</v>
          </cell>
        </row>
        <row r="75">
          <cell r="C75" t="str">
            <v>Variable premium over market price</v>
          </cell>
          <cell r="D75" t="str">
            <v xml:space="preserve"> </v>
          </cell>
          <cell r="H75" t="str">
            <v>Yes</v>
          </cell>
          <cell r="Q75" t="str">
            <v>Yes</v>
          </cell>
          <cell r="W75" t="str">
            <v>Yes</v>
          </cell>
        </row>
        <row r="76">
          <cell r="C76" t="str">
            <v>Fixed premium over the market price</v>
          </cell>
          <cell r="D76" t="str">
            <v xml:space="preserve"> </v>
          </cell>
          <cell r="J76" t="str">
            <v>Yes</v>
          </cell>
        </row>
        <row r="77">
          <cell r="C77" t="str">
            <v>Income tax credits</v>
          </cell>
          <cell r="D77" t="str">
            <v xml:space="preserve"> </v>
          </cell>
          <cell r="G77" t="str">
            <v>Yes</v>
          </cell>
          <cell r="L77" t="str">
            <v>Yes</v>
          </cell>
          <cell r="Q77" t="str">
            <v>Yes</v>
          </cell>
          <cell r="X77" t="str">
            <v>Yes</v>
          </cell>
        </row>
        <row r="78">
          <cell r="C78" t="str">
            <v>Relief from import tax</v>
          </cell>
          <cell r="G78" t="str">
            <v>Yes</v>
          </cell>
        </row>
        <row r="79">
          <cell r="C79" t="str">
            <v>Renewable portfolio standards (RPS), renewables production obligation (RPO), or renewables obligation (RO)</v>
          </cell>
          <cell r="E79" t="str">
            <v>Yes</v>
          </cell>
          <cell r="G79" t="str">
            <v>Yes</v>
          </cell>
          <cell r="M79" t="str">
            <v>Yes</v>
          </cell>
          <cell r="O79" t="str">
            <v>Yes</v>
          </cell>
          <cell r="R79" t="str">
            <v>Yes</v>
          </cell>
          <cell r="W79" t="str">
            <v>Yes</v>
          </cell>
          <cell r="X79" t="str">
            <v>Yes</v>
          </cell>
        </row>
        <row r="80">
          <cell r="C80" t="str">
            <v>Green certificates</v>
          </cell>
          <cell r="D80" t="str">
            <v xml:space="preserve"> </v>
          </cell>
          <cell r="E80" t="str">
            <v>Yes</v>
          </cell>
          <cell r="H80" t="str">
            <v>Yes</v>
          </cell>
          <cell r="L80" t="str">
            <v>Yes</v>
          </cell>
          <cell r="M80" t="str">
            <v>Yes</v>
          </cell>
          <cell r="P80" t="str">
            <v>Yes</v>
          </cell>
          <cell r="Q80" t="str">
            <v>Yes</v>
          </cell>
          <cell r="R80" t="str">
            <v>Yes</v>
          </cell>
          <cell r="U80" t="str">
            <v>Yes</v>
          </cell>
          <cell r="X80" t="str">
            <v>Yes</v>
          </cell>
        </row>
        <row r="81">
          <cell r="C81" t="str">
            <v>Green electricity schemes</v>
          </cell>
          <cell r="D81" t="str">
            <v>Yes</v>
          </cell>
          <cell r="H81" t="str">
            <v>Yes</v>
          </cell>
          <cell r="I81" t="str">
            <v>Yes</v>
          </cell>
          <cell r="L81" t="str">
            <v>Yes</v>
          </cell>
          <cell r="Q81" t="str">
            <v>Yes</v>
          </cell>
          <cell r="R81" t="str">
            <v>Yes</v>
          </cell>
          <cell r="U81" t="str">
            <v>Yes</v>
          </cell>
          <cell r="X81" t="str">
            <v>Yes</v>
          </cell>
        </row>
        <row r="82">
          <cell r="C82" t="str">
            <v>Carbon tax</v>
          </cell>
          <cell r="D82" t="str">
            <v xml:space="preserve"> </v>
          </cell>
          <cell r="L82" t="str">
            <v>Yes</v>
          </cell>
          <cell r="Q82" t="str">
            <v>Yes</v>
          </cell>
          <cell r="R82" t="str">
            <v>Yes</v>
          </cell>
        </row>
        <row r="83">
          <cell r="C83" t="str">
            <v>Investment funds for wind energy</v>
          </cell>
          <cell r="D83" t="str">
            <v xml:space="preserve"> </v>
          </cell>
          <cell r="L83" t="str">
            <v>Yes</v>
          </cell>
          <cell r="Q83" t="str">
            <v>Yes</v>
          </cell>
          <cell r="W83" t="str">
            <v>Yes</v>
          </cell>
        </row>
        <row r="84">
          <cell r="C84" t="str">
            <v>Spatial planning activities</v>
          </cell>
          <cell r="D84" t="str">
            <v>Yes</v>
          </cell>
          <cell r="E84" t="str">
            <v>Yes</v>
          </cell>
          <cell r="G84" t="str">
            <v>Yes</v>
          </cell>
          <cell r="H84" t="str">
            <v>Yes</v>
          </cell>
          <cell r="I84" t="str">
            <v>Yes</v>
          </cell>
          <cell r="J84" t="str">
            <v>Yes</v>
          </cell>
          <cell r="L84" t="str">
            <v>Yes</v>
          </cell>
          <cell r="O84" t="str">
            <v>Yes</v>
          </cell>
          <cell r="Q84" t="str">
            <v>Yes</v>
          </cell>
          <cell r="W84" t="str">
            <v>Yes</v>
          </cell>
          <cell r="X84" t="str">
            <v>Yes</v>
          </cell>
        </row>
        <row r="85">
          <cell r="C85" t="str">
            <v>Special incentives for small wind</v>
          </cell>
          <cell r="H85" t="str">
            <v>Yes</v>
          </cell>
          <cell r="L85" t="str">
            <v>Yes</v>
          </cell>
          <cell r="M85" t="str">
            <v>Yes</v>
          </cell>
          <cell r="O85" t="str">
            <v>Yes</v>
          </cell>
          <cell r="Q85" t="str">
            <v>Yes</v>
          </cell>
          <cell r="S85" t="str">
            <v>Yes</v>
          </cell>
          <cell r="W85" t="str">
            <v>Yes</v>
          </cell>
          <cell r="X85" t="str">
            <v>Yes</v>
          </cell>
        </row>
        <row r="86">
          <cell r="C86" t="str">
            <v xml:space="preserve">Other: </v>
          </cell>
          <cell r="E86" t="str">
            <v>Yes</v>
          </cell>
          <cell r="K86" t="str">
            <v>Yes</v>
          </cell>
        </row>
        <row r="88">
          <cell r="C88" t="str">
            <v xml:space="preserve">Color Key: </v>
          </cell>
        </row>
        <row r="89">
          <cell r="C89" t="str">
            <v>Fiscal incentives</v>
          </cell>
        </row>
        <row r="90">
          <cell r="C90" t="str">
            <v>Market-oriented regulatory policy standards</v>
          </cell>
        </row>
        <row r="91">
          <cell r="C91" t="str">
            <v>Planning and policy</v>
          </cell>
        </row>
        <row r="92">
          <cell r="C92" t="str">
            <v>Small / embedded wind</v>
          </cell>
        </row>
      </sheetData>
      <sheetData sheetId="2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reland</v>
          </cell>
          <cell r="M2" t="str">
            <v>Italy</v>
          </cell>
          <cell r="N2" t="str">
            <v>Japan</v>
          </cell>
          <cell r="O2" t="str">
            <v>Korea</v>
          </cell>
          <cell r="P2" t="str">
            <v>Mexico</v>
          </cell>
          <cell r="Q2" t="str">
            <v>Netherlands</v>
          </cell>
          <cell r="R2" t="str">
            <v>Norway</v>
          </cell>
          <cell r="S2" t="str">
            <v>Portugal</v>
          </cell>
          <cell r="T2" t="str">
            <v>Spain</v>
          </cell>
          <cell r="U2" t="str">
            <v>Sweden</v>
          </cell>
          <cell r="V2" t="str">
            <v>Switzerland</v>
          </cell>
          <cell r="W2" t="str">
            <v>UK</v>
          </cell>
          <cell r="X2" t="str">
            <v>USA</v>
          </cell>
        </row>
        <row r="4">
          <cell r="C4" t="str">
            <v>1.       National Statistics of the IEA Wind Member Countries 2017</v>
          </cell>
          <cell r="E4">
            <v>2017</v>
          </cell>
          <cell r="F4">
            <v>2017</v>
          </cell>
          <cell r="G4">
            <v>2017</v>
          </cell>
          <cell r="H4">
            <v>2017</v>
          </cell>
          <cell r="I4">
            <v>2017</v>
          </cell>
          <cell r="J4">
            <v>2017</v>
          </cell>
          <cell r="K4">
            <v>2017</v>
          </cell>
          <cell r="L4">
            <v>2017</v>
          </cell>
          <cell r="M4">
            <v>2017</v>
          </cell>
          <cell r="N4">
            <v>2017</v>
          </cell>
          <cell r="O4">
            <v>2017</v>
          </cell>
          <cell r="P4">
            <v>2017</v>
          </cell>
          <cell r="Q4">
            <v>2017</v>
          </cell>
          <cell r="R4">
            <v>2017</v>
          </cell>
          <cell r="S4">
            <v>2017</v>
          </cell>
          <cell r="T4">
            <v>2017</v>
          </cell>
          <cell r="U4">
            <v>2017</v>
          </cell>
          <cell r="V4">
            <v>2017</v>
          </cell>
          <cell r="W4">
            <v>2017</v>
          </cell>
          <cell r="X4">
            <v>2017</v>
          </cell>
        </row>
        <row r="5">
          <cell r="A5">
            <v>455890.61999999994</v>
          </cell>
          <cell r="C5" t="str">
            <v>Total Installed Wind Power Capacity (land-based+offshore)</v>
          </cell>
          <cell r="D5">
            <v>2849</v>
          </cell>
          <cell r="E5">
            <v>2779.4</v>
          </cell>
          <cell r="F5">
            <v>12250</v>
          </cell>
          <cell r="G5">
            <v>188390.19</v>
          </cell>
          <cell r="H5">
            <v>5503</v>
          </cell>
          <cell r="I5">
            <v>2044</v>
          </cell>
          <cell r="J5">
            <v>13488</v>
          </cell>
          <cell r="K5">
            <v>55580</v>
          </cell>
          <cell r="L5">
            <v>3368</v>
          </cell>
          <cell r="M5">
            <v>9495.81</v>
          </cell>
          <cell r="N5">
            <v>3399</v>
          </cell>
          <cell r="O5">
            <v>1140</v>
          </cell>
          <cell r="P5">
            <v>3942.22</v>
          </cell>
          <cell r="Q5">
            <v>4201</v>
          </cell>
          <cell r="R5">
            <v>1188</v>
          </cell>
          <cell r="S5">
            <v>5313</v>
          </cell>
          <cell r="T5">
            <v>23092</v>
          </cell>
          <cell r="U5">
            <v>6611</v>
          </cell>
          <cell r="V5">
            <v>75</v>
          </cell>
          <cell r="W5">
            <v>19585</v>
          </cell>
          <cell r="X5">
            <v>88973</v>
          </cell>
        </row>
        <row r="6">
          <cell r="A6">
            <v>18748.7</v>
          </cell>
          <cell r="C6" t="str">
            <v>Total Installed Wind Power Capacity (offshore, subset of total capacity)</v>
          </cell>
          <cell r="E6">
            <v>877.2</v>
          </cell>
          <cell r="F6">
            <v>0</v>
          </cell>
          <cell r="G6">
            <v>2788</v>
          </cell>
          <cell r="H6">
            <v>1291</v>
          </cell>
          <cell r="I6">
            <v>72.7</v>
          </cell>
          <cell r="J6">
            <v>0</v>
          </cell>
          <cell r="K6">
            <v>5406</v>
          </cell>
          <cell r="L6">
            <v>25.2</v>
          </cell>
          <cell r="M6">
            <v>0</v>
          </cell>
          <cell r="N6">
            <v>64.599999999999994</v>
          </cell>
          <cell r="O6">
            <v>38</v>
          </cell>
          <cell r="P6">
            <v>0</v>
          </cell>
          <cell r="Q6">
            <v>957</v>
          </cell>
          <cell r="R6">
            <v>3</v>
          </cell>
          <cell r="T6">
            <v>5</v>
          </cell>
          <cell r="U6">
            <v>203</v>
          </cell>
          <cell r="W6">
            <v>6988</v>
          </cell>
          <cell r="X6">
            <v>30</v>
          </cell>
        </row>
        <row r="7">
          <cell r="A7">
            <v>434281.92</v>
          </cell>
          <cell r="C7" t="str">
            <v>Total Installed Wind Power Capacity (land-based)</v>
          </cell>
          <cell r="E7">
            <v>1902.2</v>
          </cell>
          <cell r="F7">
            <v>12239</v>
          </cell>
          <cell r="G7">
            <v>185602.19</v>
          </cell>
          <cell r="H7">
            <v>4212</v>
          </cell>
          <cell r="I7">
            <v>1971.3</v>
          </cell>
          <cell r="J7">
            <v>13488</v>
          </cell>
          <cell r="K7">
            <v>50174</v>
          </cell>
          <cell r="L7">
            <v>3342.8</v>
          </cell>
          <cell r="M7">
            <v>9495.81</v>
          </cell>
          <cell r="N7">
            <v>3334.4</v>
          </cell>
          <cell r="O7">
            <v>1102</v>
          </cell>
          <cell r="P7">
            <v>3942.22</v>
          </cell>
          <cell r="Q7">
            <v>3244</v>
          </cell>
          <cell r="R7">
            <v>1185</v>
          </cell>
          <cell r="S7">
            <v>5313</v>
          </cell>
          <cell r="T7">
            <v>23087</v>
          </cell>
          <cell r="U7">
            <v>6408</v>
          </cell>
          <cell r="V7">
            <v>75</v>
          </cell>
          <cell r="W7">
            <v>12597</v>
          </cell>
          <cell r="X7">
            <v>88943</v>
          </cell>
        </row>
        <row r="8">
          <cell r="A8">
            <v>42493.130000000005</v>
          </cell>
          <cell r="C8" t="str">
            <v>New wind power capacity installed (land-based+offshore)</v>
          </cell>
          <cell r="D8">
            <v>196</v>
          </cell>
          <cell r="E8">
            <v>445.59999999999991</v>
          </cell>
          <cell r="F8">
            <v>341</v>
          </cell>
          <cell r="G8">
            <v>19658.650000000001</v>
          </cell>
          <cell r="H8">
            <v>372</v>
          </cell>
          <cell r="I8">
            <v>516</v>
          </cell>
          <cell r="J8">
            <v>1665</v>
          </cell>
          <cell r="K8">
            <v>6284</v>
          </cell>
          <cell r="L8">
            <v>718.83</v>
          </cell>
          <cell r="M8">
            <v>253.85</v>
          </cell>
          <cell r="N8">
            <v>169</v>
          </cell>
          <cell r="O8">
            <v>109</v>
          </cell>
          <cell r="P8">
            <v>415.22</v>
          </cell>
          <cell r="R8">
            <v>324</v>
          </cell>
          <cell r="S8">
            <v>0</v>
          </cell>
          <cell r="T8">
            <v>96</v>
          </cell>
          <cell r="U8">
            <v>199</v>
          </cell>
          <cell r="W8">
            <v>3459</v>
          </cell>
          <cell r="X8">
            <v>7017</v>
          </cell>
        </row>
        <row r="9">
          <cell r="A9">
            <v>4429.2</v>
          </cell>
          <cell r="C9" t="str">
            <v>New wind power capacity installed (offshore)</v>
          </cell>
          <cell r="E9">
            <v>165</v>
          </cell>
          <cell r="F9">
            <v>0</v>
          </cell>
          <cell r="G9">
            <v>1160.8</v>
          </cell>
          <cell r="H9">
            <v>28</v>
          </cell>
          <cell r="I9">
            <v>68.400000000000006</v>
          </cell>
          <cell r="J9">
            <v>0</v>
          </cell>
          <cell r="K9">
            <v>1275</v>
          </cell>
          <cell r="L9">
            <v>0</v>
          </cell>
          <cell r="M9">
            <v>0</v>
          </cell>
          <cell r="N9">
            <v>5</v>
          </cell>
          <cell r="O9">
            <v>33</v>
          </cell>
          <cell r="P9">
            <v>0</v>
          </cell>
          <cell r="R9">
            <v>0</v>
          </cell>
          <cell r="T9">
            <v>0</v>
          </cell>
          <cell r="U9">
            <v>0</v>
          </cell>
          <cell r="W9">
            <v>1694</v>
          </cell>
          <cell r="X9">
            <v>0</v>
          </cell>
        </row>
        <row r="10">
          <cell r="A10">
            <v>37848.330000000009</v>
          </cell>
          <cell r="C10" t="str">
            <v>New wind power capacity installed (land-based)</v>
          </cell>
          <cell r="E10">
            <v>280.59999999999991</v>
          </cell>
          <cell r="F10">
            <v>341</v>
          </cell>
          <cell r="G10">
            <v>18497.850000000002</v>
          </cell>
          <cell r="H10">
            <v>344</v>
          </cell>
          <cell r="I10">
            <v>447.6</v>
          </cell>
          <cell r="J10">
            <v>1665</v>
          </cell>
          <cell r="K10">
            <v>5009</v>
          </cell>
          <cell r="L10">
            <v>718.83</v>
          </cell>
          <cell r="M10">
            <v>253.85</v>
          </cell>
          <cell r="N10">
            <v>164</v>
          </cell>
          <cell r="O10">
            <v>76</v>
          </cell>
          <cell r="P10">
            <v>415.22</v>
          </cell>
          <cell r="R10">
            <v>324</v>
          </cell>
          <cell r="S10">
            <v>0</v>
          </cell>
          <cell r="T10">
            <v>96</v>
          </cell>
          <cell r="U10">
            <v>179.4</v>
          </cell>
          <cell r="V10">
            <v>0</v>
          </cell>
          <cell r="W10">
            <v>1765</v>
          </cell>
          <cell r="X10">
            <v>7017</v>
          </cell>
        </row>
        <row r="11">
          <cell r="A11">
            <v>640.9</v>
          </cell>
          <cell r="C11" t="str">
            <v>Decommissioned capacity</v>
          </cell>
          <cell r="D11">
            <v>1</v>
          </cell>
          <cell r="F11">
            <v>0</v>
          </cell>
          <cell r="H11">
            <v>98</v>
          </cell>
          <cell r="I11">
            <v>3</v>
          </cell>
          <cell r="K11">
            <v>468</v>
          </cell>
          <cell r="O11">
            <v>0</v>
          </cell>
          <cell r="P11">
            <v>0</v>
          </cell>
          <cell r="R11">
            <v>9</v>
          </cell>
          <cell r="S11">
            <v>0</v>
          </cell>
          <cell r="T11">
            <v>15.5</v>
          </cell>
          <cell r="U11">
            <v>3.4</v>
          </cell>
          <cell r="W11">
            <v>0</v>
          </cell>
          <cell r="X11">
            <v>43</v>
          </cell>
        </row>
        <row r="12">
          <cell r="A12">
            <v>41776.630000000005</v>
          </cell>
          <cell r="C12" t="str">
            <v>Net addition to capacity</v>
          </cell>
          <cell r="D12">
            <v>195</v>
          </cell>
          <cell r="E12">
            <v>445.59999999999991</v>
          </cell>
          <cell r="F12">
            <v>341</v>
          </cell>
          <cell r="G12">
            <v>19658.650000000001</v>
          </cell>
          <cell r="H12">
            <v>274</v>
          </cell>
          <cell r="I12">
            <v>513</v>
          </cell>
          <cell r="J12">
            <v>1665</v>
          </cell>
          <cell r="K12">
            <v>5816</v>
          </cell>
          <cell r="L12">
            <v>718.83</v>
          </cell>
          <cell r="M12">
            <v>253.85</v>
          </cell>
          <cell r="N12">
            <v>169</v>
          </cell>
          <cell r="O12">
            <v>109</v>
          </cell>
          <cell r="P12">
            <v>415.22</v>
          </cell>
          <cell r="Q12">
            <v>-56</v>
          </cell>
          <cell r="R12">
            <v>315</v>
          </cell>
          <cell r="S12">
            <v>0</v>
          </cell>
          <cell r="T12">
            <v>80.5</v>
          </cell>
          <cell r="U12">
            <v>176</v>
          </cell>
          <cell r="V12">
            <v>0</v>
          </cell>
          <cell r="W12">
            <v>3459</v>
          </cell>
          <cell r="X12">
            <v>6974</v>
          </cell>
        </row>
        <row r="13">
          <cell r="A13">
            <v>261007</v>
          </cell>
          <cell r="C13" t="str">
            <v>Total Number of Turbines (land-based+offshore)</v>
          </cell>
          <cell r="D13">
            <v>1260</v>
          </cell>
          <cell r="F13">
            <v>6415</v>
          </cell>
          <cell r="G13">
            <v>114244</v>
          </cell>
          <cell r="H13">
            <v>4686</v>
          </cell>
          <cell r="I13">
            <v>700</v>
          </cell>
          <cell r="K13">
            <v>29844</v>
          </cell>
          <cell r="L13">
            <v>1851</v>
          </cell>
          <cell r="M13">
            <v>6734</v>
          </cell>
          <cell r="N13">
            <v>2225</v>
          </cell>
          <cell r="O13">
            <v>573</v>
          </cell>
          <cell r="P13">
            <v>2130</v>
          </cell>
          <cell r="R13">
            <v>468</v>
          </cell>
          <cell r="S13">
            <v>2746</v>
          </cell>
          <cell r="T13">
            <v>20142</v>
          </cell>
          <cell r="U13">
            <v>3376</v>
          </cell>
          <cell r="V13">
            <v>37</v>
          </cell>
          <cell r="W13">
            <v>9576</v>
          </cell>
          <cell r="X13">
            <v>54000</v>
          </cell>
        </row>
        <row r="14">
          <cell r="A14">
            <v>4494</v>
          </cell>
          <cell r="C14" t="str">
            <v xml:space="preserve">Total Number of Turbines (offshore) </v>
          </cell>
          <cell r="F14">
            <v>0</v>
          </cell>
          <cell r="G14">
            <v>805</v>
          </cell>
          <cell r="H14">
            <v>508</v>
          </cell>
          <cell r="I14">
            <v>20</v>
          </cell>
          <cell r="J14">
            <v>0</v>
          </cell>
          <cell r="K14">
            <v>1169</v>
          </cell>
          <cell r="L14">
            <v>7</v>
          </cell>
          <cell r="M14">
            <v>0</v>
          </cell>
          <cell r="N14">
            <v>29</v>
          </cell>
          <cell r="O14">
            <v>13</v>
          </cell>
          <cell r="P14">
            <v>0</v>
          </cell>
          <cell r="Q14">
            <v>289</v>
          </cell>
          <cell r="R14">
            <v>1</v>
          </cell>
          <cell r="S14">
            <v>0</v>
          </cell>
          <cell r="T14">
            <v>1</v>
          </cell>
          <cell r="U14">
            <v>82</v>
          </cell>
          <cell r="W14">
            <v>1565</v>
          </cell>
          <cell r="X14">
            <v>5</v>
          </cell>
        </row>
        <row r="15">
          <cell r="A15">
            <v>255542</v>
          </cell>
          <cell r="C15" t="str">
            <v>Total Number of Turbines (land-based)</v>
          </cell>
          <cell r="F15">
            <v>6415</v>
          </cell>
          <cell r="G15">
            <v>113439</v>
          </cell>
          <cell r="H15">
            <v>4178</v>
          </cell>
          <cell r="I15">
            <v>680</v>
          </cell>
          <cell r="J15">
            <v>0</v>
          </cell>
          <cell r="K15">
            <v>28675</v>
          </cell>
          <cell r="L15">
            <v>1844</v>
          </cell>
          <cell r="M15">
            <v>6734</v>
          </cell>
          <cell r="N15">
            <v>2196</v>
          </cell>
          <cell r="O15">
            <v>560</v>
          </cell>
          <cell r="P15">
            <v>2130</v>
          </cell>
          <cell r="R15">
            <v>467</v>
          </cell>
          <cell r="S15">
            <v>2746</v>
          </cell>
          <cell r="T15">
            <v>20141</v>
          </cell>
          <cell r="U15">
            <v>3294</v>
          </cell>
          <cell r="V15">
            <v>37</v>
          </cell>
          <cell r="W15">
            <v>8011</v>
          </cell>
          <cell r="X15">
            <v>53995</v>
          </cell>
        </row>
        <row r="16">
          <cell r="A16">
            <v>16986.261111111111</v>
          </cell>
          <cell r="C16" t="str">
            <v xml:space="preserve">Number of New Turbines (land-based+offshore) </v>
          </cell>
          <cell r="D16">
            <v>2.2611111111111111</v>
          </cell>
          <cell r="F16">
            <v>127</v>
          </cell>
          <cell r="G16">
            <v>9310</v>
          </cell>
          <cell r="H16">
            <v>106</v>
          </cell>
          <cell r="I16">
            <v>153</v>
          </cell>
          <cell r="K16">
            <v>2014</v>
          </cell>
          <cell r="L16">
            <v>263</v>
          </cell>
          <cell r="M16">
            <v>114</v>
          </cell>
          <cell r="N16">
            <v>77</v>
          </cell>
          <cell r="O16">
            <v>42</v>
          </cell>
          <cell r="P16">
            <v>130</v>
          </cell>
          <cell r="R16">
            <v>98</v>
          </cell>
          <cell r="S16">
            <v>0</v>
          </cell>
          <cell r="T16">
            <v>78</v>
          </cell>
          <cell r="U16">
            <v>46</v>
          </cell>
          <cell r="W16">
            <v>1404</v>
          </cell>
          <cell r="X16">
            <v>3022</v>
          </cell>
        </row>
        <row r="17">
          <cell r="A17">
            <v>855</v>
          </cell>
          <cell r="C17" t="str">
            <v xml:space="preserve">Number of New Turbines (offshore) </v>
          </cell>
          <cell r="F17">
            <v>0</v>
          </cell>
          <cell r="G17">
            <v>318</v>
          </cell>
          <cell r="H17">
            <v>4</v>
          </cell>
          <cell r="I17">
            <v>18</v>
          </cell>
          <cell r="J17">
            <v>0</v>
          </cell>
          <cell r="K17">
            <v>222</v>
          </cell>
          <cell r="L17">
            <v>0</v>
          </cell>
          <cell r="N17">
            <v>1</v>
          </cell>
          <cell r="O17">
            <v>11</v>
          </cell>
          <cell r="P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W17">
            <v>281</v>
          </cell>
          <cell r="X17">
            <v>0</v>
          </cell>
        </row>
        <row r="18">
          <cell r="A18">
            <v>16129</v>
          </cell>
          <cell r="C18" t="str">
            <v xml:space="preserve">Number of New Turbines (land-based) </v>
          </cell>
          <cell r="F18">
            <v>127</v>
          </cell>
          <cell r="G18">
            <v>8992</v>
          </cell>
          <cell r="H18">
            <v>102</v>
          </cell>
          <cell r="I18">
            <v>135</v>
          </cell>
          <cell r="K18">
            <v>1792</v>
          </cell>
          <cell r="L18">
            <v>263</v>
          </cell>
          <cell r="M18">
            <v>114</v>
          </cell>
          <cell r="N18">
            <v>76</v>
          </cell>
          <cell r="O18">
            <v>31</v>
          </cell>
          <cell r="P18">
            <v>130</v>
          </cell>
          <cell r="R18">
            <v>98</v>
          </cell>
          <cell r="S18">
            <v>0</v>
          </cell>
          <cell r="T18">
            <v>78</v>
          </cell>
          <cell r="U18">
            <v>46</v>
          </cell>
          <cell r="V18">
            <v>0</v>
          </cell>
          <cell r="W18">
            <v>1123</v>
          </cell>
          <cell r="X18">
            <v>3022</v>
          </cell>
        </row>
        <row r="19">
          <cell r="A19">
            <v>40328.751148283234</v>
          </cell>
          <cell r="C19" t="str">
            <v xml:space="preserve">Average Capacity of New Turbines (land-based+offshore) </v>
          </cell>
          <cell r="E19" t="str">
            <v/>
          </cell>
          <cell r="F19">
            <v>2685.0393700787404</v>
          </cell>
          <cell r="G19">
            <v>2111.5628356605798</v>
          </cell>
          <cell r="H19">
            <v>3509.433962264151</v>
          </cell>
          <cell r="I19">
            <v>3372.5490196078431</v>
          </cell>
          <cell r="K19">
            <v>3120.1588877855015</v>
          </cell>
          <cell r="L19">
            <v>2733.19391634981</v>
          </cell>
          <cell r="M19">
            <v>1940</v>
          </cell>
          <cell r="N19">
            <v>2194.8051948051948</v>
          </cell>
          <cell r="O19">
            <v>2595.2380952380954</v>
          </cell>
          <cell r="P19">
            <v>3194</v>
          </cell>
          <cell r="R19">
            <v>3306.1224489795918</v>
          </cell>
          <cell r="S19">
            <v>0</v>
          </cell>
          <cell r="T19">
            <v>1408</v>
          </cell>
          <cell r="U19">
            <v>3373</v>
          </cell>
          <cell r="W19">
            <v>2463.6752136752139</v>
          </cell>
          <cell r="X19">
            <v>2321.9722038385175</v>
          </cell>
        </row>
        <row r="20">
          <cell r="A20">
            <v>34222.027459541729</v>
          </cell>
          <cell r="C20" t="str">
            <v xml:space="preserve">Average Capacity of New Turbines (offshore) </v>
          </cell>
          <cell r="E20" t="str">
            <v/>
          </cell>
          <cell r="G20">
            <v>3650.3144654088051</v>
          </cell>
          <cell r="H20">
            <v>7000</v>
          </cell>
          <cell r="I20">
            <v>3800</v>
          </cell>
          <cell r="K20">
            <v>5743.2432432432433</v>
          </cell>
          <cell r="N20">
            <v>5000</v>
          </cell>
          <cell r="O20">
            <v>3000</v>
          </cell>
          <cell r="S20">
            <v>0</v>
          </cell>
          <cell r="W20">
            <v>6028.4697508896797</v>
          </cell>
          <cell r="X20">
            <v>0</v>
          </cell>
        </row>
        <row r="21">
          <cell r="A21">
            <v>38682.969279534394</v>
          </cell>
          <cell r="C21" t="str">
            <v>Average Capacity of New Turbines (land-based)</v>
          </cell>
          <cell r="E21" t="str">
            <v/>
          </cell>
          <cell r="F21">
            <v>2685.0393700787404</v>
          </cell>
          <cell r="G21">
            <v>2057.1452402135237</v>
          </cell>
          <cell r="H21">
            <v>3372.5490196078431</v>
          </cell>
          <cell r="I21">
            <v>3315.5555555555557</v>
          </cell>
          <cell r="K21">
            <v>2795.2008928571427</v>
          </cell>
          <cell r="L21">
            <v>2733.19391634981</v>
          </cell>
          <cell r="M21">
            <v>1940</v>
          </cell>
          <cell r="N21">
            <v>2157.8947368421054</v>
          </cell>
          <cell r="O21">
            <v>2451.6129032258063</v>
          </cell>
          <cell r="P21">
            <v>3194</v>
          </cell>
          <cell r="R21">
            <v>3306.1224489795918</v>
          </cell>
          <cell r="S21">
            <v>0</v>
          </cell>
          <cell r="T21">
            <v>1408</v>
          </cell>
          <cell r="U21">
            <v>3373</v>
          </cell>
          <cell r="W21">
            <v>1571.6829919857526</v>
          </cell>
          <cell r="X21">
            <v>2321.9722038385175</v>
          </cell>
        </row>
        <row r="22">
          <cell r="A22">
            <v>943.52708699999982</v>
          </cell>
          <cell r="C22" t="str">
            <v>Wind-Generated Electricity (TWh/yr)</v>
          </cell>
          <cell r="D22">
            <v>7.9923999999999991</v>
          </cell>
          <cell r="E22">
            <v>6.5207000000000006</v>
          </cell>
          <cell r="F22">
            <v>30.657</v>
          </cell>
          <cell r="G22">
            <v>305.7</v>
          </cell>
          <cell r="H22">
            <v>14.73</v>
          </cell>
          <cell r="I22">
            <v>4.8019999999999996</v>
          </cell>
          <cell r="J22">
            <v>22.6</v>
          </cell>
          <cell r="K22">
            <v>105.693</v>
          </cell>
          <cell r="L22">
            <v>7.4409999999999998</v>
          </cell>
          <cell r="M22">
            <v>17.5</v>
          </cell>
          <cell r="N22">
            <v>5.8</v>
          </cell>
          <cell r="O22">
            <v>2.17</v>
          </cell>
          <cell r="P22">
            <v>11.231999999999999</v>
          </cell>
          <cell r="Q22">
            <v>10.574999999999999</v>
          </cell>
          <cell r="R22">
            <v>2.85</v>
          </cell>
          <cell r="S22">
            <v>12.2</v>
          </cell>
          <cell r="T22">
            <v>47.9</v>
          </cell>
          <cell r="U22">
            <v>17.600000000000001</v>
          </cell>
          <cell r="V22">
            <v>0.13200000000000001</v>
          </cell>
          <cell r="W22">
            <v>49.640999999999998</v>
          </cell>
          <cell r="X22">
            <v>254.25399999999999</v>
          </cell>
        </row>
        <row r="23">
          <cell r="A23">
            <v>51.192651000000005</v>
          </cell>
          <cell r="C23" t="str">
            <v>Wind-Generated Electricity (offshore)</v>
          </cell>
          <cell r="E23">
            <v>2.87</v>
          </cell>
          <cell r="H23">
            <v>5.18</v>
          </cell>
          <cell r="J23">
            <v>0</v>
          </cell>
          <cell r="K23">
            <v>17.675000000000001</v>
          </cell>
          <cell r="L23">
            <v>7.7299999999999994E-2</v>
          </cell>
          <cell r="P23">
            <v>0</v>
          </cell>
          <cell r="Q23">
            <v>3.7</v>
          </cell>
          <cell r="S23">
            <v>0</v>
          </cell>
          <cell r="U23">
            <v>0.67</v>
          </cell>
          <cell r="W23">
            <v>20.916</v>
          </cell>
          <cell r="X23">
            <v>0.104351</v>
          </cell>
        </row>
        <row r="24">
          <cell r="A24">
            <v>884.352036</v>
          </cell>
          <cell r="C24" t="str">
            <v>Wind-Generated Electricity (land-based)</v>
          </cell>
          <cell r="E24">
            <v>3.6507000000000005</v>
          </cell>
          <cell r="F24">
            <v>30.657</v>
          </cell>
          <cell r="G24">
            <v>305.7</v>
          </cell>
          <cell r="H24">
            <v>9.5500000000000007</v>
          </cell>
          <cell r="I24">
            <v>4.8019999999999996</v>
          </cell>
          <cell r="J24">
            <v>22.6</v>
          </cell>
          <cell r="K24">
            <v>88.018000000000001</v>
          </cell>
          <cell r="L24">
            <v>7.3636999999999997</v>
          </cell>
          <cell r="M24">
            <v>17.5</v>
          </cell>
          <cell r="N24">
            <v>5.8</v>
          </cell>
          <cell r="O24">
            <v>2.17</v>
          </cell>
          <cell r="P24">
            <v>11.231999999999999</v>
          </cell>
          <cell r="Q24">
            <v>6.8749999999999991</v>
          </cell>
          <cell r="R24">
            <v>2.85</v>
          </cell>
          <cell r="S24">
            <v>12.2</v>
          </cell>
          <cell r="T24">
            <v>47.9</v>
          </cell>
          <cell r="U24">
            <v>16.940000000000001</v>
          </cell>
          <cell r="V24">
            <v>0.13200000000000001</v>
          </cell>
          <cell r="W24">
            <v>28.724999999999998</v>
          </cell>
          <cell r="X24">
            <v>254.14964899999998</v>
          </cell>
        </row>
        <row r="25">
          <cell r="A25">
            <v>15523.204057528048</v>
          </cell>
          <cell r="C25" t="str">
            <v>National Electricity Demand (TWh/yr)</v>
          </cell>
          <cell r="D25">
            <v>75.399999999999991</v>
          </cell>
          <cell r="E25">
            <v>83.745099999999994</v>
          </cell>
          <cell r="F25">
            <v>584.61500000000001</v>
          </cell>
          <cell r="G25">
            <v>6307.7</v>
          </cell>
          <cell r="H25">
            <v>34.01</v>
          </cell>
          <cell r="I25">
            <v>85.5</v>
          </cell>
          <cell r="J25">
            <v>470.83333333333337</v>
          </cell>
          <cell r="K25">
            <v>601.29999999999995</v>
          </cell>
          <cell r="L25">
            <v>30</v>
          </cell>
          <cell r="M25">
            <v>320.39999999999998</v>
          </cell>
          <cell r="N25">
            <v>906.2</v>
          </cell>
          <cell r="O25">
            <v>521</v>
          </cell>
          <cell r="P25">
            <v>309.608</v>
          </cell>
          <cell r="Q25">
            <v>119.91</v>
          </cell>
          <cell r="R25">
            <v>134.1</v>
          </cell>
          <cell r="S25">
            <v>51.160699999999999</v>
          </cell>
          <cell r="T25">
            <v>268.14</v>
          </cell>
          <cell r="U25">
            <v>141.69292419471509</v>
          </cell>
          <cell r="V25">
            <v>58.4</v>
          </cell>
          <cell r="W25">
            <v>352.642</v>
          </cell>
          <cell r="X25">
            <v>4014.8040000000001</v>
          </cell>
        </row>
        <row r="26">
          <cell r="A26">
            <v>6.07817228649025E-2</v>
          </cell>
          <cell r="C26" t="str">
            <v>Share of National Electricity Demand met by Wind</v>
          </cell>
          <cell r="D26">
            <v>0.106</v>
          </cell>
          <cell r="E26">
            <v>7.7863660082798894E-2</v>
          </cell>
          <cell r="F26">
            <v>5.2439639762920896E-2</v>
          </cell>
          <cell r="G26">
            <v>4.8464575043201168E-2</v>
          </cell>
          <cell r="H26">
            <v>0.4331079094384005</v>
          </cell>
          <cell r="I26">
            <v>5.6163742690058478E-2</v>
          </cell>
          <cell r="J26">
            <v>4.8000000000000001E-2</v>
          </cell>
          <cell r="K26">
            <v>0.17577415599534343</v>
          </cell>
          <cell r="L26">
            <v>0.24803333333333299</v>
          </cell>
          <cell r="M26">
            <v>5.4619225967540576E-2</v>
          </cell>
          <cell r="N26">
            <v>6.4003531229309199E-3</v>
          </cell>
          <cell r="O26">
            <v>4.1650671785028789E-3</v>
          </cell>
          <cell r="P26">
            <v>3.6278132348001341E-2</v>
          </cell>
          <cell r="Q26">
            <v>8.819114335751814E-2</v>
          </cell>
          <cell r="R26">
            <v>2.1252796420581657E-2</v>
          </cell>
          <cell r="S26">
            <v>0.23955888015605731</v>
          </cell>
          <cell r="T26">
            <v>0.182</v>
          </cell>
          <cell r="U26">
            <v>0.12421227171382247</v>
          </cell>
          <cell r="V26">
            <v>2.2602739726027398E-3</v>
          </cell>
          <cell r="W26">
            <v>0.14000000000000001</v>
          </cell>
          <cell r="X26">
            <v>6.3329118930836967E-2</v>
          </cell>
        </row>
        <row r="27">
          <cell r="A27">
            <v>5.2825589732748206</v>
          </cell>
          <cell r="C27" t="str">
            <v>Average National Capacity Factor (land-based+offshore)</v>
          </cell>
          <cell r="E27">
            <v>0.29115706255132656</v>
          </cell>
          <cell r="F27">
            <v>0.28998280931736137</v>
          </cell>
          <cell r="G27">
            <v>0.1954362187592035</v>
          </cell>
          <cell r="H27">
            <v>0.31625105309668394</v>
          </cell>
          <cell r="I27">
            <v>0.26818665165446898</v>
          </cell>
          <cell r="J27">
            <v>0.20385671651053588</v>
          </cell>
          <cell r="K27">
            <v>0.23008907584011803</v>
          </cell>
          <cell r="L27">
            <v>0.28233512556377577</v>
          </cell>
          <cell r="M27">
            <v>0.21037877705821506</v>
          </cell>
          <cell r="N27">
            <v>0.19975877405973891</v>
          </cell>
          <cell r="O27">
            <v>0.21729552190979731</v>
          </cell>
          <cell r="P27">
            <v>0.34332682149459193</v>
          </cell>
          <cell r="Q27">
            <v>0.28735819586334632</v>
          </cell>
          <cell r="R27">
            <v>0.31709791983764585</v>
          </cell>
          <cell r="S27">
            <v>0.26333272313022166</v>
          </cell>
          <cell r="T27">
            <v>0.23728677875717608</v>
          </cell>
          <cell r="U27">
            <v>0.30390749055987359</v>
          </cell>
          <cell r="V27">
            <v>0.20091324200913241</v>
          </cell>
          <cell r="W27">
            <v>0.28499999999999998</v>
          </cell>
          <cell r="X27">
            <v>0.33960801530160817</v>
          </cell>
        </row>
        <row r="28">
          <cell r="A28">
            <v>3.2058119253491126</v>
          </cell>
          <cell r="C28" t="str">
            <v>Average National Capacity Factor (offshore)</v>
          </cell>
          <cell r="E28">
            <v>0.4122632072181398</v>
          </cell>
          <cell r="G28">
            <v>0</v>
          </cell>
          <cell r="H28">
            <v>0.4630573225632279</v>
          </cell>
          <cell r="I28">
            <v>0</v>
          </cell>
          <cell r="K28">
            <v>0.42312971876416916</v>
          </cell>
          <cell r="L28">
            <v>0.35016670290642893</v>
          </cell>
          <cell r="N28">
            <v>0</v>
          </cell>
          <cell r="O28">
            <v>0</v>
          </cell>
          <cell r="Q28">
            <v>0.44135259062042248</v>
          </cell>
          <cell r="R28">
            <v>0</v>
          </cell>
          <cell r="T28">
            <v>0</v>
          </cell>
          <cell r="U28">
            <v>0.37676856288098615</v>
          </cell>
          <cell r="W28">
            <v>0.34200000000000003</v>
          </cell>
          <cell r="X28">
            <v>0.39707382039573819</v>
          </cell>
        </row>
        <row r="29">
          <cell r="A29">
            <v>5.1086931802497348</v>
          </cell>
          <cell r="C29" t="str">
            <v>Average National Capacity Factor (land-based)</v>
          </cell>
          <cell r="E29">
            <v>0.23653247933620852</v>
          </cell>
          <cell r="F29">
            <v>0.28998280931736137</v>
          </cell>
          <cell r="G29">
            <v>0.19788270023791507</v>
          </cell>
          <cell r="H29">
            <v>0.26984719019847192</v>
          </cell>
          <cell r="I29">
            <v>0.27807716531311072</v>
          </cell>
          <cell r="J29">
            <v>0.20385671651053588</v>
          </cell>
          <cell r="K29">
            <v>0.21077873472507933</v>
          </cell>
          <cell r="L29">
            <v>0.28176216707902274</v>
          </cell>
          <cell r="M29">
            <v>0.21037877705821506</v>
          </cell>
          <cell r="N29">
            <v>0.20357288667476467</v>
          </cell>
          <cell r="O29">
            <v>0.22478847094116963</v>
          </cell>
          <cell r="P29">
            <v>0.34332682149459193</v>
          </cell>
          <cell r="Q29">
            <v>0.24192889999943692</v>
          </cell>
          <cell r="R29">
            <v>0.31802782576092342</v>
          </cell>
          <cell r="S29">
            <v>0.26333272313022166</v>
          </cell>
          <cell r="T29">
            <v>0.23733827551891859</v>
          </cell>
          <cell r="U29">
            <v>0.30177745854211918</v>
          </cell>
          <cell r="V29">
            <v>0.20091324200913241</v>
          </cell>
          <cell r="W29">
            <v>0.255</v>
          </cell>
          <cell r="X29">
            <v>0.33958783640253548</v>
          </cell>
        </row>
        <row r="30">
          <cell r="A30">
            <v>2.8800460031024731</v>
          </cell>
          <cell r="C30" t="str">
            <v>Average National Capacity Factor (landbased+offshore, turbines in operation the whole year)</v>
          </cell>
          <cell r="F30">
            <v>0.29399999999999998</v>
          </cell>
          <cell r="H30">
            <v>0.31900000000000001</v>
          </cell>
          <cell r="I30">
            <v>0.32500000000000001</v>
          </cell>
          <cell r="J30">
            <v>0.218</v>
          </cell>
          <cell r="L30">
            <v>0.27539999999999998</v>
          </cell>
          <cell r="M30">
            <v>0.216</v>
          </cell>
          <cell r="Q30">
            <v>0.28499999999999998</v>
          </cell>
          <cell r="R30">
            <v>0.32600000000000001</v>
          </cell>
          <cell r="S30">
            <v>0.27700000000000002</v>
          </cell>
          <cell r="X30">
            <v>0.34464600310247279</v>
          </cell>
        </row>
        <row r="31">
          <cell r="A31">
            <v>1.306</v>
          </cell>
          <cell r="C31" t="str">
            <v>Average National Capacity Factor (offshore, turbines in operation the whole year)</v>
          </cell>
          <cell r="H31">
            <v>0.46800000000000003</v>
          </cell>
          <cell r="Q31">
            <v>0.441</v>
          </cell>
          <cell r="X31">
            <v>0.39700000000000002</v>
          </cell>
        </row>
        <row r="32">
          <cell r="A32">
            <v>1.8199999999999998</v>
          </cell>
          <cell r="C32" t="str">
            <v>Average National Capacity Factor (landbased, turbines in operation the whole year)</v>
          </cell>
          <cell r="F32">
            <v>0.29399999999999998</v>
          </cell>
          <cell r="H32">
            <v>0.249</v>
          </cell>
          <cell r="J32">
            <v>0.218</v>
          </cell>
          <cell r="M32">
            <v>0.216</v>
          </cell>
          <cell r="Q32">
            <v>0.24</v>
          </cell>
          <cell r="R32">
            <v>0.32600000000000001</v>
          </cell>
          <cell r="S32">
            <v>0.27700000000000002</v>
          </cell>
        </row>
        <row r="33">
          <cell r="A33">
            <v>12.964978054200277</v>
          </cell>
          <cell r="C33" t="str">
            <v>Curtailed Electricity (estimate) % or TWH?</v>
          </cell>
          <cell r="I33">
            <v>0</v>
          </cell>
          <cell r="K33">
            <v>5.2871499999999996</v>
          </cell>
          <cell r="L33">
            <v>0.28599999999999998</v>
          </cell>
          <cell r="R33">
            <v>0</v>
          </cell>
          <cell r="S33">
            <v>0</v>
          </cell>
          <cell r="W33">
            <v>1.5422849999999999</v>
          </cell>
          <cell r="X33">
            <v>5.8495430542002769</v>
          </cell>
        </row>
        <row r="34">
          <cell r="A34">
            <v>34284257.710000001</v>
          </cell>
          <cell r="C34" t="str">
            <v>Land area (km2)</v>
          </cell>
          <cell r="D34">
            <v>82409</v>
          </cell>
          <cell r="E34">
            <v>30280</v>
          </cell>
          <cell r="F34">
            <v>9093507</v>
          </cell>
          <cell r="G34">
            <v>9388211</v>
          </cell>
          <cell r="H34">
            <v>42434</v>
          </cell>
          <cell r="I34">
            <v>338424</v>
          </cell>
          <cell r="J34">
            <v>547557</v>
          </cell>
          <cell r="K34">
            <v>357385.71</v>
          </cell>
          <cell r="L34">
            <v>70273</v>
          </cell>
          <cell r="M34">
            <v>301338</v>
          </cell>
          <cell r="N34">
            <v>364555</v>
          </cell>
          <cell r="O34">
            <v>97230</v>
          </cell>
          <cell r="P34">
            <v>1964375</v>
          </cell>
          <cell r="Q34">
            <v>41543</v>
          </cell>
          <cell r="R34">
            <v>385203</v>
          </cell>
          <cell r="S34">
            <v>92212</v>
          </cell>
          <cell r="T34">
            <v>498800</v>
          </cell>
          <cell r="U34">
            <v>447435</v>
          </cell>
          <cell r="V34">
            <v>41285</v>
          </cell>
          <cell r="W34">
            <v>242495</v>
          </cell>
          <cell r="X34">
            <v>9857306</v>
          </cell>
        </row>
        <row r="35">
          <cell r="A35">
            <v>2469575654</v>
          </cell>
          <cell r="C35" t="str">
            <v>Population</v>
          </cell>
          <cell r="E35">
            <v>11429336</v>
          </cell>
          <cell r="F35">
            <v>35150000</v>
          </cell>
          <cell r="G35">
            <v>1409517397</v>
          </cell>
          <cell r="H35">
            <v>5733551</v>
          </cell>
          <cell r="I35">
            <v>5516224</v>
          </cell>
          <cell r="J35">
            <v>64979547.999999993</v>
          </cell>
          <cell r="K35">
            <v>82576900</v>
          </cell>
          <cell r="L35">
            <v>4775000</v>
          </cell>
          <cell r="M35">
            <v>59359900</v>
          </cell>
          <cell r="N35">
            <v>127484450</v>
          </cell>
          <cell r="O35">
            <v>50982212</v>
          </cell>
          <cell r="P35">
            <v>123500000</v>
          </cell>
          <cell r="Q35">
            <v>17082000</v>
          </cell>
          <cell r="R35">
            <v>5233000</v>
          </cell>
          <cell r="S35">
            <v>10309573</v>
          </cell>
          <cell r="T35">
            <v>46354321</v>
          </cell>
          <cell r="U35">
            <v>10120242</v>
          </cell>
          <cell r="V35">
            <v>8372000</v>
          </cell>
          <cell r="W35">
            <v>66099999.999999993</v>
          </cell>
          <cell r="X35">
            <v>325000000</v>
          </cell>
        </row>
        <row r="38">
          <cell r="C38" t="str">
            <v>2.       Renewable Energy and Wind Targets for Member Countries</v>
          </cell>
          <cell r="E38">
            <v>2017</v>
          </cell>
          <cell r="F38">
            <v>2017</v>
          </cell>
          <cell r="G38">
            <v>2017</v>
          </cell>
          <cell r="H38">
            <v>2017</v>
          </cell>
          <cell r="I38">
            <v>2017</v>
          </cell>
          <cell r="J38">
            <v>2017</v>
          </cell>
          <cell r="K38">
            <v>2017</v>
          </cell>
          <cell r="L38">
            <v>2017</v>
          </cell>
          <cell r="M38">
            <v>2017</v>
          </cell>
          <cell r="N38">
            <v>2017</v>
          </cell>
          <cell r="O38">
            <v>2017</v>
          </cell>
          <cell r="P38">
            <v>2017</v>
          </cell>
          <cell r="Q38">
            <v>2017</v>
          </cell>
          <cell r="R38">
            <v>2017</v>
          </cell>
          <cell r="S38">
            <v>2017</v>
          </cell>
          <cell r="T38">
            <v>2017</v>
          </cell>
          <cell r="U38">
            <v>2017</v>
          </cell>
          <cell r="V38">
            <v>2017</v>
          </cell>
          <cell r="W38">
            <v>2017</v>
          </cell>
          <cell r="X38">
            <v>2017</v>
          </cell>
        </row>
        <row r="39">
          <cell r="C39" t="str">
            <v>Official Target Renewable Energy Sources</v>
          </cell>
          <cell r="E39">
            <v>0.13</v>
          </cell>
          <cell r="H39">
            <v>0.3</v>
          </cell>
          <cell r="I39">
            <v>0.39</v>
          </cell>
          <cell r="K39">
            <v>0.4</v>
          </cell>
          <cell r="L39">
            <v>0.16</v>
          </cell>
          <cell r="M39">
            <v>0.17</v>
          </cell>
          <cell r="N39">
            <v>0.21</v>
          </cell>
          <cell r="O39">
            <v>0.04</v>
          </cell>
          <cell r="P39">
            <v>18406</v>
          </cell>
          <cell r="Q39">
            <v>0.14000000000000001</v>
          </cell>
          <cell r="R39">
            <v>28.4</v>
          </cell>
          <cell r="S39">
            <v>0.31</v>
          </cell>
          <cell r="T39">
            <v>0.2</v>
          </cell>
          <cell r="U39">
            <v>1</v>
          </cell>
          <cell r="V39">
            <v>24.2</v>
          </cell>
          <cell r="W39">
            <v>0.3</v>
          </cell>
        </row>
        <row r="40">
          <cell r="C40" t="str">
            <v>Year for official Renewable Energy target</v>
          </cell>
          <cell r="E40">
            <v>2020</v>
          </cell>
          <cell r="H40">
            <v>2020</v>
          </cell>
          <cell r="I40">
            <v>2020</v>
          </cell>
          <cell r="K40">
            <v>2025</v>
          </cell>
          <cell r="L40">
            <v>2020</v>
          </cell>
          <cell r="M40">
            <v>2020</v>
          </cell>
          <cell r="N40">
            <v>2030</v>
          </cell>
          <cell r="P40">
            <v>2017</v>
          </cell>
          <cell r="Q40">
            <v>2020</v>
          </cell>
          <cell r="R40">
            <v>2021</v>
          </cell>
          <cell r="S40">
            <v>2020</v>
          </cell>
          <cell r="T40">
            <v>2020</v>
          </cell>
          <cell r="U40">
            <v>2040</v>
          </cell>
          <cell r="V40">
            <v>2050</v>
          </cell>
          <cell r="W40">
            <v>2020</v>
          </cell>
        </row>
        <row r="41">
          <cell r="C41" t="str">
            <v>Official Target Wind reached</v>
          </cell>
          <cell r="D41">
            <v>0.94966666666666666</v>
          </cell>
          <cell r="E41">
            <v>0.48413168437554432</v>
          </cell>
          <cell r="G41">
            <v>0.8970961428571429</v>
          </cell>
          <cell r="H41">
            <v>0.86621581887680099</v>
          </cell>
          <cell r="I41">
            <v>0.80033333333333323</v>
          </cell>
          <cell r="J41">
            <v>0.8992</v>
          </cell>
          <cell r="K41">
            <v>0.70207792207792208</v>
          </cell>
          <cell r="L41">
            <v>0.9622857142857143</v>
          </cell>
          <cell r="M41">
            <v>0.74888091482649843</v>
          </cell>
          <cell r="N41">
            <v>0.33989999999999998</v>
          </cell>
          <cell r="P41">
            <v>0.56317428571428574</v>
          </cell>
          <cell r="Q41">
            <v>0.54066666666666663</v>
          </cell>
          <cell r="S41">
            <v>1.0024528301886793</v>
          </cell>
          <cell r="T41">
            <v>0.78544217687074835</v>
          </cell>
          <cell r="U41">
            <v>0.58666666666666667</v>
          </cell>
          <cell r="V41">
            <v>0.22000000000000003</v>
          </cell>
          <cell r="X41">
            <v>0.63329118930836958</v>
          </cell>
        </row>
        <row r="42">
          <cell r="C42" t="str">
            <v>Year for official wind target</v>
          </cell>
          <cell r="E42">
            <v>2020</v>
          </cell>
          <cell r="G42">
            <v>2020</v>
          </cell>
          <cell r="H42">
            <v>2020</v>
          </cell>
          <cell r="I42">
            <v>2020</v>
          </cell>
          <cell r="J42">
            <v>2018</v>
          </cell>
          <cell r="M42">
            <v>2020</v>
          </cell>
          <cell r="N42">
            <v>2030</v>
          </cell>
          <cell r="O42">
            <v>2030</v>
          </cell>
          <cell r="P42">
            <v>2017</v>
          </cell>
          <cell r="Q42">
            <v>2020</v>
          </cell>
          <cell r="T42">
            <v>2020</v>
          </cell>
          <cell r="U42">
            <v>2020</v>
          </cell>
          <cell r="V42">
            <v>2050</v>
          </cell>
        </row>
        <row r="43">
          <cell r="Q43" t="str">
            <v>6GW on land</v>
          </cell>
          <cell r="T43">
            <v>29399.999999999996</v>
          </cell>
        </row>
        <row r="44">
          <cell r="C44" t="str">
            <v>3.       Wind Resource Compared to Average</v>
          </cell>
          <cell r="E44">
            <v>2017</v>
          </cell>
          <cell r="F44">
            <v>2017</v>
          </cell>
          <cell r="G44">
            <v>2017</v>
          </cell>
          <cell r="H44">
            <v>2017</v>
          </cell>
          <cell r="I44">
            <v>2017</v>
          </cell>
          <cell r="J44">
            <v>2017</v>
          </cell>
          <cell r="K44">
            <v>2017</v>
          </cell>
          <cell r="L44">
            <v>2017</v>
          </cell>
          <cell r="M44">
            <v>2017</v>
          </cell>
          <cell r="N44">
            <v>2017</v>
          </cell>
          <cell r="O44">
            <v>2017</v>
          </cell>
          <cell r="P44">
            <v>2017</v>
          </cell>
          <cell r="Q44">
            <v>2017</v>
          </cell>
          <cell r="R44">
            <v>2017</v>
          </cell>
          <cell r="S44">
            <v>2017</v>
          </cell>
          <cell r="T44">
            <v>2017</v>
          </cell>
          <cell r="U44">
            <v>2017</v>
          </cell>
          <cell r="V44">
            <v>2017</v>
          </cell>
          <cell r="W44">
            <v>2017</v>
          </cell>
          <cell r="X44">
            <v>2017</v>
          </cell>
        </row>
        <row r="45">
          <cell r="C45" t="str">
            <v>Wind Resource</v>
          </cell>
          <cell r="H45">
            <v>1.0229999999999999</v>
          </cell>
          <cell r="I45">
            <v>1.01</v>
          </cell>
          <cell r="Q45">
            <v>0.89</v>
          </cell>
          <cell r="R45">
            <v>1.02</v>
          </cell>
          <cell r="X45">
            <v>1.01</v>
          </cell>
        </row>
        <row r="47">
          <cell r="C47" t="str">
            <v>4.       Potential Increases to Capacity IEA Wind Member Countries</v>
          </cell>
          <cell r="E47">
            <v>2017</v>
          </cell>
          <cell r="F47">
            <v>2017</v>
          </cell>
          <cell r="G47">
            <v>2017</v>
          </cell>
          <cell r="H47">
            <v>2017</v>
          </cell>
          <cell r="I47">
            <v>2017</v>
          </cell>
          <cell r="J47">
            <v>2017</v>
          </cell>
          <cell r="K47">
            <v>2017</v>
          </cell>
          <cell r="L47">
            <v>2017</v>
          </cell>
          <cell r="M47">
            <v>2017</v>
          </cell>
          <cell r="N47">
            <v>2017</v>
          </cell>
          <cell r="O47">
            <v>2017</v>
          </cell>
          <cell r="P47">
            <v>2017</v>
          </cell>
          <cell r="Q47">
            <v>2017</v>
          </cell>
          <cell r="R47">
            <v>2017</v>
          </cell>
          <cell r="S47">
            <v>2017</v>
          </cell>
          <cell r="T47">
            <v>2017</v>
          </cell>
          <cell r="U47">
            <v>2017</v>
          </cell>
          <cell r="V47">
            <v>2017</v>
          </cell>
          <cell r="W47">
            <v>2017</v>
          </cell>
          <cell r="X47">
            <v>2017</v>
          </cell>
        </row>
        <row r="48">
          <cell r="C48" t="str">
            <v>Projects approved by all planning bodies (land-based)</v>
          </cell>
          <cell r="D48">
            <v>1000</v>
          </cell>
          <cell r="F48">
            <v>1995</v>
          </cell>
          <cell r="I48">
            <v>2000</v>
          </cell>
          <cell r="J48">
            <v>2144</v>
          </cell>
          <cell r="K48">
            <v>1714</v>
          </cell>
          <cell r="L48">
            <v>678</v>
          </cell>
          <cell r="P48">
            <v>5</v>
          </cell>
          <cell r="R48">
            <v>5512</v>
          </cell>
          <cell r="S48">
            <v>123</v>
          </cell>
          <cell r="T48">
            <v>4107</v>
          </cell>
          <cell r="U48">
            <v>7817</v>
          </cell>
          <cell r="V48">
            <v>0</v>
          </cell>
        </row>
        <row r="49">
          <cell r="C49" t="str">
            <v>Projects approved by all planning bodies (offshore)</v>
          </cell>
          <cell r="F49">
            <v>0</v>
          </cell>
          <cell r="H49">
            <v>350</v>
          </cell>
          <cell r="I49">
            <v>820</v>
          </cell>
          <cell r="M49">
            <v>30</v>
          </cell>
          <cell r="S49">
            <v>25</v>
          </cell>
          <cell r="U49">
            <v>2401</v>
          </cell>
          <cell r="V49">
            <v>0</v>
          </cell>
          <cell r="X49">
            <v>24</v>
          </cell>
        </row>
        <row r="50">
          <cell r="C50" t="str">
            <v>Projects currently under construction (land-based)</v>
          </cell>
          <cell r="F50">
            <v>624</v>
          </cell>
          <cell r="I50">
            <v>0</v>
          </cell>
          <cell r="P50">
            <v>24</v>
          </cell>
          <cell r="R50">
            <v>1630</v>
          </cell>
          <cell r="U50">
            <v>2395</v>
          </cell>
          <cell r="V50">
            <v>0</v>
          </cell>
          <cell r="X50">
            <v>28668</v>
          </cell>
        </row>
        <row r="51">
          <cell r="C51" t="str">
            <v xml:space="preserve">Projects currently under construction (offshore) </v>
          </cell>
          <cell r="F51">
            <v>0</v>
          </cell>
          <cell r="H51">
            <v>1006</v>
          </cell>
          <cell r="I51">
            <v>0</v>
          </cell>
          <cell r="K51">
            <v>780</v>
          </cell>
          <cell r="S51">
            <v>0</v>
          </cell>
          <cell r="U51">
            <v>0</v>
          </cell>
          <cell r="V51">
            <v>0</v>
          </cell>
          <cell r="X51">
            <v>0</v>
          </cell>
        </row>
        <row r="53">
          <cell r="C53" t="str">
            <v>5.       Estimated Average Turbine Cost and Average Total Installed Project Cost</v>
          </cell>
          <cell r="E53">
            <v>2017</v>
          </cell>
          <cell r="F53">
            <v>2017</v>
          </cell>
          <cell r="G53">
            <v>2017</v>
          </cell>
          <cell r="H53">
            <v>2017</v>
          </cell>
          <cell r="I53">
            <v>2017</v>
          </cell>
          <cell r="J53">
            <v>2017</v>
          </cell>
          <cell r="K53">
            <v>2017</v>
          </cell>
          <cell r="L53">
            <v>2017</v>
          </cell>
          <cell r="M53">
            <v>2017</v>
          </cell>
          <cell r="N53">
            <v>2017</v>
          </cell>
          <cell r="O53">
            <v>2017</v>
          </cell>
          <cell r="P53">
            <v>2017</v>
          </cell>
          <cell r="Q53">
            <v>2017</v>
          </cell>
          <cell r="R53">
            <v>2017</v>
          </cell>
          <cell r="S53">
            <v>2017</v>
          </cell>
          <cell r="T53">
            <v>2017</v>
          </cell>
          <cell r="U53">
            <v>2017</v>
          </cell>
          <cell r="V53">
            <v>2017</v>
          </cell>
          <cell r="W53">
            <v>2017</v>
          </cell>
          <cell r="X53">
            <v>2017</v>
          </cell>
        </row>
        <row r="54">
          <cell r="C54" t="str">
            <v>Average Turbine Cost (land-based) (EUR/kW)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451.6665439842918</v>
          </cell>
          <cell r="Q54">
            <v>0</v>
          </cell>
          <cell r="R54">
            <v>798.17448626386056</v>
          </cell>
          <cell r="S54">
            <v>1308</v>
          </cell>
          <cell r="T54">
            <v>780.43727545799698</v>
          </cell>
          <cell r="V54">
            <v>0</v>
          </cell>
          <cell r="W54">
            <v>0</v>
          </cell>
          <cell r="X54">
            <v>0</v>
          </cell>
        </row>
        <row r="55">
          <cell r="C55" t="str">
            <v>Average Turbine Cost (offshore) (EUR/kW)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T55">
            <v>0</v>
          </cell>
          <cell r="V55">
            <v>0</v>
          </cell>
          <cell r="W55">
            <v>0</v>
          </cell>
          <cell r="X55">
            <v>0</v>
          </cell>
        </row>
        <row r="56">
          <cell r="C56" t="str">
            <v>Average Total Installed Project Cost* (land-based) (EUR/kW)</v>
          </cell>
          <cell r="E56">
            <v>0</v>
          </cell>
          <cell r="F56">
            <v>1844.6699238098111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1416.8490153172866</v>
          </cell>
          <cell r="L56">
            <v>0</v>
          </cell>
          <cell r="M56">
            <v>1259.3419672163134</v>
          </cell>
          <cell r="N56">
            <v>0</v>
          </cell>
          <cell r="O56">
            <v>0</v>
          </cell>
          <cell r="P56">
            <v>2007.1427747915211</v>
          </cell>
          <cell r="Q56">
            <v>0</v>
          </cell>
          <cell r="R56">
            <v>1064.2326483518141</v>
          </cell>
          <cell r="S56">
            <v>1635</v>
          </cell>
          <cell r="T56">
            <v>931.20356730783737</v>
          </cell>
          <cell r="V56">
            <v>0</v>
          </cell>
          <cell r="W56">
            <v>0</v>
          </cell>
          <cell r="X56">
            <v>1608</v>
          </cell>
        </row>
        <row r="57">
          <cell r="C57" t="str">
            <v>Average Total Installed Project Cost* (offshore)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T57">
            <v>0</v>
          </cell>
          <cell r="V57">
            <v>0</v>
          </cell>
          <cell r="W57">
            <v>0</v>
          </cell>
          <cell r="X57">
            <v>0</v>
          </cell>
        </row>
        <row r="58">
          <cell r="C58" t="str">
            <v>*Include: costs for turbines, roads, electrical equipment, installation, development, and grid connection per kW of installed capacity.</v>
          </cell>
        </row>
        <row r="60">
          <cell r="C60" t="str">
            <v>6.       Estimated Jobs and Economic Impact of Wind Development</v>
          </cell>
          <cell r="E60">
            <v>2017</v>
          </cell>
          <cell r="F60">
            <v>2017</v>
          </cell>
          <cell r="G60">
            <v>2017</v>
          </cell>
          <cell r="H60">
            <v>2017</v>
          </cell>
          <cell r="I60">
            <v>2017</v>
          </cell>
          <cell r="J60">
            <v>2017</v>
          </cell>
          <cell r="K60">
            <v>2017</v>
          </cell>
          <cell r="L60">
            <v>2017</v>
          </cell>
          <cell r="M60">
            <v>2017</v>
          </cell>
          <cell r="N60">
            <v>2017</v>
          </cell>
          <cell r="O60">
            <v>2017</v>
          </cell>
          <cell r="P60">
            <v>2017</v>
          </cell>
          <cell r="Q60">
            <v>2017</v>
          </cell>
          <cell r="R60">
            <v>2017</v>
          </cell>
          <cell r="S60">
            <v>2017</v>
          </cell>
          <cell r="T60">
            <v>2017</v>
          </cell>
          <cell r="U60">
            <v>2017</v>
          </cell>
          <cell r="V60">
            <v>2017</v>
          </cell>
          <cell r="W60">
            <v>2017</v>
          </cell>
          <cell r="X60">
            <v>2017</v>
          </cell>
        </row>
        <row r="61">
          <cell r="A61">
            <v>184662</v>
          </cell>
          <cell r="C61" t="str">
            <v>Estimated Number of Jobs (direct and indirect)</v>
          </cell>
          <cell r="G61">
            <v>0</v>
          </cell>
          <cell r="I61">
            <v>4500</v>
          </cell>
          <cell r="J61">
            <v>19000</v>
          </cell>
          <cell r="M61">
            <v>26000</v>
          </cell>
          <cell r="S61">
            <v>3250</v>
          </cell>
          <cell r="T61">
            <v>22468</v>
          </cell>
          <cell r="W61">
            <v>2000</v>
          </cell>
          <cell r="X61">
            <v>107444</v>
          </cell>
        </row>
        <row r="62">
          <cell r="A62">
            <v>34739912154.794876</v>
          </cell>
          <cell r="C62" t="str">
            <v>Economic Impact (direct and indirect) EUR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13520000000</v>
          </cell>
          <cell r="L62">
            <v>0</v>
          </cell>
          <cell r="M62">
            <v>3482701341.7313118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T62">
            <v>0</v>
          </cell>
          <cell r="V62">
            <v>0</v>
          </cell>
          <cell r="W62">
            <v>7.2</v>
          </cell>
          <cell r="X62">
            <v>17737210805.863567</v>
          </cell>
        </row>
        <row r="64">
          <cell r="C64" t="str">
            <v>7.       National R&amp;D Budget</v>
          </cell>
          <cell r="E64">
            <v>2017</v>
          </cell>
          <cell r="F64">
            <v>2017</v>
          </cell>
          <cell r="G64">
            <v>2017</v>
          </cell>
          <cell r="H64">
            <v>2017</v>
          </cell>
          <cell r="I64">
            <v>2017</v>
          </cell>
          <cell r="J64">
            <v>2017</v>
          </cell>
          <cell r="K64">
            <v>2017</v>
          </cell>
          <cell r="L64">
            <v>2017</v>
          </cell>
          <cell r="M64">
            <v>2017</v>
          </cell>
          <cell r="N64">
            <v>2017</v>
          </cell>
          <cell r="O64">
            <v>2017</v>
          </cell>
          <cell r="P64">
            <v>2017</v>
          </cell>
          <cell r="Q64">
            <v>2017</v>
          </cell>
          <cell r="R64">
            <v>2017</v>
          </cell>
          <cell r="S64">
            <v>2017</v>
          </cell>
          <cell r="T64">
            <v>2017</v>
          </cell>
          <cell r="U64">
            <v>2017</v>
          </cell>
          <cell r="V64">
            <v>2017</v>
          </cell>
          <cell r="W64">
            <v>2017</v>
          </cell>
          <cell r="X64">
            <v>2017</v>
          </cell>
        </row>
        <row r="65">
          <cell r="A65">
            <v>213726285.68889785</v>
          </cell>
          <cell r="C65" t="str">
            <v>National R&amp;D Budget (EUR)</v>
          </cell>
          <cell r="F65">
            <v>2941716.4121524729</v>
          </cell>
          <cell r="G65">
            <v>0</v>
          </cell>
          <cell r="H65">
            <v>0</v>
          </cell>
          <cell r="I65">
            <v>1.2</v>
          </cell>
          <cell r="J65">
            <v>0</v>
          </cell>
          <cell r="K65">
            <v>109980000</v>
          </cell>
          <cell r="L65">
            <v>0</v>
          </cell>
          <cell r="M65">
            <v>0</v>
          </cell>
          <cell r="N65">
            <v>55233674.44945915</v>
          </cell>
          <cell r="O65">
            <v>0</v>
          </cell>
          <cell r="P65">
            <v>1784393.5603282449</v>
          </cell>
          <cell r="Q65">
            <v>13000000</v>
          </cell>
          <cell r="R65">
            <v>6474081.9441402024</v>
          </cell>
          <cell r="T65">
            <v>9755465.9432249628</v>
          </cell>
          <cell r="U65">
            <v>4880000</v>
          </cell>
          <cell r="V65">
            <v>676952.17959280685</v>
          </cell>
          <cell r="W65">
            <v>0</v>
          </cell>
          <cell r="X65">
            <v>9000000</v>
          </cell>
        </row>
        <row r="68">
          <cell r="C68" t="str">
            <v xml:space="preserve">(Mark all that apply; add a description in the blank row for any new incentive scheme not listed in this table.) </v>
          </cell>
        </row>
        <row r="69">
          <cell r="C69" t="str">
            <v>8. Incentive Program</v>
          </cell>
          <cell r="E69">
            <v>2017</v>
          </cell>
          <cell r="F69">
            <v>2017</v>
          </cell>
          <cell r="G69">
            <v>2017</v>
          </cell>
          <cell r="H69">
            <v>2017</v>
          </cell>
          <cell r="I69">
            <v>2017</v>
          </cell>
          <cell r="J69">
            <v>2017</v>
          </cell>
          <cell r="K69">
            <v>2017</v>
          </cell>
          <cell r="L69">
            <v>2017</v>
          </cell>
          <cell r="M69">
            <v>2017</v>
          </cell>
          <cell r="N69">
            <v>2017</v>
          </cell>
          <cell r="O69">
            <v>2017</v>
          </cell>
          <cell r="P69">
            <v>2017</v>
          </cell>
          <cell r="Q69">
            <v>2017</v>
          </cell>
          <cell r="R69">
            <v>2017</v>
          </cell>
          <cell r="S69">
            <v>2017</v>
          </cell>
          <cell r="T69">
            <v>2017</v>
          </cell>
          <cell r="U69">
            <v>2017</v>
          </cell>
          <cell r="V69">
            <v>2017</v>
          </cell>
          <cell r="W69">
            <v>2017</v>
          </cell>
          <cell r="X69">
            <v>2017</v>
          </cell>
        </row>
        <row r="70">
          <cell r="C70" t="str">
            <v>Auctions for guaranteed price</v>
          </cell>
          <cell r="F70" t="str">
            <v>Yes</v>
          </cell>
          <cell r="H70" t="str">
            <v>Yes</v>
          </cell>
          <cell r="K70" t="str">
            <v>Yes</v>
          </cell>
          <cell r="M70" t="str">
            <v>yes</v>
          </cell>
          <cell r="P70" t="str">
            <v>Yes</v>
          </cell>
          <cell r="W70" t="str">
            <v>Yes</v>
          </cell>
        </row>
        <row r="71">
          <cell r="C71" t="str">
            <v>Auctions for premium</v>
          </cell>
          <cell r="J71" t="str">
            <v>Yes</v>
          </cell>
        </row>
        <row r="72">
          <cell r="C72" t="str">
            <v>Capital subsidies</v>
          </cell>
        </row>
        <row r="73">
          <cell r="C73" t="str">
            <v xml:space="preserve">Feed-in tariff (FIT) </v>
          </cell>
          <cell r="F73" t="str">
            <v>Yes</v>
          </cell>
          <cell r="H73" t="str">
            <v>Yes</v>
          </cell>
          <cell r="I73" t="str">
            <v>Yes</v>
          </cell>
          <cell r="J73" t="str">
            <v>No</v>
          </cell>
          <cell r="K73" t="str">
            <v>Yes</v>
          </cell>
          <cell r="M73" t="str">
            <v>yes</v>
          </cell>
          <cell r="N73" t="str">
            <v>Yes</v>
          </cell>
          <cell r="O73" t="str">
            <v>Yes</v>
          </cell>
          <cell r="S73" t="str">
            <v>Yes</v>
          </cell>
          <cell r="V73" t="str">
            <v>Yes</v>
          </cell>
          <cell r="W73" t="str">
            <v>Yes</v>
          </cell>
          <cell r="X73" t="str">
            <v>Yes</v>
          </cell>
        </row>
        <row r="74">
          <cell r="C74" t="str">
            <v>Variable premium over market price</v>
          </cell>
          <cell r="H74" t="str">
            <v>Yes</v>
          </cell>
          <cell r="K74" t="str">
            <v>Yes</v>
          </cell>
          <cell r="Q74" t="str">
            <v>Yes</v>
          </cell>
          <cell r="W74" t="str">
            <v>Yes</v>
          </cell>
        </row>
        <row r="75">
          <cell r="C75" t="str">
            <v>Fixed premium over the market price</v>
          </cell>
          <cell r="J75" t="str">
            <v>Yes</v>
          </cell>
        </row>
        <row r="76">
          <cell r="C76" t="str">
            <v>Income tax credits</v>
          </cell>
          <cell r="F76" t="str">
            <v>Yes</v>
          </cell>
          <cell r="Q76" t="str">
            <v>Yes</v>
          </cell>
          <cell r="X76" t="str">
            <v>Yes</v>
          </cell>
        </row>
        <row r="77">
          <cell r="C77" t="str">
            <v>Relief from import tax</v>
          </cell>
        </row>
        <row r="78">
          <cell r="C78" t="str">
            <v>Renewable portfolio standards (RPS), renewables production obligation (RPO), or renewables obligation (RO)</v>
          </cell>
          <cell r="F78" t="str">
            <v>Yes</v>
          </cell>
          <cell r="M78" t="str">
            <v>yes</v>
          </cell>
          <cell r="O78" t="str">
            <v>Yes</v>
          </cell>
          <cell r="P78" t="str">
            <v>Yes</v>
          </cell>
          <cell r="R78" t="str">
            <v>Yes</v>
          </cell>
          <cell r="W78" t="str">
            <v>Yes</v>
          </cell>
          <cell r="X78" t="str">
            <v>Yes</v>
          </cell>
        </row>
        <row r="79">
          <cell r="C79" t="str">
            <v>Green certificates</v>
          </cell>
          <cell r="H79" t="str">
            <v>Yes</v>
          </cell>
          <cell r="M79" t="str">
            <v>yes</v>
          </cell>
          <cell r="P79" t="str">
            <v>Yes</v>
          </cell>
          <cell r="Q79" t="str">
            <v>Yes</v>
          </cell>
          <cell r="R79" t="str">
            <v>Yes</v>
          </cell>
          <cell r="U79" t="str">
            <v>Yes</v>
          </cell>
          <cell r="X79" t="str">
            <v>Yes</v>
          </cell>
        </row>
        <row r="80">
          <cell r="C80" t="str">
            <v>Green electricity schemes</v>
          </cell>
          <cell r="H80" t="str">
            <v>Yes</v>
          </cell>
          <cell r="I80" t="str">
            <v>Yes</v>
          </cell>
          <cell r="Q80" t="str">
            <v>Yes</v>
          </cell>
          <cell r="R80" t="str">
            <v>Yes</v>
          </cell>
          <cell r="U80" t="str">
            <v>Yes</v>
          </cell>
          <cell r="X80" t="str">
            <v>Yes</v>
          </cell>
        </row>
        <row r="81">
          <cell r="C81" t="str">
            <v>Carbon tax</v>
          </cell>
          <cell r="F81" t="str">
            <v>Yes</v>
          </cell>
          <cell r="Q81" t="str">
            <v>Yes</v>
          </cell>
          <cell r="R81" t="str">
            <v>Yes</v>
          </cell>
        </row>
        <row r="82">
          <cell r="C82" t="str">
            <v>Investment funds for wind energy</v>
          </cell>
          <cell r="Q82" t="str">
            <v>Yes</v>
          </cell>
          <cell r="W82" t="str">
            <v>Yes</v>
          </cell>
        </row>
        <row r="83">
          <cell r="C83" t="str">
            <v>Spatial planning activities</v>
          </cell>
          <cell r="H83" t="str">
            <v>Yes</v>
          </cell>
          <cell r="I83" t="str">
            <v>Yes</v>
          </cell>
          <cell r="O83" t="str">
            <v>Yes</v>
          </cell>
          <cell r="Q83" t="str">
            <v>Yes</v>
          </cell>
          <cell r="W83" t="str">
            <v>Yes</v>
          </cell>
        </row>
        <row r="84">
          <cell r="C84" t="str">
            <v>Special incentives for small wind</v>
          </cell>
          <cell r="F84" t="str">
            <v>Yes</v>
          </cell>
          <cell r="H84" t="str">
            <v>Yes</v>
          </cell>
          <cell r="M84" t="str">
            <v>yes</v>
          </cell>
          <cell r="O84" t="str">
            <v>Yes</v>
          </cell>
          <cell r="Q84" t="str">
            <v>Yes</v>
          </cell>
          <cell r="S84" t="str">
            <v>Yes</v>
          </cell>
          <cell r="W84" t="str">
            <v>Yes</v>
          </cell>
          <cell r="X84" t="str">
            <v>Yes</v>
          </cell>
        </row>
        <row r="85">
          <cell r="C85" t="str">
            <v xml:space="preserve">Other: </v>
          </cell>
          <cell r="K85" t="str">
            <v>Yes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 t="str">
            <v/>
          </cell>
          <cell r="E92" t="str">
            <v/>
          </cell>
          <cell r="F92">
            <v>4.0171906826386161E-3</v>
          </cell>
          <cell r="G92" t="str">
            <v/>
          </cell>
          <cell r="H92">
            <v>2.748946903316063E-3</v>
          </cell>
          <cell r="I92">
            <v>5.6813348345531034E-2</v>
          </cell>
          <cell r="J92">
            <v>1.4143283489464115E-2</v>
          </cell>
          <cell r="K92" t="str">
            <v/>
          </cell>
          <cell r="L92">
            <v>-6.9351255637757903E-3</v>
          </cell>
          <cell r="M92">
            <v>5.6212229417849369E-3</v>
          </cell>
          <cell r="N92" t="str">
            <v/>
          </cell>
          <cell r="O92" t="str">
            <v/>
          </cell>
          <cell r="P92" t="str">
            <v/>
          </cell>
          <cell r="Q92">
            <v>-2.3581958633463462E-3</v>
          </cell>
          <cell r="R92">
            <v>8.9020801623541645E-3</v>
          </cell>
          <cell r="S92">
            <v>1.3667276869778366E-2</v>
          </cell>
          <cell r="T92" t="str">
            <v/>
          </cell>
          <cell r="U92" t="str">
            <v/>
          </cell>
          <cell r="V92" t="str">
            <v/>
          </cell>
          <cell r="W92" t="str">
            <v/>
          </cell>
          <cell r="X92">
            <v>5.0379878008646184E-3</v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 t="str">
            <v/>
          </cell>
          <cell r="H93">
            <v>4.9426774367721249E-3</v>
          </cell>
          <cell r="I93" t="str">
            <v/>
          </cell>
          <cell r="J93" t="str">
            <v/>
          </cell>
          <cell r="K93" t="str">
            <v/>
          </cell>
          <cell r="L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>
            <v>-3.5259062042247713E-4</v>
          </cell>
          <cell r="R93" t="str">
            <v/>
          </cell>
          <cell r="S93" t="str">
            <v/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>
            <v>-7.3820395738166678E-5</v>
          </cell>
        </row>
        <row r="94">
          <cell r="C94" t="str">
            <v>Cap factor onshore : operating whole year minus calculated</v>
          </cell>
          <cell r="D94" t="str">
            <v/>
          </cell>
          <cell r="E94" t="str">
            <v/>
          </cell>
          <cell r="F94">
            <v>4.0171906826386161E-3</v>
          </cell>
          <cell r="G94" t="str">
            <v/>
          </cell>
          <cell r="H94">
            <v>-2.0847190198471921E-2</v>
          </cell>
          <cell r="I94" t="str">
            <v/>
          </cell>
          <cell r="J94">
            <v>1.4143283489464115E-2</v>
          </cell>
          <cell r="K94" t="str">
            <v/>
          </cell>
          <cell r="L94" t="str">
            <v/>
          </cell>
          <cell r="M94">
            <v>5.6212229417849369E-3</v>
          </cell>
          <cell r="N94" t="str">
            <v/>
          </cell>
          <cell r="O94" t="str">
            <v/>
          </cell>
          <cell r="P94" t="str">
            <v/>
          </cell>
          <cell r="Q94">
            <v>-1.9288999994369338E-3</v>
          </cell>
          <cell r="R94">
            <v>7.9721742390765904E-3</v>
          </cell>
          <cell r="S94">
            <v>1.3667276869778366E-2</v>
          </cell>
          <cell r="T94" t="str">
            <v/>
          </cell>
          <cell r="U94" t="str">
            <v/>
          </cell>
          <cell r="V94" t="str">
            <v/>
          </cell>
          <cell r="W94" t="str">
            <v/>
          </cell>
          <cell r="X94" t="str">
            <v/>
          </cell>
        </row>
        <row r="95">
          <cell r="C95" t="str">
            <v>Calculated values</v>
          </cell>
        </row>
        <row r="96">
          <cell r="C96" t="str">
            <v>increase in capacity%</v>
          </cell>
          <cell r="D96">
            <v>7.3474001507159006E-2</v>
          </cell>
          <cell r="E96">
            <v>0.19093324192304392</v>
          </cell>
          <cell r="F96">
            <v>2.8633806364934084E-2</v>
          </cell>
          <cell r="G96">
            <v>0.11650844886498399</v>
          </cell>
          <cell r="H96">
            <v>5.2400076496462042E-2</v>
          </cell>
          <cell r="I96">
            <v>0.3350751143043762</v>
          </cell>
          <cell r="J96">
            <v>0.14082720121796499</v>
          </cell>
          <cell r="K96">
            <v>0.11687163411301342</v>
          </cell>
          <cell r="L96">
            <v>0.2713415900074363</v>
          </cell>
          <cell r="M96">
            <v>2.7467117364714844E-2</v>
          </cell>
          <cell r="N96">
            <v>5.2321981424148609E-2</v>
          </cell>
          <cell r="O96">
            <v>0.10572259941804074</v>
          </cell>
          <cell r="P96">
            <v>0.11772611284377658</v>
          </cell>
          <cell r="Q96">
            <v>-1.3154803852478272E-2</v>
          </cell>
          <cell r="R96">
            <v>0.36082474226804123</v>
          </cell>
          <cell r="S96">
            <v>0</v>
          </cell>
          <cell r="T96">
            <v>3.4982508745627187E-3</v>
          </cell>
          <cell r="U96">
            <v>2.735042735042735E-2</v>
          </cell>
          <cell r="V96">
            <v>0</v>
          </cell>
          <cell r="W96">
            <v>0.21449832568522884</v>
          </cell>
          <cell r="X96">
            <v>8.5049817680703424E-2</v>
          </cell>
        </row>
        <row r="97">
          <cell r="C97" t="str">
            <v>capacity relative to country size kW/km2</v>
          </cell>
          <cell r="D97">
            <v>34.571466708733269</v>
          </cell>
          <cell r="E97">
            <v>91.789960369881115</v>
          </cell>
          <cell r="F97">
            <v>1.3471150349364662</v>
          </cell>
          <cell r="G97">
            <v>20.06667617504549</v>
          </cell>
          <cell r="H97">
            <v>129.68374416741293</v>
          </cell>
          <cell r="I97">
            <v>6.0397607734676031</v>
          </cell>
          <cell r="J97">
            <v>24.633051901445878</v>
          </cell>
          <cell r="K97">
            <v>155.51824945658851</v>
          </cell>
          <cell r="L97">
            <v>47.927368975282114</v>
          </cell>
          <cell r="M97">
            <v>31.512155785198019</v>
          </cell>
          <cell r="N97">
            <v>9.3236960129472912</v>
          </cell>
          <cell r="O97">
            <v>11.724776303609996</v>
          </cell>
          <cell r="P97">
            <v>2.0068571428571427</v>
          </cell>
          <cell r="Q97">
            <v>101.12413643694485</v>
          </cell>
          <cell r="R97">
            <v>3.0840881301547496</v>
          </cell>
          <cell r="S97">
            <v>57.617229861623215</v>
          </cell>
          <cell r="T97">
            <v>46.295108259823579</v>
          </cell>
          <cell r="U97">
            <v>14.775330494932225</v>
          </cell>
          <cell r="V97">
            <v>1.8166404263049534</v>
          </cell>
          <cell r="W97">
            <v>80.764551846429825</v>
          </cell>
          <cell r="X97">
            <v>9.0260969883657864</v>
          </cell>
        </row>
        <row r="98">
          <cell r="C98" t="str">
            <v>average capacity of all turbines MW</v>
          </cell>
          <cell r="D98">
            <v>2.2611111111111111</v>
          </cell>
          <cell r="E98" t="str">
            <v/>
          </cell>
          <cell r="F98">
            <v>1.9095869056897896</v>
          </cell>
          <cell r="G98">
            <v>1.6490160533594762</v>
          </cell>
          <cell r="H98">
            <v>1.1743491250533504</v>
          </cell>
          <cell r="I98">
            <v>2.92</v>
          </cell>
          <cell r="J98" t="str">
            <v/>
          </cell>
          <cell r="K98">
            <v>1.8623508913014342</v>
          </cell>
          <cell r="L98">
            <v>1.8195569962182605</v>
          </cell>
          <cell r="M98">
            <v>1.410129195129195</v>
          </cell>
          <cell r="N98">
            <v>1.5276404494382023</v>
          </cell>
          <cell r="O98">
            <v>1.9895287958115184</v>
          </cell>
          <cell r="P98">
            <v>1.850807511737089</v>
          </cell>
          <cell r="Q98" t="str">
            <v/>
          </cell>
          <cell r="R98">
            <v>2.5384615384615383</v>
          </cell>
          <cell r="S98">
            <v>1.9348142753095412</v>
          </cell>
          <cell r="T98">
            <v>1.1464601330553073</v>
          </cell>
          <cell r="U98">
            <v>1.9582345971563981</v>
          </cell>
          <cell r="V98">
            <v>2.0270270270270272</v>
          </cell>
          <cell r="W98">
            <v>2.045217209690894</v>
          </cell>
          <cell r="X98">
            <v>1.6476481481481482</v>
          </cell>
        </row>
        <row r="99">
          <cell r="C99" t="str">
            <v>average capacity of land-based turbines MW</v>
          </cell>
          <cell r="D99" t="str">
            <v/>
          </cell>
          <cell r="E99" t="str">
            <v/>
          </cell>
          <cell r="F99">
            <v>1.9078721745908027</v>
          </cell>
          <cell r="G99">
            <v>1.6361409215525524</v>
          </cell>
          <cell r="H99">
            <v>1.0081378650071804</v>
          </cell>
          <cell r="I99">
            <v>2.8989705882352941</v>
          </cell>
          <cell r="J99" t="str">
            <v/>
          </cell>
          <cell r="K99">
            <v>1.74974716652136</v>
          </cell>
          <cell r="L99">
            <v>1.8127982646420826</v>
          </cell>
          <cell r="M99">
            <v>1.410129195129195</v>
          </cell>
          <cell r="N99">
            <v>1.5183970856102005</v>
          </cell>
          <cell r="O99">
            <v>1.9678571428571427</v>
          </cell>
          <cell r="P99">
            <v>1.850807511737089</v>
          </cell>
          <cell r="Q99" t="str">
            <v/>
          </cell>
          <cell r="R99">
            <v>2.537473233404711</v>
          </cell>
          <cell r="S99">
            <v>1.9348142753095412</v>
          </cell>
          <cell r="T99">
            <v>1.1462688049252767</v>
          </cell>
          <cell r="U99">
            <v>1.9453551912568305</v>
          </cell>
          <cell r="V99">
            <v>2.0270270270270272</v>
          </cell>
          <cell r="W99">
            <v>1.5724628635626015</v>
          </cell>
          <cell r="X99">
            <v>1.6472451152884526</v>
          </cell>
        </row>
      </sheetData>
      <sheetData sheetId="3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reland</v>
          </cell>
          <cell r="M2" t="str">
            <v>Italy</v>
          </cell>
          <cell r="N2" t="str">
            <v>Japan</v>
          </cell>
          <cell r="O2" t="str">
            <v>Korea</v>
          </cell>
          <cell r="P2" t="str">
            <v>Mexico</v>
          </cell>
          <cell r="Q2" t="str">
            <v>Netherlands</v>
          </cell>
          <cell r="R2" t="str">
            <v>Norway</v>
          </cell>
          <cell r="S2" t="str">
            <v>Portugal</v>
          </cell>
          <cell r="T2" t="str">
            <v>Spain</v>
          </cell>
          <cell r="U2" t="str">
            <v>Sweden</v>
          </cell>
          <cell r="V2" t="str">
            <v>Switzerland</v>
          </cell>
          <cell r="W2" t="str">
            <v>UK</v>
          </cell>
          <cell r="X2" t="str">
            <v>USA</v>
          </cell>
        </row>
        <row r="4">
          <cell r="C4" t="str">
            <v>1.       National Statistics of the IEA Wind Member Countries 2018</v>
          </cell>
          <cell r="D4">
            <v>2018</v>
          </cell>
          <cell r="E4">
            <v>2018</v>
          </cell>
          <cell r="F4">
            <v>2018</v>
          </cell>
          <cell r="G4">
            <v>2018</v>
          </cell>
          <cell r="H4">
            <v>2018</v>
          </cell>
          <cell r="I4">
            <v>2018</v>
          </cell>
          <cell r="J4">
            <v>2018</v>
          </cell>
          <cell r="K4">
            <v>2018</v>
          </cell>
          <cell r="L4">
            <v>2018</v>
          </cell>
          <cell r="M4">
            <v>2018</v>
          </cell>
          <cell r="N4">
            <v>2018</v>
          </cell>
          <cell r="O4">
            <v>2018</v>
          </cell>
          <cell r="P4">
            <v>2018</v>
          </cell>
          <cell r="Q4">
            <v>2018</v>
          </cell>
          <cell r="R4">
            <v>2018</v>
          </cell>
          <cell r="S4">
            <v>2018</v>
          </cell>
          <cell r="T4">
            <v>2018</v>
          </cell>
          <cell r="U4">
            <v>2018</v>
          </cell>
          <cell r="V4">
            <v>2018</v>
          </cell>
          <cell r="W4">
            <v>2018</v>
          </cell>
          <cell r="X4">
            <v>2018</v>
          </cell>
        </row>
        <row r="5">
          <cell r="A5">
            <v>497255.43000000005</v>
          </cell>
          <cell r="C5" t="str">
            <v>Total Installed Wind Power Capacity (land-based+offshore)</v>
          </cell>
          <cell r="D5">
            <v>3027</v>
          </cell>
          <cell r="E5">
            <v>3304.9</v>
          </cell>
          <cell r="F5">
            <v>12816</v>
          </cell>
          <cell r="G5">
            <v>209534</v>
          </cell>
          <cell r="H5">
            <v>6124</v>
          </cell>
          <cell r="I5">
            <v>2041</v>
          </cell>
          <cell r="J5">
            <v>15117</v>
          </cell>
          <cell r="K5">
            <v>58721</v>
          </cell>
          <cell r="L5">
            <v>3640</v>
          </cell>
          <cell r="M5">
            <v>9958.5300000000007</v>
          </cell>
          <cell r="N5">
            <v>3653</v>
          </cell>
          <cell r="O5">
            <v>1299</v>
          </cell>
          <cell r="P5">
            <v>4907.5</v>
          </cell>
          <cell r="Q5">
            <v>4292</v>
          </cell>
          <cell r="R5">
            <v>1695</v>
          </cell>
          <cell r="S5">
            <v>5368</v>
          </cell>
          <cell r="T5">
            <v>23484</v>
          </cell>
          <cell r="U5">
            <v>7300</v>
          </cell>
          <cell r="V5">
            <v>75</v>
          </cell>
          <cell r="W5">
            <v>21605</v>
          </cell>
          <cell r="X5">
            <v>96433</v>
          </cell>
        </row>
        <row r="6">
          <cell r="A6">
            <v>23338.699999999997</v>
          </cell>
          <cell r="C6" t="str">
            <v>Total Installed Wind Power Capacity (offshore, subset of total capacity)</v>
          </cell>
          <cell r="D6">
            <v>0</v>
          </cell>
          <cell r="E6">
            <v>1185.9000000000001</v>
          </cell>
          <cell r="F6">
            <v>0</v>
          </cell>
          <cell r="G6">
            <v>4443</v>
          </cell>
          <cell r="H6">
            <v>1700</v>
          </cell>
          <cell r="I6">
            <v>72.7</v>
          </cell>
          <cell r="J6">
            <v>2</v>
          </cell>
          <cell r="K6">
            <v>6393</v>
          </cell>
          <cell r="L6">
            <v>25.2</v>
          </cell>
          <cell r="M6">
            <v>0</v>
          </cell>
          <cell r="N6">
            <v>61.6</v>
          </cell>
          <cell r="O6">
            <v>72</v>
          </cell>
          <cell r="P6">
            <v>0</v>
          </cell>
          <cell r="Q6">
            <v>957</v>
          </cell>
          <cell r="R6">
            <v>2.2999999999999998</v>
          </cell>
          <cell r="T6">
            <v>10</v>
          </cell>
          <cell r="U6">
            <v>203</v>
          </cell>
          <cell r="V6">
            <v>0</v>
          </cell>
          <cell r="W6">
            <v>8181</v>
          </cell>
          <cell r="X6">
            <v>30</v>
          </cell>
        </row>
        <row r="7">
          <cell r="A7">
            <v>473916.73000000004</v>
          </cell>
          <cell r="C7" t="str">
            <v>Total Installed Wind Power Capacity (land-based)</v>
          </cell>
          <cell r="D7">
            <v>3027</v>
          </cell>
          <cell r="E7">
            <v>2119</v>
          </cell>
          <cell r="F7">
            <v>12816</v>
          </cell>
          <cell r="G7">
            <v>205091</v>
          </cell>
          <cell r="H7">
            <v>4424</v>
          </cell>
          <cell r="I7">
            <v>1968.3</v>
          </cell>
          <cell r="J7">
            <v>15115</v>
          </cell>
          <cell r="K7">
            <v>52328</v>
          </cell>
          <cell r="L7">
            <v>3614.8</v>
          </cell>
          <cell r="M7">
            <v>9958.5300000000007</v>
          </cell>
          <cell r="N7">
            <v>3591.4</v>
          </cell>
          <cell r="O7">
            <v>1227</v>
          </cell>
          <cell r="P7">
            <v>4907.5</v>
          </cell>
          <cell r="Q7">
            <v>3335</v>
          </cell>
          <cell r="R7">
            <v>1692.7</v>
          </cell>
          <cell r="S7">
            <v>5368</v>
          </cell>
          <cell r="T7">
            <v>23474</v>
          </cell>
          <cell r="U7">
            <v>7097</v>
          </cell>
          <cell r="V7">
            <v>75</v>
          </cell>
          <cell r="W7">
            <v>13424</v>
          </cell>
          <cell r="X7">
            <v>96403</v>
          </cell>
        </row>
        <row r="8">
          <cell r="A8">
            <v>41638.35</v>
          </cell>
          <cell r="C8" t="str">
            <v>New wind power capacity installed (land-based+offshore)</v>
          </cell>
          <cell r="D8">
            <v>232</v>
          </cell>
          <cell r="E8">
            <v>525.5</v>
          </cell>
          <cell r="F8">
            <v>566</v>
          </cell>
          <cell r="G8">
            <v>21143</v>
          </cell>
          <cell r="H8">
            <v>657</v>
          </cell>
          <cell r="I8">
            <v>0</v>
          </cell>
          <cell r="J8">
            <v>1511</v>
          </cell>
          <cell r="K8">
            <v>3263</v>
          </cell>
          <cell r="L8">
            <v>337</v>
          </cell>
          <cell r="M8">
            <v>452.35</v>
          </cell>
          <cell r="N8">
            <v>261</v>
          </cell>
          <cell r="O8">
            <v>159</v>
          </cell>
          <cell r="P8">
            <v>927</v>
          </cell>
          <cell r="Q8">
            <v>91</v>
          </cell>
          <cell r="R8">
            <v>506</v>
          </cell>
          <cell r="S8">
            <v>55</v>
          </cell>
          <cell r="T8">
            <v>392</v>
          </cell>
          <cell r="U8">
            <v>716</v>
          </cell>
          <cell r="V8">
            <v>0</v>
          </cell>
          <cell r="W8">
            <v>2020</v>
          </cell>
          <cell r="X8">
            <v>7588</v>
          </cell>
        </row>
        <row r="9">
          <cell r="A9">
            <v>5496.9</v>
          </cell>
          <cell r="C9" t="str">
            <v>New wind power capacity installed (offshore)</v>
          </cell>
          <cell r="D9">
            <v>0</v>
          </cell>
          <cell r="E9">
            <v>1185.9000000000001</v>
          </cell>
          <cell r="F9">
            <v>0</v>
          </cell>
          <cell r="G9">
            <v>1655</v>
          </cell>
          <cell r="H9">
            <v>437</v>
          </cell>
          <cell r="I9">
            <v>0</v>
          </cell>
          <cell r="J9">
            <v>2</v>
          </cell>
          <cell r="K9">
            <v>990</v>
          </cell>
          <cell r="L9">
            <v>0</v>
          </cell>
          <cell r="M9">
            <v>0</v>
          </cell>
          <cell r="N9">
            <v>0</v>
          </cell>
          <cell r="O9">
            <v>34</v>
          </cell>
          <cell r="P9">
            <v>0</v>
          </cell>
          <cell r="Q9">
            <v>0</v>
          </cell>
          <cell r="R9">
            <v>0</v>
          </cell>
          <cell r="T9">
            <v>0</v>
          </cell>
          <cell r="U9">
            <v>0</v>
          </cell>
          <cell r="V9">
            <v>0</v>
          </cell>
          <cell r="W9">
            <v>1193</v>
          </cell>
          <cell r="X9">
            <v>0</v>
          </cell>
        </row>
        <row r="10">
          <cell r="A10">
            <v>36115.649999999994</v>
          </cell>
          <cell r="C10" t="str">
            <v>New wind power capacity installed (land-based)</v>
          </cell>
          <cell r="D10">
            <v>232</v>
          </cell>
          <cell r="E10">
            <v>-660.40000000000009</v>
          </cell>
          <cell r="F10">
            <v>566</v>
          </cell>
          <cell r="G10">
            <v>19488</v>
          </cell>
          <cell r="H10">
            <v>220</v>
          </cell>
          <cell r="I10">
            <v>0</v>
          </cell>
          <cell r="J10">
            <v>1509</v>
          </cell>
          <cell r="K10">
            <v>2273</v>
          </cell>
          <cell r="L10">
            <v>337</v>
          </cell>
          <cell r="M10">
            <v>452.35</v>
          </cell>
          <cell r="N10">
            <v>261</v>
          </cell>
          <cell r="O10">
            <v>125</v>
          </cell>
          <cell r="P10">
            <v>927</v>
          </cell>
          <cell r="Q10">
            <v>91</v>
          </cell>
          <cell r="R10">
            <v>506</v>
          </cell>
          <cell r="S10">
            <v>55</v>
          </cell>
          <cell r="T10">
            <v>392</v>
          </cell>
          <cell r="U10">
            <v>690.2</v>
          </cell>
          <cell r="V10">
            <v>0</v>
          </cell>
          <cell r="W10">
            <v>827</v>
          </cell>
          <cell r="X10">
            <v>7588</v>
          </cell>
        </row>
        <row r="11">
          <cell r="A11">
            <v>396.64</v>
          </cell>
          <cell r="C11" t="str">
            <v>Decommissioned capacity</v>
          </cell>
          <cell r="D11">
            <v>54</v>
          </cell>
          <cell r="F11">
            <v>0</v>
          </cell>
          <cell r="H11">
            <v>22</v>
          </cell>
          <cell r="I11">
            <v>3</v>
          </cell>
          <cell r="K11">
            <v>193</v>
          </cell>
          <cell r="O11">
            <v>2</v>
          </cell>
          <cell r="P11">
            <v>0</v>
          </cell>
          <cell r="R11">
            <v>0</v>
          </cell>
          <cell r="S11">
            <v>0</v>
          </cell>
          <cell r="T11">
            <v>0</v>
          </cell>
          <cell r="U11">
            <v>1.2</v>
          </cell>
          <cell r="V11">
            <v>0</v>
          </cell>
          <cell r="W11">
            <v>0</v>
          </cell>
          <cell r="X11">
            <v>121.44</v>
          </cell>
        </row>
        <row r="12">
          <cell r="A12">
            <v>41215.909999999996</v>
          </cell>
          <cell r="C12" t="str">
            <v>Net addition to capacity</v>
          </cell>
          <cell r="D12">
            <v>178</v>
          </cell>
          <cell r="E12">
            <v>525.5</v>
          </cell>
          <cell r="F12">
            <v>566</v>
          </cell>
          <cell r="G12">
            <v>21143</v>
          </cell>
          <cell r="H12">
            <v>635</v>
          </cell>
          <cell r="I12">
            <v>-3</v>
          </cell>
          <cell r="J12">
            <v>1511</v>
          </cell>
          <cell r="K12">
            <v>3070</v>
          </cell>
          <cell r="L12">
            <v>337</v>
          </cell>
          <cell r="M12">
            <v>452.35</v>
          </cell>
          <cell r="N12">
            <v>261</v>
          </cell>
          <cell r="O12">
            <v>157</v>
          </cell>
          <cell r="P12">
            <v>927</v>
          </cell>
          <cell r="Q12">
            <v>91</v>
          </cell>
          <cell r="R12">
            <v>506</v>
          </cell>
          <cell r="S12">
            <v>55</v>
          </cell>
          <cell r="T12">
            <v>392</v>
          </cell>
          <cell r="U12">
            <v>689</v>
          </cell>
          <cell r="V12">
            <v>0</v>
          </cell>
          <cell r="W12">
            <v>2020</v>
          </cell>
          <cell r="X12">
            <v>7466.56</v>
          </cell>
        </row>
        <row r="13">
          <cell r="A13">
            <v>281546</v>
          </cell>
          <cell r="C13" t="str">
            <v>Total Number of Turbines (land-based+offshore)</v>
          </cell>
          <cell r="D13">
            <v>1296</v>
          </cell>
          <cell r="F13">
            <v>6596</v>
          </cell>
          <cell r="G13">
            <v>123938</v>
          </cell>
          <cell r="H13">
            <v>6262</v>
          </cell>
          <cell r="I13">
            <v>698</v>
          </cell>
          <cell r="K13">
            <v>30518</v>
          </cell>
          <cell r="L13">
            <v>1946</v>
          </cell>
          <cell r="M13">
            <v>6888</v>
          </cell>
          <cell r="N13">
            <v>2310</v>
          </cell>
          <cell r="O13">
            <v>635</v>
          </cell>
          <cell r="P13">
            <v>2439</v>
          </cell>
          <cell r="Q13">
            <v>2318</v>
          </cell>
          <cell r="R13">
            <v>610</v>
          </cell>
          <cell r="S13">
            <v>2767</v>
          </cell>
          <cell r="T13">
            <v>20306</v>
          </cell>
          <cell r="U13">
            <v>3569</v>
          </cell>
          <cell r="V13">
            <v>37</v>
          </cell>
          <cell r="W13">
            <v>10292</v>
          </cell>
          <cell r="X13">
            <v>56000</v>
          </cell>
        </row>
        <row r="14">
          <cell r="A14">
            <v>5499</v>
          </cell>
          <cell r="C14" t="str">
            <v xml:space="preserve">Total Number of Turbines (offshore) </v>
          </cell>
          <cell r="D14">
            <v>0</v>
          </cell>
          <cell r="F14">
            <v>0</v>
          </cell>
          <cell r="G14">
            <v>1242</v>
          </cell>
          <cell r="H14">
            <v>558</v>
          </cell>
          <cell r="I14">
            <v>20</v>
          </cell>
          <cell r="K14">
            <v>1305</v>
          </cell>
          <cell r="L14">
            <v>7</v>
          </cell>
          <cell r="M14">
            <v>0</v>
          </cell>
          <cell r="N14">
            <v>28</v>
          </cell>
          <cell r="O14">
            <v>28</v>
          </cell>
          <cell r="P14">
            <v>0</v>
          </cell>
          <cell r="Q14">
            <v>289</v>
          </cell>
          <cell r="R14">
            <v>1</v>
          </cell>
          <cell r="S14">
            <v>0</v>
          </cell>
          <cell r="T14">
            <v>2</v>
          </cell>
          <cell r="U14">
            <v>82</v>
          </cell>
          <cell r="V14">
            <v>0</v>
          </cell>
          <cell r="W14">
            <v>1932</v>
          </cell>
          <cell r="X14">
            <v>5</v>
          </cell>
        </row>
        <row r="15">
          <cell r="A15">
            <v>276047</v>
          </cell>
          <cell r="C15" t="str">
            <v>Total Number of Turbines (land-based)</v>
          </cell>
          <cell r="D15">
            <v>1296</v>
          </cell>
          <cell r="F15">
            <v>6596</v>
          </cell>
          <cell r="G15">
            <v>122696</v>
          </cell>
          <cell r="H15">
            <v>5704</v>
          </cell>
          <cell r="I15">
            <v>678</v>
          </cell>
          <cell r="J15">
            <v>0</v>
          </cell>
          <cell r="K15">
            <v>29213</v>
          </cell>
          <cell r="L15">
            <v>1939</v>
          </cell>
          <cell r="M15">
            <v>6888</v>
          </cell>
          <cell r="N15">
            <v>2282</v>
          </cell>
          <cell r="O15">
            <v>607</v>
          </cell>
          <cell r="P15">
            <v>2439</v>
          </cell>
          <cell r="Q15">
            <v>2029</v>
          </cell>
          <cell r="R15">
            <v>609</v>
          </cell>
          <cell r="S15">
            <v>2767</v>
          </cell>
          <cell r="T15">
            <v>20304</v>
          </cell>
          <cell r="U15">
            <v>3487</v>
          </cell>
          <cell r="V15">
            <v>37</v>
          </cell>
          <cell r="W15">
            <v>8360</v>
          </cell>
          <cell r="X15">
            <v>55995</v>
          </cell>
        </row>
        <row r="16">
          <cell r="A16">
            <v>16925</v>
          </cell>
          <cell r="C16" t="str">
            <v xml:space="preserve">Number of New Turbines (land-based+offshore) </v>
          </cell>
          <cell r="D16">
            <v>71</v>
          </cell>
          <cell r="F16">
            <v>178</v>
          </cell>
          <cell r="G16">
            <v>9684</v>
          </cell>
          <cell r="H16">
            <v>120</v>
          </cell>
          <cell r="I16">
            <v>0</v>
          </cell>
          <cell r="J16">
            <v>648</v>
          </cell>
          <cell r="K16">
            <v>925</v>
          </cell>
          <cell r="L16">
            <v>119</v>
          </cell>
          <cell r="M16">
            <v>182</v>
          </cell>
          <cell r="N16">
            <v>100</v>
          </cell>
          <cell r="O16">
            <v>62</v>
          </cell>
          <cell r="P16">
            <v>320</v>
          </cell>
          <cell r="Q16">
            <v>48</v>
          </cell>
          <cell r="R16">
            <v>142</v>
          </cell>
          <cell r="S16">
            <v>21</v>
          </cell>
          <cell r="T16">
            <v>164</v>
          </cell>
          <cell r="U16">
            <v>193</v>
          </cell>
          <cell r="V16">
            <v>0</v>
          </cell>
          <cell r="W16">
            <v>701</v>
          </cell>
          <cell r="X16">
            <v>3123</v>
          </cell>
        </row>
        <row r="17">
          <cell r="A17">
            <v>1097</v>
          </cell>
          <cell r="C17" t="str">
            <v xml:space="preserve">Number of New Turbines (offshore) </v>
          </cell>
          <cell r="D17">
            <v>0</v>
          </cell>
          <cell r="E17">
            <v>42</v>
          </cell>
          <cell r="F17">
            <v>0</v>
          </cell>
          <cell r="G17">
            <v>436</v>
          </cell>
          <cell r="H17">
            <v>54</v>
          </cell>
          <cell r="I17">
            <v>0</v>
          </cell>
          <cell r="J17">
            <v>1</v>
          </cell>
          <cell r="K17">
            <v>182</v>
          </cell>
          <cell r="M17">
            <v>0</v>
          </cell>
          <cell r="O17">
            <v>15</v>
          </cell>
          <cell r="P17">
            <v>0</v>
          </cell>
          <cell r="Q17">
            <v>0</v>
          </cell>
          <cell r="R17">
            <v>0</v>
          </cell>
          <cell r="T17">
            <v>0</v>
          </cell>
          <cell r="U17">
            <v>0</v>
          </cell>
          <cell r="V17">
            <v>0</v>
          </cell>
          <cell r="W17">
            <v>367</v>
          </cell>
          <cell r="X17">
            <v>0</v>
          </cell>
        </row>
        <row r="18">
          <cell r="A18">
            <v>15870</v>
          </cell>
          <cell r="C18" t="str">
            <v xml:space="preserve">Number of New Turbines (land-based) </v>
          </cell>
          <cell r="D18">
            <v>71</v>
          </cell>
          <cell r="F18">
            <v>178</v>
          </cell>
          <cell r="G18">
            <v>9248</v>
          </cell>
          <cell r="H18">
            <v>66</v>
          </cell>
          <cell r="I18">
            <v>0</v>
          </cell>
          <cell r="J18">
            <v>647</v>
          </cell>
          <cell r="K18">
            <v>743</v>
          </cell>
          <cell r="L18">
            <v>119</v>
          </cell>
          <cell r="M18">
            <v>182</v>
          </cell>
          <cell r="N18">
            <v>100</v>
          </cell>
          <cell r="O18">
            <v>47</v>
          </cell>
          <cell r="P18">
            <v>320</v>
          </cell>
          <cell r="Q18">
            <v>48</v>
          </cell>
          <cell r="R18">
            <v>142</v>
          </cell>
          <cell r="S18">
            <v>21</v>
          </cell>
          <cell r="T18">
            <v>164</v>
          </cell>
          <cell r="U18">
            <v>193</v>
          </cell>
          <cell r="V18">
            <v>0</v>
          </cell>
          <cell r="W18">
            <v>334</v>
          </cell>
          <cell r="X18">
            <v>3123</v>
          </cell>
        </row>
        <row r="19">
          <cell r="A19">
            <v>2814.7274954489972</v>
          </cell>
          <cell r="C19" t="str">
            <v xml:space="preserve">Average Capacity of New Turbines (land-based+offshore) </v>
          </cell>
          <cell r="D19">
            <v>3267.605633802817</v>
          </cell>
          <cell r="E19" t="str">
            <v/>
          </cell>
          <cell r="F19">
            <v>3179.7752808988762</v>
          </cell>
          <cell r="G19">
            <v>2183.2920280875669</v>
          </cell>
          <cell r="H19">
            <v>5475</v>
          </cell>
          <cell r="I19" t="str">
            <v/>
          </cell>
          <cell r="J19">
            <v>2331.7901234567903</v>
          </cell>
          <cell r="K19">
            <v>3527.5675675675675</v>
          </cell>
          <cell r="L19">
            <v>2831.9327731092435</v>
          </cell>
          <cell r="M19">
            <v>2485.4395604395604</v>
          </cell>
          <cell r="N19">
            <v>2610</v>
          </cell>
          <cell r="O19">
            <v>2564.516129032258</v>
          </cell>
          <cell r="P19">
            <v>2896.875</v>
          </cell>
          <cell r="Q19">
            <v>1895.8333333333333</v>
          </cell>
          <cell r="R19">
            <v>3563.3802816901407</v>
          </cell>
          <cell r="S19">
            <v>1833</v>
          </cell>
          <cell r="T19">
            <v>2390.2439024390242</v>
          </cell>
          <cell r="U19">
            <v>3225</v>
          </cell>
          <cell r="V19" t="str">
            <v/>
          </cell>
          <cell r="W19">
            <v>2881.5977175463622</v>
          </cell>
          <cell r="X19">
            <v>2429.7150176112714</v>
          </cell>
        </row>
        <row r="20">
          <cell r="A20">
            <v>4140.8954095604686</v>
          </cell>
          <cell r="C20" t="str">
            <v xml:space="preserve">Average Capacity of New Turbines (offshore) </v>
          </cell>
          <cell r="D20" t="str">
            <v/>
          </cell>
          <cell r="F20" t="str">
            <v/>
          </cell>
          <cell r="G20">
            <v>3795.8715596330276</v>
          </cell>
          <cell r="H20">
            <v>8092.5925925925922</v>
          </cell>
          <cell r="I20" t="str">
            <v/>
          </cell>
          <cell r="J20">
            <v>2000</v>
          </cell>
          <cell r="K20">
            <v>5439.5604395604396</v>
          </cell>
          <cell r="L20" t="str">
            <v/>
          </cell>
          <cell r="M20" t="str">
            <v/>
          </cell>
          <cell r="N20" t="str">
            <v/>
          </cell>
          <cell r="O20">
            <v>2266.6666666666665</v>
          </cell>
          <cell r="P20" t="str">
            <v/>
          </cell>
          <cell r="Q20" t="str">
            <v/>
          </cell>
          <cell r="R20" t="str">
            <v/>
          </cell>
          <cell r="T20" t="str">
            <v/>
          </cell>
          <cell r="V20" t="str">
            <v/>
          </cell>
          <cell r="W20">
            <v>3250.6811989100815</v>
          </cell>
          <cell r="X20" t="str">
            <v/>
          </cell>
        </row>
        <row r="21">
          <cell r="A21">
            <v>2657.042279313448</v>
          </cell>
          <cell r="C21" t="str">
            <v>Average Capacity of New Turbines (land-based)</v>
          </cell>
          <cell r="D21">
            <v>3267.605633802817</v>
          </cell>
          <cell r="E21" t="str">
            <v/>
          </cell>
          <cell r="F21">
            <v>3179.7752808988762</v>
          </cell>
          <cell r="G21">
            <v>2107.2664359861592</v>
          </cell>
          <cell r="H21">
            <v>3333.3333333333335</v>
          </cell>
          <cell r="I21" t="str">
            <v/>
          </cell>
          <cell r="J21">
            <v>2332.3029366306027</v>
          </cell>
          <cell r="K21">
            <v>3059.2193808882907</v>
          </cell>
          <cell r="L21">
            <v>2831.9327731092435</v>
          </cell>
          <cell r="M21">
            <v>2485.4395604395604</v>
          </cell>
          <cell r="N21">
            <v>2610</v>
          </cell>
          <cell r="O21">
            <v>2659.5744680851062</v>
          </cell>
          <cell r="P21">
            <v>2896.875</v>
          </cell>
          <cell r="Q21">
            <v>1895.8333333333333</v>
          </cell>
          <cell r="R21">
            <v>3563.3802816901407</v>
          </cell>
          <cell r="S21">
            <v>1833</v>
          </cell>
          <cell r="T21">
            <v>2390.2439024390242</v>
          </cell>
          <cell r="U21">
            <v>3225</v>
          </cell>
          <cell r="V21" t="str">
            <v/>
          </cell>
          <cell r="W21">
            <v>2476.0479041916169</v>
          </cell>
          <cell r="X21">
            <v>2429.7150176112714</v>
          </cell>
        </row>
        <row r="22">
          <cell r="A22">
            <v>1045.4441245443643</v>
          </cell>
          <cell r="C22" t="str">
            <v>Wind-Generated Electricity (TWh/yr)</v>
          </cell>
          <cell r="D22">
            <v>7</v>
          </cell>
          <cell r="E22">
            <v>7.5741000000000005</v>
          </cell>
          <cell r="F22">
            <v>31.85</v>
          </cell>
          <cell r="G22">
            <v>366</v>
          </cell>
          <cell r="H22">
            <v>13.89</v>
          </cell>
          <cell r="I22">
            <v>5.8570000000000002</v>
          </cell>
          <cell r="J22">
            <v>27.8</v>
          </cell>
          <cell r="K22">
            <v>107.889</v>
          </cell>
          <cell r="L22">
            <v>8.6397665443642584</v>
          </cell>
          <cell r="M22">
            <v>17.3</v>
          </cell>
          <cell r="N22">
            <v>6.48</v>
          </cell>
          <cell r="O22">
            <v>2.456</v>
          </cell>
          <cell r="P22">
            <v>12.443</v>
          </cell>
          <cell r="Q22">
            <v>10.003</v>
          </cell>
          <cell r="R22">
            <v>3.87</v>
          </cell>
          <cell r="S22">
            <v>12.6</v>
          </cell>
          <cell r="T22">
            <v>48.9</v>
          </cell>
          <cell r="U22">
            <v>16.61</v>
          </cell>
          <cell r="V22">
            <v>0.122</v>
          </cell>
          <cell r="W22">
            <v>56.908000000000001</v>
          </cell>
          <cell r="X22">
            <v>274.952</v>
          </cell>
        </row>
        <row r="23">
          <cell r="A23">
            <v>65.641661999999997</v>
          </cell>
          <cell r="C23" t="str">
            <v>Wind-Generated Electricity (offshore)</v>
          </cell>
          <cell r="E23">
            <v>3.411</v>
          </cell>
          <cell r="G23">
            <v>7.7</v>
          </cell>
          <cell r="H23">
            <v>4.63</v>
          </cell>
          <cell r="K23">
            <v>19.178999999999998</v>
          </cell>
          <cell r="L23">
            <v>7.7299999999999994E-2</v>
          </cell>
          <cell r="P23">
            <v>0</v>
          </cell>
          <cell r="Q23">
            <v>3.452</v>
          </cell>
          <cell r="U23">
            <v>0.55000000000000004</v>
          </cell>
          <cell r="V23">
            <v>0</v>
          </cell>
          <cell r="W23">
            <v>26.524999999999999</v>
          </cell>
          <cell r="X23">
            <v>0.11736199999999999</v>
          </cell>
        </row>
        <row r="24">
          <cell r="A24">
            <v>979.81246254436428</v>
          </cell>
          <cell r="C24" t="str">
            <v>Wind-Generated Electricity (land-based)</v>
          </cell>
          <cell r="D24">
            <v>7</v>
          </cell>
          <cell r="E24">
            <v>4.1631</v>
          </cell>
          <cell r="F24">
            <v>31.85</v>
          </cell>
          <cell r="G24">
            <v>358.3</v>
          </cell>
          <cell r="H24">
            <v>9.2600000000000016</v>
          </cell>
          <cell r="I24">
            <v>5.8570000000000002</v>
          </cell>
          <cell r="J24">
            <v>27.8</v>
          </cell>
          <cell r="K24">
            <v>88.71</v>
          </cell>
          <cell r="L24">
            <v>8.5624665443642591</v>
          </cell>
          <cell r="M24">
            <v>17.3</v>
          </cell>
          <cell r="N24">
            <v>6.48</v>
          </cell>
          <cell r="O24">
            <v>2.456</v>
          </cell>
          <cell r="P24">
            <v>12.443</v>
          </cell>
          <cell r="Q24">
            <v>6.5510000000000002</v>
          </cell>
          <cell r="R24">
            <v>3.87</v>
          </cell>
          <cell r="S24">
            <v>12.6</v>
          </cell>
          <cell r="T24">
            <v>48.9</v>
          </cell>
          <cell r="U24">
            <v>16.07</v>
          </cell>
          <cell r="V24">
            <v>0.122</v>
          </cell>
          <cell r="W24">
            <v>30.383000000000003</v>
          </cell>
          <cell r="X24">
            <v>274.83463799999998</v>
          </cell>
        </row>
        <row r="25">
          <cell r="A25">
            <v>16429.729589731149</v>
          </cell>
          <cell r="C25" t="str">
            <v>National Electricity Demand (TWh/yr)</v>
          </cell>
          <cell r="D25">
            <v>63.3</v>
          </cell>
          <cell r="E25">
            <v>84.441400000000002</v>
          </cell>
          <cell r="F25">
            <v>594.6</v>
          </cell>
          <cell r="G25">
            <v>6994.7</v>
          </cell>
          <cell r="H25">
            <v>33.5</v>
          </cell>
          <cell r="I25">
            <v>87</v>
          </cell>
          <cell r="J25">
            <v>489</v>
          </cell>
          <cell r="K25">
            <v>592.29999999999995</v>
          </cell>
          <cell r="L25">
            <v>30.868486098851871</v>
          </cell>
          <cell r="M25">
            <v>320.37037037037038</v>
          </cell>
          <cell r="N25">
            <v>908.3</v>
          </cell>
          <cell r="O25">
            <v>537</v>
          </cell>
          <cell r="P25">
            <v>317.77</v>
          </cell>
          <cell r="Q25">
            <v>121.57599999999999</v>
          </cell>
          <cell r="R25">
            <v>135.4</v>
          </cell>
          <cell r="S25">
            <v>52.4</v>
          </cell>
          <cell r="T25">
            <v>257</v>
          </cell>
          <cell r="U25">
            <v>141.07233326192892</v>
          </cell>
          <cell r="V25">
            <v>57.6</v>
          </cell>
          <cell r="W25">
            <v>352.84</v>
          </cell>
          <cell r="X25">
            <v>4207.2049999999999</v>
          </cell>
        </row>
        <row r="26">
          <cell r="A26">
            <v>6.3631243523191286E-2</v>
          </cell>
          <cell r="C26" t="str">
            <v>Share of National Electricity Demand met by Wind</v>
          </cell>
          <cell r="D26">
            <v>0.115</v>
          </cell>
          <cell r="E26">
            <v>8.9696523269391565E-2</v>
          </cell>
          <cell r="F26">
            <v>5.3565422132526068E-2</v>
          </cell>
          <cell r="G26">
            <v>5.2325332037113814E-2</v>
          </cell>
          <cell r="H26">
            <v>0.41462686567164181</v>
          </cell>
          <cell r="I26">
            <v>6.7321839080459772E-2</v>
          </cell>
          <cell r="J26">
            <v>5.6850715746421268E-2</v>
          </cell>
          <cell r="K26">
            <v>0.18215262535877089</v>
          </cell>
          <cell r="L26">
            <v>0.27988954549622724</v>
          </cell>
          <cell r="M26">
            <v>5.3999999999999999E-2</v>
          </cell>
          <cell r="N26">
            <v>7.134206759881097E-3</v>
          </cell>
          <cell r="O26">
            <v>4.5735567970204838E-3</v>
          </cell>
          <cell r="P26">
            <v>3.9157252100575891E-2</v>
          </cell>
          <cell r="Q26">
            <v>8.2277752187931832E-2</v>
          </cell>
          <cell r="R26">
            <v>2.8581979320531758E-2</v>
          </cell>
          <cell r="S26">
            <v>0.24045801526717558</v>
          </cell>
          <cell r="T26">
            <v>0.19027237354085602</v>
          </cell>
          <cell r="U26">
            <v>0.11774101707923283</v>
          </cell>
          <cell r="V26">
            <v>2.1180555555555553E-3</v>
          </cell>
          <cell r="W26">
            <v>0.16128556852964518</v>
          </cell>
          <cell r="X26">
            <v>6.6000000000000003E-2</v>
          </cell>
        </row>
        <row r="27">
          <cell r="A27">
            <v>0.26309456594418262</v>
          </cell>
          <cell r="C27" t="str">
            <v>Average National Capacity Factor (land-based+offshore)</v>
          </cell>
          <cell r="D27">
            <v>0.27450592854375389</v>
          </cell>
          <cell r="E27">
            <v>0.28421454815549296</v>
          </cell>
          <cell r="F27">
            <v>0.29010171139060459</v>
          </cell>
          <cell r="G27">
            <v>0.20999345061410174</v>
          </cell>
          <cell r="H27">
            <v>0.27359441607387874</v>
          </cell>
          <cell r="I27">
            <v>0.32758809697994762</v>
          </cell>
          <cell r="J27">
            <v>0.22097385243429724</v>
          </cell>
          <cell r="K27">
            <v>0.21573311888194779</v>
          </cell>
          <cell r="L27">
            <v>0.28410621335914887</v>
          </cell>
          <cell r="M27">
            <v>0.20291962682709977</v>
          </cell>
          <cell r="N27">
            <v>0.21000029166707176</v>
          </cell>
          <cell r="O27">
            <v>0.2299018423974194</v>
          </cell>
          <cell r="P27">
            <v>0.31962956569629564</v>
          </cell>
          <cell r="Q27">
            <v>0.26890262031530665</v>
          </cell>
          <cell r="R27">
            <v>0.30636672809834137</v>
          </cell>
          <cell r="S27">
            <v>0.26932986881070342</v>
          </cell>
          <cell r="T27">
            <v>0.23970249831767082</v>
          </cell>
          <cell r="U27">
            <v>0.25974229061112153</v>
          </cell>
          <cell r="V27">
            <v>0.18569254185692541</v>
          </cell>
          <cell r="W27">
            <v>0.314</v>
          </cell>
          <cell r="X27">
            <v>0.33881210518110239</v>
          </cell>
        </row>
        <row r="28">
          <cell r="A28">
            <v>0.29554847373652443</v>
          </cell>
          <cell r="C28" t="str">
            <v>Average National Capacity Factor (offshore)</v>
          </cell>
          <cell r="D28" t="str">
            <v/>
          </cell>
          <cell r="E28">
            <v>0.65668869490485815</v>
          </cell>
          <cell r="F28" t="str">
            <v/>
          </cell>
          <cell r="G28">
            <v>0.24311863747474882</v>
          </cell>
          <cell r="H28">
            <v>0.35675923913964774</v>
          </cell>
          <cell r="I28">
            <v>0</v>
          </cell>
          <cell r="J28">
            <v>0</v>
          </cell>
          <cell r="K28">
            <v>0.37120779275073512</v>
          </cell>
          <cell r="L28">
            <v>0.35016670290642893</v>
          </cell>
          <cell r="M28" t="str">
            <v/>
          </cell>
          <cell r="O28">
            <v>0</v>
          </cell>
          <cell r="P28" t="str">
            <v/>
          </cell>
          <cell r="Q28">
            <v>0.41177003860045902</v>
          </cell>
          <cell r="U28">
            <v>0.30928762624558565</v>
          </cell>
          <cell r="V28" t="str">
            <v/>
          </cell>
          <cell r="W28">
            <v>0.40100000000000002</v>
          </cell>
          <cell r="X28">
            <v>0.44658295281582955</v>
          </cell>
        </row>
        <row r="29">
          <cell r="A29">
            <v>0.25243622683935479</v>
          </cell>
          <cell r="C29" t="str">
            <v>Average National Capacity Factor (land-based)</v>
          </cell>
          <cell r="D29">
            <v>0.27450592854375389</v>
          </cell>
          <cell r="E29">
            <v>0.19403875797296966</v>
          </cell>
          <cell r="F29">
            <v>0.29010171139060459</v>
          </cell>
          <cell r="G29">
            <v>0.20938036665020843</v>
          </cell>
          <cell r="H29">
            <v>0.24503422011376366</v>
          </cell>
          <cell r="I29">
            <v>0.33968770306156232</v>
          </cell>
          <cell r="J29">
            <v>0.22098924004980047</v>
          </cell>
          <cell r="K29">
            <v>0.19782019141394808</v>
          </cell>
          <cell r="M29">
            <v>0.20291962682709977</v>
          </cell>
          <cell r="N29">
            <v>0.21373805293341624</v>
          </cell>
          <cell r="O29">
            <v>0.24076023770172003</v>
          </cell>
          <cell r="P29">
            <v>0.31962956569629564</v>
          </cell>
          <cell r="Q29">
            <v>0.22733882055884191</v>
          </cell>
          <cell r="R29">
            <v>0.30685616581079961</v>
          </cell>
          <cell r="S29">
            <v>0.26932986881070342</v>
          </cell>
          <cell r="T29">
            <v>0.23980547215490669</v>
          </cell>
          <cell r="U29">
            <v>0.25848596390654488</v>
          </cell>
          <cell r="V29">
            <v>0.18569254185692541</v>
          </cell>
          <cell r="W29">
            <v>0.26400000000000001</v>
          </cell>
          <cell r="X29">
            <v>0.33877719361279868</v>
          </cell>
        </row>
        <row r="30">
          <cell r="A30">
            <v>0.26524312192776084</v>
          </cell>
          <cell r="C30" t="str">
            <v>Average National Capacity Factor (landbased+offshore, turbines in operation the whole year)</v>
          </cell>
          <cell r="F30">
            <v>0.29699999999999999</v>
          </cell>
          <cell r="G30">
            <v>0.22706968433591421</v>
          </cell>
          <cell r="H30">
            <v>0.28399999999999997</v>
          </cell>
          <cell r="I30">
            <v>0.32300000000000001</v>
          </cell>
          <cell r="J30">
            <v>0.21099999999999999</v>
          </cell>
          <cell r="M30">
            <v>0.20300000000000001</v>
          </cell>
          <cell r="R30">
            <v>0.32800000000000001</v>
          </cell>
          <cell r="S30">
            <v>0.27100000000000002</v>
          </cell>
          <cell r="T30">
            <v>0.23780000000000001</v>
          </cell>
          <cell r="V30">
            <v>0.186</v>
          </cell>
          <cell r="X30">
            <v>0.34980465686945511</v>
          </cell>
        </row>
        <row r="31">
          <cell r="A31">
            <v>0.36795116304072323</v>
          </cell>
          <cell r="C31" t="str">
            <v>Average National Capacity Factor (offshore, turbines in operation the whole year)</v>
          </cell>
          <cell r="G31">
            <v>0.24127053630633999</v>
          </cell>
          <cell r="H31">
            <v>0.41599999999999998</v>
          </cell>
          <cell r="X31">
            <v>0.44658295281582955</v>
          </cell>
        </row>
        <row r="32">
          <cell r="A32">
            <v>0.25548033396796271</v>
          </cell>
          <cell r="C32" t="str">
            <v>Average National Capacity Factor (landbased, turbines in operation the whole year)</v>
          </cell>
          <cell r="F32">
            <v>0.29699999999999999</v>
          </cell>
          <cell r="G32">
            <v>0.22723236935565702</v>
          </cell>
          <cell r="H32">
            <v>0.24399999999999999</v>
          </cell>
          <cell r="J32">
            <v>0.21099999999999999</v>
          </cell>
          <cell r="M32">
            <v>0.20300000000000001</v>
          </cell>
          <cell r="R32">
            <v>0.32800000000000001</v>
          </cell>
          <cell r="S32">
            <v>0.27100000000000002</v>
          </cell>
          <cell r="T32">
            <v>0.23780000000000001</v>
          </cell>
          <cell r="V32">
            <v>0.186</v>
          </cell>
          <cell r="X32">
            <v>0.34977097032397059</v>
          </cell>
        </row>
        <row r="33">
          <cell r="A33">
            <v>54.591591825429262</v>
          </cell>
          <cell r="C33" t="str">
            <v>Curtailed Electricity (estimate) TWh</v>
          </cell>
          <cell r="G33">
            <v>41.7</v>
          </cell>
          <cell r="I33">
            <v>0</v>
          </cell>
          <cell r="K33">
            <v>5.2468700000000004</v>
          </cell>
          <cell r="L33">
            <v>0.45</v>
          </cell>
          <cell r="O33">
            <v>2E-3</v>
          </cell>
          <cell r="R33">
            <v>0</v>
          </cell>
          <cell r="S33">
            <v>0</v>
          </cell>
          <cell r="W33">
            <v>1.7241869999999999</v>
          </cell>
          <cell r="X33">
            <v>5.4685348254292521</v>
          </cell>
        </row>
        <row r="34">
          <cell r="A34">
            <v>34292631.710000001</v>
          </cell>
          <cell r="C34" t="str">
            <v>Land area (km2)</v>
          </cell>
          <cell r="D34">
            <v>82409</v>
          </cell>
          <cell r="E34">
            <v>30280</v>
          </cell>
          <cell r="F34">
            <v>9093507</v>
          </cell>
          <cell r="G34">
            <v>9388211</v>
          </cell>
          <cell r="H34">
            <v>43560</v>
          </cell>
          <cell r="I34">
            <v>338424</v>
          </cell>
          <cell r="J34">
            <v>551695</v>
          </cell>
          <cell r="K34">
            <v>357385.71</v>
          </cell>
          <cell r="L34">
            <v>70273</v>
          </cell>
          <cell r="M34">
            <v>301338</v>
          </cell>
          <cell r="N34">
            <v>364555</v>
          </cell>
          <cell r="O34">
            <v>100340</v>
          </cell>
          <cell r="P34">
            <v>1964375</v>
          </cell>
          <cell r="Q34">
            <v>41543</v>
          </cell>
          <cell r="R34">
            <v>385203</v>
          </cell>
          <cell r="S34">
            <v>92212</v>
          </cell>
          <cell r="T34">
            <v>498800</v>
          </cell>
          <cell r="U34">
            <v>447435</v>
          </cell>
          <cell r="V34">
            <v>41285</v>
          </cell>
          <cell r="W34">
            <v>242495</v>
          </cell>
          <cell r="X34">
            <v>9857306</v>
          </cell>
        </row>
        <row r="35">
          <cell r="A35">
            <v>2464609074</v>
          </cell>
          <cell r="C35" t="str">
            <v>Population check some report in millions some total</v>
          </cell>
          <cell r="E35">
            <v>11429336</v>
          </cell>
          <cell r="F35">
            <v>37240000</v>
          </cell>
          <cell r="G35">
            <v>1395380000</v>
          </cell>
          <cell r="H35">
            <v>5806000</v>
          </cell>
          <cell r="I35">
            <v>5521236</v>
          </cell>
          <cell r="J35">
            <v>66890000</v>
          </cell>
          <cell r="K35">
            <v>82979100</v>
          </cell>
          <cell r="L35">
            <v>4775000</v>
          </cell>
          <cell r="M35">
            <v>60484000</v>
          </cell>
          <cell r="N35">
            <v>127000000</v>
          </cell>
          <cell r="O35">
            <v>51710000</v>
          </cell>
          <cell r="P35">
            <v>124300000</v>
          </cell>
          <cell r="Q35">
            <v>17300000</v>
          </cell>
          <cell r="R35">
            <v>5258000</v>
          </cell>
          <cell r="S35">
            <v>10309573</v>
          </cell>
          <cell r="T35">
            <v>46354321</v>
          </cell>
          <cell r="U35">
            <v>10230185</v>
          </cell>
          <cell r="V35">
            <v>8542323</v>
          </cell>
          <cell r="W35">
            <v>66100000</v>
          </cell>
          <cell r="X35">
            <v>327000000</v>
          </cell>
        </row>
        <row r="36">
          <cell r="G36">
            <v>0.10228108903605593</v>
          </cell>
        </row>
        <row r="38">
          <cell r="C38" t="str">
            <v>2.       Renewable Energy and Wind Targets for Member Countries</v>
          </cell>
          <cell r="D38">
            <v>2018</v>
          </cell>
          <cell r="E38">
            <v>2018</v>
          </cell>
          <cell r="F38">
            <v>2018</v>
          </cell>
          <cell r="G38">
            <v>2018</v>
          </cell>
          <cell r="H38">
            <v>2018</v>
          </cell>
          <cell r="I38">
            <v>2018</v>
          </cell>
          <cell r="J38">
            <v>2018</v>
          </cell>
          <cell r="K38">
            <v>2018</v>
          </cell>
          <cell r="L38">
            <v>2018</v>
          </cell>
          <cell r="M38">
            <v>2018</v>
          </cell>
          <cell r="N38">
            <v>2018</v>
          </cell>
          <cell r="O38">
            <v>2018</v>
          </cell>
          <cell r="P38">
            <v>2018</v>
          </cell>
          <cell r="Q38">
            <v>2018</v>
          </cell>
          <cell r="R38">
            <v>2018</v>
          </cell>
          <cell r="S38">
            <v>2018</v>
          </cell>
          <cell r="T38">
            <v>2018</v>
          </cell>
          <cell r="U38">
            <v>2018</v>
          </cell>
          <cell r="V38">
            <v>2018</v>
          </cell>
          <cell r="W38">
            <v>2018</v>
          </cell>
          <cell r="X38">
            <v>2018</v>
          </cell>
        </row>
        <row r="39">
          <cell r="C39" t="str">
            <v>Official Target Renewable Energy Sources</v>
          </cell>
          <cell r="D39">
            <v>1</v>
          </cell>
          <cell r="E39">
            <v>0.13</v>
          </cell>
          <cell r="G39">
            <v>680000</v>
          </cell>
          <cell r="H39">
            <v>0.3</v>
          </cell>
          <cell r="I39">
            <v>0.39</v>
          </cell>
          <cell r="J39">
            <v>74000</v>
          </cell>
          <cell r="K39" t="str">
            <v>40-45%</v>
          </cell>
          <cell r="L39">
            <v>0.16</v>
          </cell>
          <cell r="M39">
            <v>0.17</v>
          </cell>
          <cell r="N39">
            <v>0.21</v>
          </cell>
          <cell r="O39">
            <v>20</v>
          </cell>
          <cell r="P39">
            <v>2483</v>
          </cell>
          <cell r="Q39">
            <v>0.14000000000000001</v>
          </cell>
          <cell r="R39">
            <v>28.4</v>
          </cell>
          <cell r="S39">
            <v>0.31</v>
          </cell>
          <cell r="T39">
            <v>0.2</v>
          </cell>
          <cell r="U39">
            <v>1</v>
          </cell>
          <cell r="V39">
            <v>24.2</v>
          </cell>
          <cell r="W39">
            <v>0.3</v>
          </cell>
        </row>
        <row r="40">
          <cell r="C40" t="str">
            <v>Year for official Renewable Energy target</v>
          </cell>
          <cell r="D40">
            <v>2030</v>
          </cell>
          <cell r="E40">
            <v>2020</v>
          </cell>
          <cell r="G40">
            <v>2020</v>
          </cell>
          <cell r="H40">
            <v>2020</v>
          </cell>
          <cell r="I40">
            <v>2020</v>
          </cell>
          <cell r="J40">
            <v>2023</v>
          </cell>
          <cell r="K40">
            <v>2025</v>
          </cell>
          <cell r="L40">
            <v>2020</v>
          </cell>
          <cell r="M40">
            <v>2020</v>
          </cell>
          <cell r="N40">
            <v>2030</v>
          </cell>
          <cell r="O40">
            <v>2030</v>
          </cell>
          <cell r="P40">
            <v>2018</v>
          </cell>
          <cell r="Q40">
            <v>2020</v>
          </cell>
          <cell r="R40">
            <v>2021</v>
          </cell>
          <cell r="S40">
            <v>2020</v>
          </cell>
          <cell r="T40">
            <v>2020</v>
          </cell>
          <cell r="U40">
            <v>2040</v>
          </cell>
          <cell r="V40">
            <v>2050</v>
          </cell>
          <cell r="W40">
            <v>2020</v>
          </cell>
        </row>
        <row r="41">
          <cell r="C41" t="str">
            <v>Official Target Wind reached (calculate from given number in row 100)</v>
          </cell>
          <cell r="D41">
            <v>3000</v>
          </cell>
          <cell r="E41">
            <v>5741</v>
          </cell>
          <cell r="G41">
            <v>210000</v>
          </cell>
          <cell r="H41">
            <v>0.5</v>
          </cell>
          <cell r="I41">
            <v>6</v>
          </cell>
          <cell r="J41">
            <v>27000</v>
          </cell>
          <cell r="K41">
            <v>7700</v>
          </cell>
          <cell r="L41">
            <v>3500</v>
          </cell>
          <cell r="M41">
            <v>12680</v>
          </cell>
          <cell r="N41">
            <v>10000</v>
          </cell>
          <cell r="O41">
            <v>6.8</v>
          </cell>
          <cell r="P41">
            <v>7000</v>
          </cell>
          <cell r="Q41">
            <v>6000</v>
          </cell>
          <cell r="S41">
            <v>5300</v>
          </cell>
          <cell r="T41">
            <v>35</v>
          </cell>
          <cell r="U41">
            <v>30</v>
          </cell>
          <cell r="V41">
            <v>0.6</v>
          </cell>
          <cell r="X41">
            <v>0.1</v>
          </cell>
        </row>
        <row r="42">
          <cell r="C42" t="str">
            <v>Year for official wind target</v>
          </cell>
          <cell r="D42">
            <v>2020</v>
          </cell>
          <cell r="E42">
            <v>2020</v>
          </cell>
          <cell r="G42">
            <v>2020</v>
          </cell>
          <cell r="H42">
            <v>2020</v>
          </cell>
          <cell r="I42">
            <v>2020</v>
          </cell>
          <cell r="J42">
            <v>2023</v>
          </cell>
          <cell r="K42">
            <v>2020</v>
          </cell>
          <cell r="M42">
            <v>2020</v>
          </cell>
          <cell r="N42">
            <v>2030</v>
          </cell>
          <cell r="O42">
            <v>2030</v>
          </cell>
          <cell r="P42">
            <v>2020</v>
          </cell>
          <cell r="Q42">
            <v>2020</v>
          </cell>
          <cell r="T42">
            <v>2020</v>
          </cell>
          <cell r="U42">
            <v>2020</v>
          </cell>
          <cell r="V42">
            <v>2050</v>
          </cell>
        </row>
        <row r="43">
          <cell r="H43" t="str">
            <v>RE 30% in 2020 and 50% in 2030. Hereafter independent og fossil fuels in 2050</v>
          </cell>
          <cell r="I43" t="str">
            <v>9 TWh in 2025</v>
          </cell>
          <cell r="K43" t="str">
            <v>offshore target</v>
          </cell>
          <cell r="Q43" t="str">
            <v>6GW on land</v>
          </cell>
          <cell r="V43" t="str">
            <v>4,3 in 2050</v>
          </cell>
        </row>
        <row r="44">
          <cell r="C44" t="str">
            <v>3.       Wind Resource Compared to Average</v>
          </cell>
          <cell r="D44">
            <v>2018</v>
          </cell>
          <cell r="E44">
            <v>2018</v>
          </cell>
          <cell r="F44">
            <v>2018</v>
          </cell>
          <cell r="G44">
            <v>2018</v>
          </cell>
          <cell r="H44">
            <v>2018</v>
          </cell>
          <cell r="I44">
            <v>2018</v>
          </cell>
          <cell r="J44">
            <v>2018</v>
          </cell>
          <cell r="K44">
            <v>2018</v>
          </cell>
          <cell r="L44">
            <v>2017</v>
          </cell>
          <cell r="M44">
            <v>2018</v>
          </cell>
          <cell r="N44">
            <v>2018</v>
          </cell>
          <cell r="O44">
            <v>2018</v>
          </cell>
          <cell r="P44">
            <v>2018</v>
          </cell>
          <cell r="Q44">
            <v>2018</v>
          </cell>
          <cell r="R44">
            <v>2018</v>
          </cell>
          <cell r="S44">
            <v>2018</v>
          </cell>
          <cell r="T44">
            <v>2018</v>
          </cell>
          <cell r="U44">
            <v>2018</v>
          </cell>
          <cell r="V44">
            <v>2018</v>
          </cell>
          <cell r="W44">
            <v>2018</v>
          </cell>
          <cell r="X44">
            <v>2018</v>
          </cell>
        </row>
        <row r="45">
          <cell r="C45" t="str">
            <v>Wind Resource</v>
          </cell>
          <cell r="H45">
            <v>0.9</v>
          </cell>
          <cell r="I45">
            <v>0.95</v>
          </cell>
          <cell r="K45">
            <v>0.97</v>
          </cell>
          <cell r="R45">
            <v>0.98399999999999999</v>
          </cell>
          <cell r="S45">
            <v>1</v>
          </cell>
          <cell r="X45">
            <v>0.99</v>
          </cell>
        </row>
        <row r="47">
          <cell r="C47" t="str">
            <v>4.       Potential Increases to Capacity IEA Wind Member Countries</v>
          </cell>
          <cell r="D47">
            <v>2018</v>
          </cell>
          <cell r="E47">
            <v>2018</v>
          </cell>
          <cell r="F47">
            <v>2018</v>
          </cell>
          <cell r="G47">
            <v>2018</v>
          </cell>
          <cell r="H47">
            <v>2018</v>
          </cell>
          <cell r="I47">
            <v>2018</v>
          </cell>
          <cell r="J47">
            <v>2018</v>
          </cell>
          <cell r="K47">
            <v>2018</v>
          </cell>
          <cell r="L47">
            <v>2017</v>
          </cell>
          <cell r="M47">
            <v>2018</v>
          </cell>
          <cell r="N47">
            <v>2018</v>
          </cell>
          <cell r="O47">
            <v>2018</v>
          </cell>
          <cell r="P47">
            <v>2018</v>
          </cell>
          <cell r="Q47">
            <v>2018</v>
          </cell>
          <cell r="R47">
            <v>2018</v>
          </cell>
          <cell r="S47">
            <v>2018</v>
          </cell>
          <cell r="T47">
            <v>2018</v>
          </cell>
          <cell r="U47">
            <v>2018</v>
          </cell>
          <cell r="V47">
            <v>2018</v>
          </cell>
          <cell r="W47">
            <v>2018</v>
          </cell>
          <cell r="X47">
            <v>2018</v>
          </cell>
        </row>
        <row r="48">
          <cell r="C48" t="str">
            <v>Projects approved by all planning bodies (land-based)</v>
          </cell>
          <cell r="D48">
            <v>570</v>
          </cell>
          <cell r="F48">
            <v>1000</v>
          </cell>
          <cell r="H48">
            <v>138</v>
          </cell>
          <cell r="I48">
            <v>3849</v>
          </cell>
          <cell r="J48">
            <v>1819</v>
          </cell>
          <cell r="K48">
            <v>1477</v>
          </cell>
          <cell r="L48">
            <v>678</v>
          </cell>
          <cell r="O48">
            <v>2000</v>
          </cell>
          <cell r="P48">
            <v>0</v>
          </cell>
          <cell r="Q48">
            <v>0</v>
          </cell>
          <cell r="R48">
            <v>5041</v>
          </cell>
          <cell r="T48">
            <v>3154</v>
          </cell>
          <cell r="U48">
            <v>8382</v>
          </cell>
          <cell r="V48">
            <v>12</v>
          </cell>
        </row>
        <row r="49">
          <cell r="C49" t="str">
            <v>Projects approved by all planning bodies (offshore)</v>
          </cell>
          <cell r="I49">
            <v>820</v>
          </cell>
          <cell r="M49">
            <v>30</v>
          </cell>
          <cell r="O49">
            <v>600</v>
          </cell>
          <cell r="Q49">
            <v>1400</v>
          </cell>
          <cell r="U49">
            <v>2267</v>
          </cell>
          <cell r="V49">
            <v>0</v>
          </cell>
          <cell r="X49">
            <v>0</v>
          </cell>
        </row>
        <row r="50">
          <cell r="C50" t="str">
            <v>Projects currently under construction (land-based)</v>
          </cell>
          <cell r="F50">
            <v>1000</v>
          </cell>
          <cell r="I50">
            <v>378</v>
          </cell>
          <cell r="O50">
            <v>240</v>
          </cell>
          <cell r="P50">
            <v>19</v>
          </cell>
          <cell r="Q50">
            <v>2652</v>
          </cell>
          <cell r="R50">
            <v>2036</v>
          </cell>
          <cell r="U50">
            <v>3395</v>
          </cell>
          <cell r="V50">
            <v>0</v>
          </cell>
          <cell r="X50">
            <v>35135</v>
          </cell>
        </row>
        <row r="51">
          <cell r="C51" t="str">
            <v xml:space="preserve">Projects currently under construction (offshore) </v>
          </cell>
          <cell r="H51">
            <v>1006</v>
          </cell>
          <cell r="I51">
            <v>0</v>
          </cell>
          <cell r="K51">
            <v>1000</v>
          </cell>
          <cell r="O51">
            <v>60</v>
          </cell>
          <cell r="Q51">
            <v>1400</v>
          </cell>
          <cell r="U51">
            <v>0</v>
          </cell>
          <cell r="V51">
            <v>0</v>
          </cell>
          <cell r="W51">
            <v>5576</v>
          </cell>
          <cell r="X51">
            <v>12</v>
          </cell>
        </row>
        <row r="53">
          <cell r="C53" t="str">
            <v>5.       Estimated Average Turbine Cost and Average Total Installed Project Cost</v>
          </cell>
          <cell r="D53">
            <v>2018</v>
          </cell>
          <cell r="E53">
            <v>2018</v>
          </cell>
          <cell r="F53">
            <v>2018</v>
          </cell>
          <cell r="G53">
            <v>2018</v>
          </cell>
          <cell r="H53">
            <v>2018</v>
          </cell>
          <cell r="I53">
            <v>2018</v>
          </cell>
          <cell r="J53">
            <v>2018</v>
          </cell>
          <cell r="K53">
            <v>2018</v>
          </cell>
          <cell r="L53">
            <v>2017</v>
          </cell>
          <cell r="M53">
            <v>2018</v>
          </cell>
          <cell r="N53">
            <v>2018</v>
          </cell>
          <cell r="O53">
            <v>2018</v>
          </cell>
          <cell r="P53">
            <v>2018</v>
          </cell>
          <cell r="R53">
            <v>2018</v>
          </cell>
          <cell r="S53">
            <v>2018</v>
          </cell>
          <cell r="T53">
            <v>2018</v>
          </cell>
          <cell r="U53">
            <v>2018</v>
          </cell>
          <cell r="V53">
            <v>2018</v>
          </cell>
          <cell r="W53">
            <v>2018</v>
          </cell>
          <cell r="X53">
            <v>2018</v>
          </cell>
        </row>
        <row r="54">
          <cell r="C54" t="str">
            <v>Average Turbine Cost (land-based) (EUR/kW)</v>
          </cell>
          <cell r="E54">
            <v>0</v>
          </cell>
          <cell r="O54">
            <v>950</v>
          </cell>
          <cell r="P54">
            <v>1603.21</v>
          </cell>
          <cell r="R54">
            <v>0</v>
          </cell>
          <cell r="S54">
            <v>1308</v>
          </cell>
          <cell r="T54">
            <v>880</v>
          </cell>
          <cell r="X54">
            <v>800</v>
          </cell>
        </row>
        <row r="55">
          <cell r="C55" t="str">
            <v>Average Turbine Cost (offshore) (EUR/kW)</v>
          </cell>
          <cell r="E55">
            <v>0</v>
          </cell>
          <cell r="O55">
            <v>1500</v>
          </cell>
        </row>
        <row r="56">
          <cell r="C56" t="str">
            <v>Average Total Installed Project Cost* (land-based) (EUR/kW)</v>
          </cell>
          <cell r="E56">
            <v>0</v>
          </cell>
          <cell r="F56">
            <v>1578</v>
          </cell>
          <cell r="G56">
            <v>1032.0367463224607</v>
          </cell>
          <cell r="K56">
            <v>1533.49</v>
          </cell>
          <cell r="M56">
            <v>1385</v>
          </cell>
          <cell r="O56">
            <v>1700</v>
          </cell>
          <cell r="P56">
            <v>2216.83</v>
          </cell>
          <cell r="R56">
            <v>0</v>
          </cell>
          <cell r="S56">
            <v>1635</v>
          </cell>
          <cell r="T56">
            <v>1050</v>
          </cell>
          <cell r="X56">
            <v>1470</v>
          </cell>
        </row>
        <row r="57">
          <cell r="C57" t="str">
            <v>Average Total Installed Project Cost* (offshore)</v>
          </cell>
          <cell r="E57">
            <v>0</v>
          </cell>
          <cell r="O57">
            <v>4160</v>
          </cell>
        </row>
        <row r="58">
          <cell r="C58" t="str">
            <v>*Include: costs for turbines, roads, electrical equipment, installation, development, and grid connection per kW of installed capacity.</v>
          </cell>
          <cell r="K58" t="str">
            <v>USD</v>
          </cell>
        </row>
        <row r="60">
          <cell r="C60" t="str">
            <v>6.       Estimated Jobs and Economic Impact of Wind Development</v>
          </cell>
          <cell r="D60">
            <v>2018</v>
          </cell>
          <cell r="E60">
            <v>2018</v>
          </cell>
          <cell r="F60">
            <v>2018</v>
          </cell>
          <cell r="G60">
            <v>2018</v>
          </cell>
          <cell r="H60">
            <v>2018</v>
          </cell>
          <cell r="I60">
            <v>2018</v>
          </cell>
          <cell r="J60">
            <v>2018</v>
          </cell>
          <cell r="K60">
            <v>2018</v>
          </cell>
          <cell r="L60">
            <v>2017</v>
          </cell>
          <cell r="M60">
            <v>2018</v>
          </cell>
          <cell r="N60">
            <v>2018</v>
          </cell>
          <cell r="O60">
            <v>2018</v>
          </cell>
          <cell r="P60">
            <v>2018</v>
          </cell>
          <cell r="R60">
            <v>2018</v>
          </cell>
          <cell r="S60">
            <v>2018</v>
          </cell>
          <cell r="T60">
            <v>2018</v>
          </cell>
          <cell r="U60">
            <v>2018</v>
          </cell>
          <cell r="V60">
            <v>2018</v>
          </cell>
          <cell r="W60">
            <v>2018</v>
          </cell>
          <cell r="X60">
            <v>2018</v>
          </cell>
        </row>
        <row r="61">
          <cell r="A61">
            <v>684359.52750000008</v>
          </cell>
          <cell r="C61" t="str">
            <v>Estimated Number of Jobs (direct and indirect)</v>
          </cell>
          <cell r="F61">
            <v>2575.5275000000001</v>
          </cell>
          <cell r="G61">
            <v>510000</v>
          </cell>
          <cell r="I61">
            <v>4500</v>
          </cell>
          <cell r="M61">
            <v>26000</v>
          </cell>
          <cell r="O61">
            <v>1456</v>
          </cell>
          <cell r="S61">
            <v>3250</v>
          </cell>
          <cell r="T61">
            <v>22578</v>
          </cell>
          <cell r="X61">
            <v>114000</v>
          </cell>
        </row>
        <row r="62">
          <cell r="A62">
            <v>35931000400</v>
          </cell>
          <cell r="C62" t="str">
            <v>Economic Impact (direct and indirect) EUR</v>
          </cell>
          <cell r="D62">
            <v>400</v>
          </cell>
          <cell r="E62">
            <v>0</v>
          </cell>
          <cell r="K62">
            <v>11480000000</v>
          </cell>
          <cell r="L62">
            <v>0</v>
          </cell>
          <cell r="M62">
            <v>3780000000</v>
          </cell>
          <cell r="O62">
            <v>671000000</v>
          </cell>
          <cell r="X62">
            <v>20000000000</v>
          </cell>
        </row>
        <row r="63">
          <cell r="K63" t="str">
            <v>USD</v>
          </cell>
        </row>
        <row r="64">
          <cell r="C64" t="str">
            <v>7.       National R&amp;D Budget</v>
          </cell>
          <cell r="D64">
            <v>2018</v>
          </cell>
          <cell r="E64">
            <v>2018</v>
          </cell>
          <cell r="F64">
            <v>2018</v>
          </cell>
          <cell r="G64">
            <v>2018</v>
          </cell>
          <cell r="H64">
            <v>2018</v>
          </cell>
          <cell r="I64">
            <v>2018</v>
          </cell>
          <cell r="J64">
            <v>2018</v>
          </cell>
          <cell r="K64">
            <v>2018</v>
          </cell>
          <cell r="L64">
            <v>2017</v>
          </cell>
          <cell r="M64">
            <v>2018</v>
          </cell>
          <cell r="N64">
            <v>2018</v>
          </cell>
          <cell r="O64">
            <v>2018</v>
          </cell>
          <cell r="P64">
            <v>2018</v>
          </cell>
          <cell r="Q64">
            <v>2018</v>
          </cell>
          <cell r="R64">
            <v>2018</v>
          </cell>
          <cell r="S64">
            <v>2018</v>
          </cell>
          <cell r="T64">
            <v>2018</v>
          </cell>
          <cell r="U64">
            <v>2018</v>
          </cell>
          <cell r="V64">
            <v>2018</v>
          </cell>
          <cell r="W64">
            <v>2018</v>
          </cell>
          <cell r="X64">
            <v>2018</v>
          </cell>
        </row>
        <row r="65">
          <cell r="A65">
            <v>406104169</v>
          </cell>
          <cell r="C65" t="str">
            <v>National R&amp;D Budget (EUR)</v>
          </cell>
          <cell r="F65">
            <v>2927419</v>
          </cell>
          <cell r="G65">
            <v>8800000</v>
          </cell>
          <cell r="H65">
            <v>26800000</v>
          </cell>
          <cell r="I65">
            <v>1500000</v>
          </cell>
          <cell r="K65">
            <v>103820000</v>
          </cell>
          <cell r="L65">
            <v>0</v>
          </cell>
          <cell r="N65">
            <v>69600000</v>
          </cell>
          <cell r="O65">
            <v>40000000</v>
          </cell>
          <cell r="Q65">
            <v>30000000</v>
          </cell>
          <cell r="R65">
            <v>6400000</v>
          </cell>
          <cell r="T65">
            <v>17150000</v>
          </cell>
          <cell r="U65">
            <v>6343999.9999999991</v>
          </cell>
          <cell r="V65">
            <v>762749.99999999988</v>
          </cell>
          <cell r="X65">
            <v>92000000</v>
          </cell>
        </row>
        <row r="66">
          <cell r="F66" t="str">
            <v>USD</v>
          </cell>
          <cell r="H66" t="str">
            <v>USD</v>
          </cell>
          <cell r="I66" t="str">
            <v>EUR</v>
          </cell>
          <cell r="O66" t="str">
            <v>USD</v>
          </cell>
          <cell r="T66" t="str">
            <v>from chapter</v>
          </cell>
          <cell r="U66" t="str">
            <v>USD (SEK 60000000)</v>
          </cell>
        </row>
        <row r="68">
          <cell r="C68" t="str">
            <v xml:space="preserve">(Mark all that apply; add a description in the blank row for any new incentive scheme not listed in this table.) </v>
          </cell>
        </row>
        <row r="69">
          <cell r="C69" t="str">
            <v>8. Incentive Program</v>
          </cell>
          <cell r="D69">
            <v>2018</v>
          </cell>
          <cell r="E69">
            <v>2017</v>
          </cell>
          <cell r="F69">
            <v>2018</v>
          </cell>
          <cell r="G69">
            <v>2018</v>
          </cell>
          <cell r="H69">
            <v>2018</v>
          </cell>
          <cell r="I69">
            <v>2018</v>
          </cell>
          <cell r="J69">
            <v>2018</v>
          </cell>
          <cell r="K69">
            <v>2018</v>
          </cell>
          <cell r="L69">
            <v>2017</v>
          </cell>
          <cell r="M69">
            <v>2018</v>
          </cell>
          <cell r="N69">
            <v>2017</v>
          </cell>
          <cell r="O69">
            <v>2018</v>
          </cell>
          <cell r="P69">
            <v>2018</v>
          </cell>
          <cell r="Q69">
            <v>2017</v>
          </cell>
          <cell r="R69">
            <v>2018</v>
          </cell>
          <cell r="S69">
            <v>2018</v>
          </cell>
          <cell r="T69">
            <v>2018</v>
          </cell>
          <cell r="U69">
            <v>2018</v>
          </cell>
          <cell r="V69">
            <v>2018</v>
          </cell>
          <cell r="W69">
            <v>2018</v>
          </cell>
          <cell r="X69">
            <v>2018</v>
          </cell>
        </row>
        <row r="70">
          <cell r="C70" t="str">
            <v>Auctions for guaranteed price</v>
          </cell>
          <cell r="F70" t="str">
            <v>Yes</v>
          </cell>
          <cell r="G70" t="str">
            <v>Yes</v>
          </cell>
          <cell r="H70" t="str">
            <v>Yes</v>
          </cell>
          <cell r="K70" t="str">
            <v>Yes</v>
          </cell>
          <cell r="M70" t="str">
            <v>yes</v>
          </cell>
          <cell r="T70" t="str">
            <v>Yes</v>
          </cell>
          <cell r="W70" t="str">
            <v>Yes</v>
          </cell>
        </row>
        <row r="71">
          <cell r="C71" t="str">
            <v>Auctions for premium</v>
          </cell>
          <cell r="I71" t="str">
            <v>Yes</v>
          </cell>
        </row>
        <row r="72">
          <cell r="C72" t="str">
            <v>Capital subsidies</v>
          </cell>
        </row>
        <row r="73">
          <cell r="C73" t="str">
            <v xml:space="preserve">Feed-in tariff (FIT) </v>
          </cell>
          <cell r="D73" t="str">
            <v>Yes</v>
          </cell>
          <cell r="G73" t="str">
            <v>Yes</v>
          </cell>
          <cell r="K73" t="str">
            <v>Yes</v>
          </cell>
          <cell r="M73" t="str">
            <v>yes</v>
          </cell>
          <cell r="N73" t="str">
            <v>Yes</v>
          </cell>
          <cell r="O73" t="str">
            <v>Yes</v>
          </cell>
          <cell r="S73" t="str">
            <v>Yes</v>
          </cell>
          <cell r="V73" t="str">
            <v>Yes</v>
          </cell>
          <cell r="W73" t="str">
            <v>Yes</v>
          </cell>
          <cell r="X73" t="str">
            <v>Yes</v>
          </cell>
        </row>
        <row r="74">
          <cell r="C74" t="str">
            <v>Variable premium over market price</v>
          </cell>
          <cell r="I74" t="str">
            <v>Yes</v>
          </cell>
          <cell r="J74" t="str">
            <v>Yes</v>
          </cell>
          <cell r="K74" t="str">
            <v>Yes</v>
          </cell>
          <cell r="Q74" t="str">
            <v>Yes</v>
          </cell>
          <cell r="V74" t="str">
            <v>Yes</v>
          </cell>
        </row>
        <row r="75">
          <cell r="C75" t="str">
            <v>Fixed premium over the market price</v>
          </cell>
          <cell r="J75" t="str">
            <v>No</v>
          </cell>
        </row>
        <row r="76">
          <cell r="C76" t="str">
            <v>Income tax credits</v>
          </cell>
          <cell r="F76" t="str">
            <v>Yes</v>
          </cell>
          <cell r="G76" t="str">
            <v>Yes</v>
          </cell>
          <cell r="Q76" t="str">
            <v>Yes</v>
          </cell>
          <cell r="X76" t="str">
            <v>Yes</v>
          </cell>
        </row>
        <row r="77">
          <cell r="C77" t="str">
            <v>Relief from import tax</v>
          </cell>
          <cell r="G77" t="str">
            <v>Yes</v>
          </cell>
        </row>
        <row r="78">
          <cell r="C78" t="str">
            <v>Renewable portfolio standards (RPS), renewables production obligation (RPO), or renewables obligation (RO)</v>
          </cell>
          <cell r="F78" t="str">
            <v>Yes</v>
          </cell>
          <cell r="M78" t="str">
            <v>yes</v>
          </cell>
          <cell r="O78" t="str">
            <v>Yes</v>
          </cell>
          <cell r="R78" t="str">
            <v>Yes</v>
          </cell>
          <cell r="W78" t="str">
            <v>No</v>
          </cell>
        </row>
        <row r="79">
          <cell r="C79" t="str">
            <v>Green certificates</v>
          </cell>
          <cell r="G79" t="str">
            <v>Yes</v>
          </cell>
          <cell r="M79" t="str">
            <v>yes</v>
          </cell>
          <cell r="Q79" t="str">
            <v>Yes</v>
          </cell>
          <cell r="R79" t="str">
            <v>Yes</v>
          </cell>
          <cell r="U79" t="str">
            <v>Yes</v>
          </cell>
        </row>
        <row r="80">
          <cell r="C80" t="str">
            <v>Green electricity schemes</v>
          </cell>
          <cell r="D80" t="str">
            <v>Yes</v>
          </cell>
          <cell r="I80" t="str">
            <v>Yes</v>
          </cell>
          <cell r="Q80" t="str">
            <v>Yes</v>
          </cell>
          <cell r="R80" t="str">
            <v>Yes</v>
          </cell>
          <cell r="U80" t="str">
            <v>Yes</v>
          </cell>
        </row>
        <row r="81">
          <cell r="C81" t="str">
            <v>Carbon tax</v>
          </cell>
          <cell r="F81" t="str">
            <v>Yes</v>
          </cell>
          <cell r="Q81" t="str">
            <v>Yes</v>
          </cell>
          <cell r="R81" t="str">
            <v>Yes</v>
          </cell>
          <cell r="W81" t="str">
            <v>Yes</v>
          </cell>
        </row>
        <row r="82">
          <cell r="C82" t="str">
            <v>Investment funds for wind energy</v>
          </cell>
          <cell r="Q82" t="str">
            <v>Yes</v>
          </cell>
          <cell r="W82" t="str">
            <v>Yes</v>
          </cell>
        </row>
        <row r="83">
          <cell r="C83" t="str">
            <v>Spatial planning activities</v>
          </cell>
          <cell r="D83" t="str">
            <v>Yes</v>
          </cell>
          <cell r="G83" t="str">
            <v>Yes</v>
          </cell>
          <cell r="H83" t="str">
            <v>Yes</v>
          </cell>
          <cell r="I83" t="str">
            <v>Yes</v>
          </cell>
          <cell r="J83" t="str">
            <v>Yes</v>
          </cell>
          <cell r="O83" t="str">
            <v>Yes</v>
          </cell>
          <cell r="Q83" t="str">
            <v>Yes</v>
          </cell>
          <cell r="S83" t="str">
            <v>Yes</v>
          </cell>
          <cell r="V83" t="str">
            <v>Yes</v>
          </cell>
          <cell r="W83" t="str">
            <v>Yes</v>
          </cell>
        </row>
        <row r="84">
          <cell r="C84" t="str">
            <v>Special incentives for small wind</v>
          </cell>
          <cell r="F84" t="str">
            <v>Yes</v>
          </cell>
          <cell r="M84" t="str">
            <v>yes</v>
          </cell>
          <cell r="O84" t="str">
            <v>No</v>
          </cell>
          <cell r="Q84" t="str">
            <v>Yes</v>
          </cell>
          <cell r="S84" t="str">
            <v>Yes</v>
          </cell>
          <cell r="W84" t="str">
            <v>Yes</v>
          </cell>
        </row>
        <row r="85">
          <cell r="C85" t="str">
            <v xml:space="preserve">Other: </v>
          </cell>
          <cell r="K85" t="str">
            <v>Yes</v>
          </cell>
        </row>
        <row r="86">
          <cell r="H86" t="str">
            <v>PSO and small wind incentives stopped 2018</v>
          </cell>
          <cell r="K86" t="str">
            <v>grid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 t="str">
            <v/>
          </cell>
          <cell r="E92" t="str">
            <v/>
          </cell>
          <cell r="F92">
            <v>6.8982886093953977E-3</v>
          </cell>
          <cell r="G92">
            <v>1.7076233721812467E-2</v>
          </cell>
          <cell r="H92">
            <v>1.0405583926121231E-2</v>
          </cell>
          <cell r="I92">
            <v>-4.588096979947609E-3</v>
          </cell>
          <cell r="J92">
            <v>-9.9738524342972423E-3</v>
          </cell>
          <cell r="K92" t="str">
            <v/>
          </cell>
          <cell r="L92" t="str">
            <v/>
          </cell>
          <cell r="M92">
            <v>8.0373172900244372E-5</v>
          </cell>
          <cell r="N92" t="str">
            <v/>
          </cell>
          <cell r="O92" t="str">
            <v/>
          </cell>
          <cell r="P92" t="str">
            <v/>
          </cell>
          <cell r="Q92" t="str">
            <v/>
          </cell>
          <cell r="R92">
            <v>2.1633271901658646E-2</v>
          </cell>
          <cell r="S92">
            <v>1.6701311892965975E-3</v>
          </cell>
          <cell r="T92">
            <v>-1.9024983176708088E-3</v>
          </cell>
          <cell r="U92" t="str">
            <v/>
          </cell>
          <cell r="V92">
            <v>3.0745814307459041E-4</v>
          </cell>
          <cell r="W92" t="str">
            <v/>
          </cell>
          <cell r="X92">
            <v>1.0992551688352725E-2</v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>
            <v>-1.8481011684088333E-3</v>
          </cell>
          <cell r="H93">
            <v>5.9240760860352237E-2</v>
          </cell>
          <cell r="I93" t="str">
            <v/>
          </cell>
          <cell r="J93" t="str">
            <v/>
          </cell>
          <cell r="K93" t="str">
            <v/>
          </cell>
          <cell r="L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 t="str">
            <v/>
          </cell>
          <cell r="R93" t="str">
            <v/>
          </cell>
          <cell r="S93" t="str">
            <v/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>
            <v>0</v>
          </cell>
        </row>
        <row r="94">
          <cell r="C94" t="str">
            <v>Cap factor onshore : operating whole year minus calculated</v>
          </cell>
          <cell r="D94" t="str">
            <v/>
          </cell>
          <cell r="E94" t="str">
            <v/>
          </cell>
          <cell r="F94">
            <v>6.8982886093953977E-3</v>
          </cell>
          <cell r="G94">
            <v>1.7852002705448594E-2</v>
          </cell>
          <cell r="H94">
            <v>-1.0342201137636675E-3</v>
          </cell>
          <cell r="I94" t="str">
            <v/>
          </cell>
          <cell r="J94">
            <v>-9.9892400498004796E-3</v>
          </cell>
          <cell r="K94" t="str">
            <v/>
          </cell>
          <cell r="L94" t="str">
            <v/>
          </cell>
          <cell r="M94">
            <v>8.0373172900244372E-5</v>
          </cell>
          <cell r="N94" t="str">
            <v/>
          </cell>
          <cell r="O94" t="str">
            <v/>
          </cell>
          <cell r="P94" t="str">
            <v/>
          </cell>
          <cell r="Q94" t="str">
            <v/>
          </cell>
          <cell r="R94">
            <v>2.1143834189200406E-2</v>
          </cell>
          <cell r="S94">
            <v>1.6701311892965975E-3</v>
          </cell>
          <cell r="T94">
            <v>-2.005472154906679E-3</v>
          </cell>
          <cell r="U94" t="str">
            <v/>
          </cell>
          <cell r="V94">
            <v>3.0745814307459041E-4</v>
          </cell>
          <cell r="W94" t="str">
            <v/>
          </cell>
          <cell r="X94">
            <v>1.099377671117191E-2</v>
          </cell>
        </row>
        <row r="95">
          <cell r="C95" t="str">
            <v>Calculated values</v>
          </cell>
        </row>
        <row r="96">
          <cell r="A96" t="str">
            <v>T3</v>
          </cell>
          <cell r="C96" t="str">
            <v>increase in capacity%</v>
          </cell>
          <cell r="D96">
            <v>6.2478062478062479E-2</v>
          </cell>
          <cell r="E96">
            <v>0.18906958336331581</v>
          </cell>
          <cell r="F96">
            <v>4.6204081632653063E-2</v>
          </cell>
          <cell r="G96">
            <v>0.11222935278224544</v>
          </cell>
          <cell r="H96">
            <v>0.1156859172891237</v>
          </cell>
          <cell r="I96">
            <v>-1.4677103718199608E-3</v>
          </cell>
          <cell r="J96">
            <v>0.11105394678818169</v>
          </cell>
          <cell r="K96">
            <v>5.5165226141488923E-2</v>
          </cell>
          <cell r="L96">
            <v>0.10202845897668786</v>
          </cell>
          <cell r="M96">
            <v>4.7584834286748201E-2</v>
          </cell>
          <cell r="N96">
            <v>7.6945754716981132E-2</v>
          </cell>
          <cell r="O96">
            <v>0.13747810858143608</v>
          </cell>
          <cell r="P96">
            <v>0.23288531591508604</v>
          </cell>
          <cell r="Q96">
            <v>2.1661509164484647E-2</v>
          </cell>
          <cell r="R96">
            <v>0.42556770395290161</v>
          </cell>
          <cell r="S96">
            <v>1.0351966873706004E-2</v>
          </cell>
          <cell r="T96">
            <v>1.6975575957041401E-2</v>
          </cell>
          <cell r="U96">
            <v>0.10422023899561338</v>
          </cell>
          <cell r="V96">
            <v>0</v>
          </cell>
          <cell r="W96">
            <v>0.10314015828440133</v>
          </cell>
          <cell r="X96">
            <v>8.3925579128489358E-2</v>
          </cell>
        </row>
        <row r="97">
          <cell r="A97" t="str">
            <v>T3</v>
          </cell>
          <cell r="C97" t="str">
            <v>capacity relative to country size kW/km2</v>
          </cell>
          <cell r="D97">
            <v>36.731424965719761</v>
          </cell>
          <cell r="E97">
            <v>109.14464993394981</v>
          </cell>
          <cell r="F97">
            <v>1.4093572479792449</v>
          </cell>
          <cell r="G97">
            <v>22.3188422160516</v>
          </cell>
          <cell r="H97">
            <v>140.58769513314968</v>
          </cell>
          <cell r="I97">
            <v>6.0308961539370731</v>
          </cell>
          <cell r="J97">
            <v>27.401009615820335</v>
          </cell>
          <cell r="K97">
            <v>164.30707316193477</v>
          </cell>
          <cell r="L97">
            <v>51.797987847395156</v>
          </cell>
          <cell r="M97">
            <v>33.047707225773053</v>
          </cell>
          <cell r="N97">
            <v>10.020435873873627</v>
          </cell>
          <cell r="O97">
            <v>12.945983655571059</v>
          </cell>
          <cell r="P97">
            <v>2.498250079541839</v>
          </cell>
          <cell r="Q97">
            <v>103.31463784512432</v>
          </cell>
          <cell r="R97">
            <v>4.4002772564076604</v>
          </cell>
          <cell r="S97">
            <v>58.213681516505446</v>
          </cell>
          <cell r="T97">
            <v>47.080994386527664</v>
          </cell>
          <cell r="U97">
            <v>16.315218970353236</v>
          </cell>
          <cell r="V97">
            <v>1.8166404263049534</v>
          </cell>
          <cell r="W97">
            <v>89.094620507639334</v>
          </cell>
          <cell r="X97">
            <v>9.7828960569956944</v>
          </cell>
        </row>
        <row r="98">
          <cell r="C98" t="str">
            <v>average capacity of all turbines MW</v>
          </cell>
          <cell r="D98">
            <v>2.3356481481481484</v>
          </cell>
          <cell r="E98" t="str">
            <v/>
          </cell>
          <cell r="F98">
            <v>1.9429957550030321</v>
          </cell>
          <cell r="G98">
            <v>1.6906356404008456</v>
          </cell>
          <cell r="H98">
            <v>0.97796231236026832</v>
          </cell>
          <cell r="I98">
            <v>2.9240687679083095</v>
          </cell>
          <cell r="J98" t="str">
            <v/>
          </cell>
          <cell r="K98">
            <v>1.9241431286453896</v>
          </cell>
          <cell r="L98">
            <v>1.8705035971223021</v>
          </cell>
          <cell r="M98">
            <v>1.4457796167247388</v>
          </cell>
          <cell r="N98">
            <v>1.5813852813852813</v>
          </cell>
          <cell r="O98">
            <v>2.0456692913385828</v>
          </cell>
          <cell r="P98">
            <v>2.0120951209512095</v>
          </cell>
          <cell r="Q98">
            <v>1.8515962036238136</v>
          </cell>
          <cell r="R98">
            <v>2.778688524590164</v>
          </cell>
          <cell r="S98">
            <v>1.940007228044814</v>
          </cell>
          <cell r="T98">
            <v>1.1565054663646213</v>
          </cell>
          <cell r="U98">
            <v>2.0453908657887365</v>
          </cell>
          <cell r="V98">
            <v>2.0270270270270272</v>
          </cell>
          <cell r="W98">
            <v>2.0992032646715897</v>
          </cell>
          <cell r="X98">
            <v>1.722017857142857</v>
          </cell>
        </row>
        <row r="99">
          <cell r="C99" t="str">
            <v>average capacity of land-based turbines MW</v>
          </cell>
          <cell r="D99">
            <v>2.3356481481481484</v>
          </cell>
          <cell r="E99" t="str">
            <v/>
          </cell>
          <cell r="F99">
            <v>1.9429957550030321</v>
          </cell>
          <cell r="G99">
            <v>1.6715377844428507</v>
          </cell>
          <cell r="H99">
            <v>0.7755960729312763</v>
          </cell>
          <cell r="I99">
            <v>2.9030973451327431</v>
          </cell>
          <cell r="J99" t="str">
            <v/>
          </cell>
          <cell r="K99">
            <v>1.7912573169479342</v>
          </cell>
          <cell r="L99">
            <v>1.864259927797834</v>
          </cell>
          <cell r="M99">
            <v>1.4457796167247388</v>
          </cell>
          <cell r="N99">
            <v>1.5737949167397021</v>
          </cell>
          <cell r="O99">
            <v>2.0214168039538714</v>
          </cell>
          <cell r="P99">
            <v>2.0120951209512095</v>
          </cell>
          <cell r="Q99">
            <v>1.6436668309512075</v>
          </cell>
          <cell r="R99">
            <v>2.7794745484400658</v>
          </cell>
          <cell r="S99">
            <v>1.940007228044814</v>
          </cell>
          <cell r="T99">
            <v>1.1561268715524036</v>
          </cell>
          <cell r="U99">
            <v>2.0352738743905938</v>
          </cell>
          <cell r="V99">
            <v>2.0270270270270272</v>
          </cell>
          <cell r="W99">
            <v>1.6057416267942584</v>
          </cell>
          <cell r="X99">
            <v>1.7216358603446735</v>
          </cell>
        </row>
        <row r="100">
          <cell r="A100" t="str">
            <v>Fig6</v>
          </cell>
          <cell r="C100" t="str">
            <v>target for wind - fulfilled %</v>
          </cell>
          <cell r="D100">
            <v>1.0089999999999999</v>
          </cell>
          <cell r="E100">
            <v>0.57566626023340883</v>
          </cell>
          <cell r="G100">
            <v>0.99778095238095244</v>
          </cell>
          <cell r="H100">
            <v>0.82925373134328362</v>
          </cell>
          <cell r="I100">
            <v>0.97616666666666674</v>
          </cell>
          <cell r="J100">
            <v>0.55988888888888888</v>
          </cell>
          <cell r="K100">
            <v>0.83025974025974025</v>
          </cell>
          <cell r="L100">
            <v>1.04</v>
          </cell>
          <cell r="M100">
            <v>0.78537302839116729</v>
          </cell>
          <cell r="N100">
            <v>0.36530000000000001</v>
          </cell>
          <cell r="P100">
            <v>0.70107142857142857</v>
          </cell>
          <cell r="Q100">
            <v>0.55583333333333329</v>
          </cell>
          <cell r="S100">
            <v>1.0128301886792452</v>
          </cell>
          <cell r="T100">
            <v>0.67097142857142855</v>
          </cell>
          <cell r="U100">
            <v>0.55366666666666664</v>
          </cell>
          <cell r="V100">
            <v>0.20333333333333334</v>
          </cell>
          <cell r="X100">
            <v>0.66</v>
          </cell>
        </row>
      </sheetData>
      <sheetData sheetId="4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reland</v>
          </cell>
          <cell r="M2" t="str">
            <v>Italy</v>
          </cell>
          <cell r="N2" t="str">
            <v>Japan</v>
          </cell>
          <cell r="O2" t="str">
            <v>Korea</v>
          </cell>
          <cell r="P2" t="str">
            <v>Mexico</v>
          </cell>
          <cell r="Q2" t="str">
            <v>Netherlands</v>
          </cell>
          <cell r="R2" t="str">
            <v>Norway</v>
          </cell>
          <cell r="S2" t="str">
            <v>Portugal</v>
          </cell>
          <cell r="T2" t="str">
            <v>Spain</v>
          </cell>
          <cell r="U2" t="str">
            <v>Sweden</v>
          </cell>
          <cell r="V2" t="str">
            <v>Switzerland</v>
          </cell>
          <cell r="W2" t="str">
            <v>UK</v>
          </cell>
          <cell r="X2" t="str">
            <v>USA</v>
          </cell>
        </row>
        <row r="3">
          <cell r="S3">
            <v>1.7222222222222223</v>
          </cell>
        </row>
        <row r="4">
          <cell r="C4" t="str">
            <v>1.       National Statistics of the IEA Wind Member Countries 2019</v>
          </cell>
          <cell r="D4">
            <v>2019</v>
          </cell>
          <cell r="E4">
            <v>2019</v>
          </cell>
          <cell r="F4">
            <v>2019</v>
          </cell>
          <cell r="G4">
            <v>2019</v>
          </cell>
          <cell r="H4">
            <v>2019</v>
          </cell>
          <cell r="I4">
            <v>2019</v>
          </cell>
          <cell r="J4">
            <v>2019</v>
          </cell>
          <cell r="K4">
            <v>2019</v>
          </cell>
          <cell r="L4">
            <v>2019</v>
          </cell>
          <cell r="M4">
            <v>2019</v>
          </cell>
          <cell r="N4">
            <v>2019</v>
          </cell>
          <cell r="O4">
            <v>2019</v>
          </cell>
          <cell r="P4">
            <v>2019</v>
          </cell>
          <cell r="Q4">
            <v>2019</v>
          </cell>
          <cell r="R4">
            <v>2019</v>
          </cell>
          <cell r="S4">
            <v>2019</v>
          </cell>
          <cell r="T4">
            <v>2019</v>
          </cell>
          <cell r="U4">
            <v>2019</v>
          </cell>
          <cell r="V4">
            <v>2019</v>
          </cell>
          <cell r="W4">
            <v>2019</v>
          </cell>
          <cell r="X4">
            <v>2019</v>
          </cell>
        </row>
        <row r="5">
          <cell r="A5">
            <v>548616.402</v>
          </cell>
          <cell r="C5" t="str">
            <v>Total Installed Wind Power Capacity (land-based+offshore)</v>
          </cell>
          <cell r="D5">
            <v>3146</v>
          </cell>
          <cell r="E5">
            <v>3863.5</v>
          </cell>
          <cell r="F5">
            <v>13413</v>
          </cell>
          <cell r="G5">
            <v>236320</v>
          </cell>
          <cell r="H5">
            <v>6103.9520000000002</v>
          </cell>
          <cell r="I5">
            <v>2284</v>
          </cell>
          <cell r="J5">
            <v>16654</v>
          </cell>
          <cell r="K5">
            <v>60721</v>
          </cell>
          <cell r="L5">
            <v>4136.9500000000007</v>
          </cell>
          <cell r="M5">
            <v>10513</v>
          </cell>
          <cell r="N5">
            <v>3923</v>
          </cell>
          <cell r="O5">
            <v>1490</v>
          </cell>
          <cell r="P5">
            <v>6125</v>
          </cell>
          <cell r="Q5">
            <v>4520</v>
          </cell>
          <cell r="R5">
            <v>2444</v>
          </cell>
          <cell r="S5">
            <v>5437</v>
          </cell>
          <cell r="T5">
            <v>25704</v>
          </cell>
          <cell r="U5">
            <v>8681</v>
          </cell>
          <cell r="V5">
            <v>75</v>
          </cell>
          <cell r="W5">
            <v>23882</v>
          </cell>
          <cell r="X5">
            <v>105591</v>
          </cell>
        </row>
        <row r="6">
          <cell r="A6">
            <v>29126.3</v>
          </cell>
          <cell r="C6" t="str">
            <v>Total Installed Wind Power Capacity (offshore, subset of total capacity)</v>
          </cell>
          <cell r="D6">
            <v>0</v>
          </cell>
          <cell r="E6">
            <v>1555.5</v>
          </cell>
          <cell r="F6">
            <v>0</v>
          </cell>
          <cell r="G6">
            <v>7026</v>
          </cell>
          <cell r="H6">
            <v>1700</v>
          </cell>
          <cell r="I6">
            <v>72.7</v>
          </cell>
          <cell r="K6">
            <v>7528</v>
          </cell>
          <cell r="L6">
            <v>25.2</v>
          </cell>
          <cell r="M6">
            <v>0</v>
          </cell>
          <cell r="N6">
            <v>61.6</v>
          </cell>
          <cell r="O6">
            <v>72</v>
          </cell>
          <cell r="P6">
            <v>0</v>
          </cell>
          <cell r="Q6">
            <v>957</v>
          </cell>
          <cell r="R6">
            <v>2.2999999999999998</v>
          </cell>
          <cell r="T6">
            <v>5</v>
          </cell>
          <cell r="U6">
            <v>203</v>
          </cell>
          <cell r="V6">
            <v>0</v>
          </cell>
          <cell r="W6">
            <v>9888</v>
          </cell>
          <cell r="X6">
            <v>30</v>
          </cell>
        </row>
        <row r="7">
          <cell r="A7">
            <v>519490.10200000001</v>
          </cell>
          <cell r="C7" t="str">
            <v>Total Installed Wind Power Capacity (land-based)</v>
          </cell>
          <cell r="D7">
            <v>3146</v>
          </cell>
          <cell r="E7">
            <v>2308</v>
          </cell>
          <cell r="F7">
            <v>13413</v>
          </cell>
          <cell r="G7">
            <v>229294</v>
          </cell>
          <cell r="H7">
            <v>4403.9520000000002</v>
          </cell>
          <cell r="I7">
            <v>2211.3000000000002</v>
          </cell>
          <cell r="J7">
            <v>16654</v>
          </cell>
          <cell r="K7">
            <v>53193</v>
          </cell>
          <cell r="L7">
            <v>4111.7500000000009</v>
          </cell>
          <cell r="M7">
            <v>10513</v>
          </cell>
          <cell r="N7">
            <v>3861.4</v>
          </cell>
          <cell r="O7">
            <v>1418</v>
          </cell>
          <cell r="P7">
            <v>6125</v>
          </cell>
          <cell r="Q7">
            <v>3563</v>
          </cell>
          <cell r="R7">
            <v>2441.6999999999998</v>
          </cell>
          <cell r="S7">
            <v>5437</v>
          </cell>
          <cell r="T7">
            <v>25699</v>
          </cell>
          <cell r="U7">
            <v>8478</v>
          </cell>
          <cell r="V7">
            <v>75</v>
          </cell>
          <cell r="W7">
            <v>13994</v>
          </cell>
          <cell r="X7">
            <v>105561</v>
          </cell>
        </row>
        <row r="8">
          <cell r="A8">
            <v>51773.8</v>
          </cell>
          <cell r="C8" t="str">
            <v>New wind power capacity installed (land-based+offshore)</v>
          </cell>
          <cell r="D8">
            <v>157</v>
          </cell>
          <cell r="E8">
            <v>558.59999999999991</v>
          </cell>
          <cell r="F8">
            <v>597</v>
          </cell>
          <cell r="G8">
            <v>26785</v>
          </cell>
          <cell r="H8">
            <v>27.8</v>
          </cell>
          <cell r="I8">
            <v>243</v>
          </cell>
          <cell r="J8">
            <v>1419</v>
          </cell>
          <cell r="K8">
            <v>2189</v>
          </cell>
          <cell r="L8">
            <v>497</v>
          </cell>
          <cell r="M8">
            <v>456.6</v>
          </cell>
          <cell r="N8">
            <v>270</v>
          </cell>
          <cell r="O8">
            <v>191</v>
          </cell>
          <cell r="P8">
            <v>1281</v>
          </cell>
          <cell r="Q8">
            <v>278</v>
          </cell>
          <cell r="R8">
            <v>784.8</v>
          </cell>
          <cell r="S8">
            <v>69</v>
          </cell>
          <cell r="T8">
            <v>2243</v>
          </cell>
          <cell r="U8">
            <v>1588</v>
          </cell>
          <cell r="V8">
            <v>0</v>
          </cell>
          <cell r="W8">
            <v>2277</v>
          </cell>
          <cell r="X8">
            <v>9137</v>
          </cell>
        </row>
        <row r="9">
          <cell r="A9">
            <v>5682</v>
          </cell>
          <cell r="C9" t="str">
            <v>New wind power capacity installed (offshore)</v>
          </cell>
          <cell r="D9">
            <v>0</v>
          </cell>
          <cell r="E9">
            <v>370</v>
          </cell>
          <cell r="F9">
            <v>0</v>
          </cell>
          <cell r="G9">
            <v>2493</v>
          </cell>
          <cell r="H9">
            <v>0</v>
          </cell>
          <cell r="I9">
            <v>0</v>
          </cell>
          <cell r="K9">
            <v>1111</v>
          </cell>
          <cell r="L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T9">
            <v>0</v>
          </cell>
          <cell r="U9">
            <v>0</v>
          </cell>
          <cell r="V9">
            <v>0</v>
          </cell>
          <cell r="W9">
            <v>1708</v>
          </cell>
          <cell r="X9">
            <v>0</v>
          </cell>
        </row>
        <row r="10">
          <cell r="A10">
            <v>45884.799999999996</v>
          </cell>
          <cell r="C10" t="str">
            <v>New wind power capacity installed (land-based)</v>
          </cell>
          <cell r="D10">
            <v>157</v>
          </cell>
          <cell r="E10">
            <v>188.59999999999991</v>
          </cell>
          <cell r="F10">
            <v>597</v>
          </cell>
          <cell r="G10">
            <v>24292</v>
          </cell>
          <cell r="H10">
            <v>27.8</v>
          </cell>
          <cell r="I10">
            <v>243</v>
          </cell>
          <cell r="J10">
            <v>1419</v>
          </cell>
          <cell r="K10">
            <v>1078</v>
          </cell>
          <cell r="L10">
            <v>497</v>
          </cell>
          <cell r="M10">
            <v>456.6</v>
          </cell>
          <cell r="N10">
            <v>270</v>
          </cell>
          <cell r="O10">
            <v>191</v>
          </cell>
          <cell r="P10">
            <v>1281</v>
          </cell>
          <cell r="Q10">
            <v>278</v>
          </cell>
          <cell r="R10">
            <v>784.8</v>
          </cell>
          <cell r="S10">
            <v>69</v>
          </cell>
          <cell r="T10">
            <v>2243</v>
          </cell>
          <cell r="U10">
            <v>1381</v>
          </cell>
          <cell r="V10">
            <v>0</v>
          </cell>
          <cell r="W10">
            <v>569</v>
          </cell>
          <cell r="X10">
            <v>9137</v>
          </cell>
        </row>
        <row r="11">
          <cell r="A11">
            <v>506.15499999999997</v>
          </cell>
          <cell r="C11" t="str">
            <v>Decommissioned capacity</v>
          </cell>
          <cell r="D11">
            <v>37</v>
          </cell>
          <cell r="F11">
            <v>0</v>
          </cell>
          <cell r="H11">
            <v>39.4</v>
          </cell>
          <cell r="I11">
            <v>0</v>
          </cell>
          <cell r="K11">
            <v>97</v>
          </cell>
          <cell r="O11">
            <v>0</v>
          </cell>
          <cell r="P11">
            <v>0</v>
          </cell>
          <cell r="Q11">
            <v>50</v>
          </cell>
          <cell r="R11">
            <v>30.65</v>
          </cell>
          <cell r="S11">
            <v>0</v>
          </cell>
          <cell r="T11">
            <v>24</v>
          </cell>
          <cell r="U11">
            <v>0</v>
          </cell>
          <cell r="V11">
            <v>0</v>
          </cell>
          <cell r="W11">
            <v>10</v>
          </cell>
          <cell r="X11">
            <v>203.10499999999999</v>
          </cell>
        </row>
        <row r="12">
          <cell r="A12">
            <v>51060.645000000004</v>
          </cell>
          <cell r="C12" t="str">
            <v>Net addition to capacity</v>
          </cell>
          <cell r="D12">
            <v>120</v>
          </cell>
          <cell r="E12">
            <v>558.59999999999991</v>
          </cell>
          <cell r="F12">
            <v>597</v>
          </cell>
          <cell r="G12">
            <v>26785</v>
          </cell>
          <cell r="H12">
            <v>-11.599999999999998</v>
          </cell>
          <cell r="I12">
            <v>243</v>
          </cell>
          <cell r="J12">
            <v>1419</v>
          </cell>
          <cell r="K12">
            <v>2092</v>
          </cell>
          <cell r="L12">
            <v>497</v>
          </cell>
          <cell r="M12">
            <v>456.6</v>
          </cell>
          <cell r="N12">
            <v>270</v>
          </cell>
          <cell r="O12">
            <v>191</v>
          </cell>
          <cell r="P12">
            <v>1281</v>
          </cell>
          <cell r="Q12">
            <v>228</v>
          </cell>
          <cell r="R12">
            <v>754.15</v>
          </cell>
          <cell r="S12">
            <v>69</v>
          </cell>
          <cell r="T12">
            <v>2219</v>
          </cell>
          <cell r="U12">
            <v>1381</v>
          </cell>
          <cell r="V12">
            <v>0</v>
          </cell>
          <cell r="W12">
            <v>2267</v>
          </cell>
          <cell r="X12">
            <v>8933.8950000000004</v>
          </cell>
        </row>
        <row r="13">
          <cell r="A13">
            <v>307810</v>
          </cell>
          <cell r="C13" t="str">
            <v>Total Number of Turbines (land-based+offshore)</v>
          </cell>
          <cell r="D13">
            <v>1322</v>
          </cell>
          <cell r="F13">
            <v>6771</v>
          </cell>
          <cell r="G13">
            <v>134854</v>
          </cell>
          <cell r="H13">
            <v>6236</v>
          </cell>
          <cell r="I13">
            <v>754</v>
          </cell>
          <cell r="J13">
            <v>7951</v>
          </cell>
          <cell r="K13">
            <v>30941</v>
          </cell>
          <cell r="L13">
            <v>2109</v>
          </cell>
          <cell r="M13">
            <v>7042</v>
          </cell>
          <cell r="N13">
            <v>2414</v>
          </cell>
          <cell r="O13">
            <v>690</v>
          </cell>
          <cell r="P13">
            <v>2857</v>
          </cell>
          <cell r="Q13">
            <v>2304</v>
          </cell>
          <cell r="R13">
            <v>800</v>
          </cell>
          <cell r="S13">
            <v>2769</v>
          </cell>
          <cell r="T13">
            <v>20939</v>
          </cell>
          <cell r="U13">
            <v>3976</v>
          </cell>
          <cell r="V13">
            <v>37</v>
          </cell>
          <cell r="W13">
            <v>10609</v>
          </cell>
          <cell r="X13">
            <v>60000</v>
          </cell>
        </row>
        <row r="14">
          <cell r="A14">
            <v>6619</v>
          </cell>
          <cell r="C14" t="str">
            <v xml:space="preserve">Total Number of Turbines (offshore) </v>
          </cell>
          <cell r="D14">
            <v>0</v>
          </cell>
          <cell r="E14">
            <v>274</v>
          </cell>
          <cell r="F14">
            <v>0</v>
          </cell>
          <cell r="G14">
            <v>1847</v>
          </cell>
          <cell r="H14">
            <v>558</v>
          </cell>
          <cell r="I14">
            <v>20</v>
          </cell>
          <cell r="J14">
            <v>1</v>
          </cell>
          <cell r="K14">
            <v>1469</v>
          </cell>
          <cell r="M14">
            <v>0</v>
          </cell>
          <cell r="N14">
            <v>28</v>
          </cell>
          <cell r="O14">
            <v>28</v>
          </cell>
          <cell r="P14">
            <v>0</v>
          </cell>
          <cell r="Q14">
            <v>289</v>
          </cell>
          <cell r="R14">
            <v>1</v>
          </cell>
          <cell r="T14">
            <v>1</v>
          </cell>
          <cell r="U14">
            <v>82</v>
          </cell>
          <cell r="V14">
            <v>0</v>
          </cell>
          <cell r="W14">
            <v>2016</v>
          </cell>
          <cell r="X14">
            <v>5</v>
          </cell>
        </row>
        <row r="15">
          <cell r="A15">
            <v>301467</v>
          </cell>
          <cell r="C15" t="str">
            <v>Total Number of Turbines (land-based)</v>
          </cell>
          <cell r="D15">
            <v>1322</v>
          </cell>
          <cell r="F15">
            <v>6771</v>
          </cell>
          <cell r="G15">
            <v>133007</v>
          </cell>
          <cell r="H15">
            <v>5678</v>
          </cell>
          <cell r="I15">
            <v>734</v>
          </cell>
          <cell r="J15">
            <v>7950</v>
          </cell>
          <cell r="K15">
            <v>29472</v>
          </cell>
          <cell r="L15">
            <v>2109</v>
          </cell>
          <cell r="M15">
            <v>7042</v>
          </cell>
          <cell r="N15">
            <v>2386</v>
          </cell>
          <cell r="O15">
            <v>662</v>
          </cell>
          <cell r="P15">
            <v>2857</v>
          </cell>
          <cell r="Q15">
            <v>2015</v>
          </cell>
          <cell r="R15">
            <v>799</v>
          </cell>
          <cell r="S15">
            <v>2769</v>
          </cell>
          <cell r="T15">
            <v>20940</v>
          </cell>
          <cell r="U15">
            <v>3894</v>
          </cell>
          <cell r="V15">
            <v>37</v>
          </cell>
          <cell r="W15">
            <v>8593</v>
          </cell>
          <cell r="X15">
            <v>59995</v>
          </cell>
        </row>
        <row r="16">
          <cell r="A16">
            <v>18116</v>
          </cell>
          <cell r="C16" t="str">
            <v xml:space="preserve">Number of New Turbines (land-based+offshore) </v>
          </cell>
          <cell r="D16">
            <v>50</v>
          </cell>
          <cell r="F16">
            <v>175</v>
          </cell>
          <cell r="G16">
            <v>10916</v>
          </cell>
          <cell r="H16">
            <v>21</v>
          </cell>
          <cell r="I16">
            <v>56</v>
          </cell>
          <cell r="J16">
            <v>511</v>
          </cell>
          <cell r="K16">
            <v>419</v>
          </cell>
          <cell r="L16">
            <v>163</v>
          </cell>
          <cell r="M16">
            <v>154</v>
          </cell>
          <cell r="N16">
            <v>104</v>
          </cell>
          <cell r="O16">
            <v>55</v>
          </cell>
          <cell r="P16">
            <v>418</v>
          </cell>
          <cell r="Q16">
            <v>97</v>
          </cell>
          <cell r="R16">
            <v>190</v>
          </cell>
          <cell r="S16">
            <v>2</v>
          </cell>
          <cell r="U16">
            <v>407</v>
          </cell>
          <cell r="V16">
            <v>0</v>
          </cell>
          <cell r="W16">
            <v>482</v>
          </cell>
          <cell r="X16">
            <v>3582</v>
          </cell>
        </row>
        <row r="17">
          <cell r="A17">
            <v>1060</v>
          </cell>
          <cell r="C17" t="str">
            <v xml:space="preserve">Number of New Turbines (offshore) </v>
          </cell>
          <cell r="D17">
            <v>0</v>
          </cell>
          <cell r="E17">
            <v>44</v>
          </cell>
          <cell r="F17">
            <v>0</v>
          </cell>
          <cell r="G17">
            <v>588</v>
          </cell>
          <cell r="H17">
            <v>0</v>
          </cell>
          <cell r="I17">
            <v>0</v>
          </cell>
          <cell r="J17">
            <v>0</v>
          </cell>
          <cell r="K17">
            <v>176</v>
          </cell>
          <cell r="L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U17">
            <v>0</v>
          </cell>
          <cell r="V17">
            <v>0</v>
          </cell>
          <cell r="W17">
            <v>252</v>
          </cell>
          <cell r="X17">
            <v>0</v>
          </cell>
        </row>
        <row r="18">
          <cell r="A18">
            <v>17759</v>
          </cell>
          <cell r="C18" t="str">
            <v xml:space="preserve">Number of New Turbines (land-based) </v>
          </cell>
          <cell r="D18">
            <v>49</v>
          </cell>
          <cell r="F18">
            <v>175</v>
          </cell>
          <cell r="G18">
            <v>10328</v>
          </cell>
          <cell r="H18">
            <v>21</v>
          </cell>
          <cell r="I18">
            <v>56</v>
          </cell>
          <cell r="J18">
            <v>511</v>
          </cell>
          <cell r="K18">
            <v>243</v>
          </cell>
          <cell r="L18">
            <v>163</v>
          </cell>
          <cell r="M18">
            <v>154</v>
          </cell>
          <cell r="N18">
            <v>104</v>
          </cell>
          <cell r="O18">
            <v>55</v>
          </cell>
          <cell r="P18">
            <v>418</v>
          </cell>
          <cell r="Q18">
            <v>97</v>
          </cell>
          <cell r="R18">
            <v>190</v>
          </cell>
          <cell r="S18">
            <v>28</v>
          </cell>
          <cell r="T18">
            <v>634</v>
          </cell>
          <cell r="U18">
            <v>407</v>
          </cell>
          <cell r="V18">
            <v>0</v>
          </cell>
          <cell r="W18">
            <v>230</v>
          </cell>
          <cell r="X18">
            <v>3582</v>
          </cell>
        </row>
        <row r="19">
          <cell r="A19">
            <v>3197.5650634705062</v>
          </cell>
          <cell r="C19" t="str">
            <v xml:space="preserve">Average Capacity of New Turbines (land-based+offshore) </v>
          </cell>
          <cell r="D19">
            <v>3140</v>
          </cell>
          <cell r="F19">
            <v>3411.4285714285716</v>
          </cell>
          <cell r="G19">
            <v>2453.7376328325395</v>
          </cell>
          <cell r="H19">
            <v>1323.8095238095239</v>
          </cell>
          <cell r="I19">
            <v>4339.2857142857147</v>
          </cell>
          <cell r="J19">
            <v>2776.9080234833659</v>
          </cell>
          <cell r="K19">
            <v>5224.343675417661</v>
          </cell>
          <cell r="L19">
            <v>3049.0797546012268</v>
          </cell>
          <cell r="M19">
            <v>2964.9350649350649</v>
          </cell>
          <cell r="N19">
            <v>2596.1538461538462</v>
          </cell>
          <cell r="O19">
            <v>3472.7272727272725</v>
          </cell>
          <cell r="P19">
            <v>3064.5933014354068</v>
          </cell>
          <cell r="Q19">
            <v>2865.9793814432992</v>
          </cell>
          <cell r="R19">
            <v>4130.5263157894733</v>
          </cell>
          <cell r="S19">
            <v>2464</v>
          </cell>
          <cell r="T19">
            <v>3537</v>
          </cell>
          <cell r="U19">
            <v>3553</v>
          </cell>
          <cell r="W19">
            <v>4724.0663900414938</v>
          </cell>
          <cell r="X19">
            <v>2550.8096035734225</v>
          </cell>
        </row>
        <row r="20">
          <cell r="A20">
            <v>5273.7329210472071</v>
          </cell>
          <cell r="C20" t="str">
            <v xml:space="preserve">Average Capacity of New Turbines (offshore) </v>
          </cell>
          <cell r="E20">
            <v>8409.0909090909099</v>
          </cell>
          <cell r="G20">
            <v>4239.7959183673465</v>
          </cell>
          <cell r="K20">
            <v>6942</v>
          </cell>
          <cell r="W20">
            <v>6777.7777777777774</v>
          </cell>
          <cell r="X20">
            <v>0</v>
          </cell>
        </row>
        <row r="21">
          <cell r="A21">
            <v>2987.8670761736194</v>
          </cell>
          <cell r="C21" t="str">
            <v>Average Capacity of New Turbines (land-based)</v>
          </cell>
          <cell r="D21">
            <v>3204.0816326530612</v>
          </cell>
          <cell r="F21">
            <v>3411.4285714285716</v>
          </cell>
          <cell r="G21">
            <v>2352.052672347018</v>
          </cell>
          <cell r="H21">
            <v>1323.8095238095239</v>
          </cell>
          <cell r="I21">
            <v>4339.2857142857147</v>
          </cell>
          <cell r="J21">
            <v>2776.9080234833659</v>
          </cell>
          <cell r="K21">
            <v>3317</v>
          </cell>
          <cell r="L21">
            <v>3049.0797546012268</v>
          </cell>
          <cell r="M21">
            <v>2964.9350649350649</v>
          </cell>
          <cell r="N21">
            <v>2596.1538461538462</v>
          </cell>
          <cell r="O21">
            <v>3472.7272727272725</v>
          </cell>
          <cell r="P21">
            <v>3064.5933014354068</v>
          </cell>
          <cell r="Q21">
            <v>2865.9793814432992</v>
          </cell>
          <cell r="R21">
            <v>4130.5263157894733</v>
          </cell>
          <cell r="S21">
            <v>2464.2857142857142</v>
          </cell>
          <cell r="T21">
            <v>3537.8548895899057</v>
          </cell>
          <cell r="U21">
            <v>3553</v>
          </cell>
          <cell r="W21">
            <v>2473.913043478261</v>
          </cell>
          <cell r="X21">
            <v>2550.8096035734225</v>
          </cell>
        </row>
        <row r="22">
          <cell r="A22">
            <v>1165.7718669383644</v>
          </cell>
          <cell r="C22" t="str">
            <v>Wind-Generated Electricity (TWh/yr)</v>
          </cell>
          <cell r="D22">
            <v>7</v>
          </cell>
          <cell r="E22">
            <v>9.7554000000000016</v>
          </cell>
          <cell r="F22">
            <v>32.79</v>
          </cell>
          <cell r="G22">
            <v>405.7</v>
          </cell>
          <cell r="H22">
            <v>16.159800000000001</v>
          </cell>
          <cell r="I22">
            <v>5.99</v>
          </cell>
          <cell r="J22">
            <v>34.1</v>
          </cell>
          <cell r="K22">
            <v>123.545</v>
          </cell>
          <cell r="L22">
            <v>9.399666938364259</v>
          </cell>
          <cell r="M22">
            <v>20.100000000000001</v>
          </cell>
          <cell r="N22">
            <v>6.71</v>
          </cell>
          <cell r="O22">
            <v>2.67</v>
          </cell>
          <cell r="P22">
            <v>16.728000000000002</v>
          </cell>
          <cell r="Q22">
            <v>10.743</v>
          </cell>
          <cell r="R22">
            <v>5.5</v>
          </cell>
          <cell r="S22">
            <v>13.7</v>
          </cell>
          <cell r="T22">
            <v>54.21</v>
          </cell>
          <cell r="U22">
            <v>19.8</v>
          </cell>
          <cell r="V22">
            <v>0.14599999999999999</v>
          </cell>
          <cell r="W22">
            <v>63.795000000000002</v>
          </cell>
          <cell r="X22">
            <v>300</v>
          </cell>
        </row>
        <row r="23">
          <cell r="A23">
            <v>82.585791999999998</v>
          </cell>
          <cell r="C23" t="str">
            <v>Wind-Generated Electricity (offshore)</v>
          </cell>
          <cell r="D23">
            <v>0</v>
          </cell>
          <cell r="E23">
            <v>4.7939999999999996</v>
          </cell>
          <cell r="G23">
            <v>11.162000000000001</v>
          </cell>
          <cell r="H23">
            <v>6.1980000000000004</v>
          </cell>
          <cell r="K23">
            <v>24.379000000000001</v>
          </cell>
          <cell r="P23">
            <v>0</v>
          </cell>
          <cell r="Q23">
            <v>3.35</v>
          </cell>
          <cell r="U23">
            <v>0.61</v>
          </cell>
          <cell r="V23">
            <v>0</v>
          </cell>
          <cell r="W23">
            <v>31.975000000000001</v>
          </cell>
          <cell r="X23">
            <v>0.11779199999999999</v>
          </cell>
        </row>
        <row r="24">
          <cell r="A24">
            <v>1083.2360749383643</v>
          </cell>
          <cell r="C24" t="str">
            <v>Wind-Generated Electricity (land-based)</v>
          </cell>
          <cell r="D24">
            <v>7</v>
          </cell>
          <cell r="E24">
            <v>4.961400000000002</v>
          </cell>
          <cell r="F24">
            <v>32.79</v>
          </cell>
          <cell r="G24">
            <v>394.53800000000001</v>
          </cell>
          <cell r="H24">
            <v>9.9618000000000002</v>
          </cell>
          <cell r="I24">
            <v>5.99</v>
          </cell>
          <cell r="J24">
            <v>34.1</v>
          </cell>
          <cell r="K24">
            <v>99.165999999999997</v>
          </cell>
          <cell r="L24">
            <v>9.399666938364259</v>
          </cell>
          <cell r="M24">
            <v>20.100000000000001</v>
          </cell>
          <cell r="N24">
            <v>6.71</v>
          </cell>
          <cell r="O24">
            <v>2.67</v>
          </cell>
          <cell r="P24">
            <v>16.728000000000002</v>
          </cell>
          <cell r="Q24">
            <v>7.3930000000000007</v>
          </cell>
          <cell r="R24">
            <v>5.5</v>
          </cell>
          <cell r="S24">
            <v>13.7</v>
          </cell>
          <cell r="T24">
            <v>54.21</v>
          </cell>
          <cell r="U24">
            <v>19.239999999999998</v>
          </cell>
          <cell r="V24">
            <v>0.14599999999999999</v>
          </cell>
          <cell r="W24">
            <v>31.82</v>
          </cell>
          <cell r="X24">
            <v>299.88220799999999</v>
          </cell>
        </row>
        <row r="25">
          <cell r="A25">
            <v>16194.31291995691</v>
          </cell>
          <cell r="C25" t="str">
            <v>National Electricity Demand (TWh/yr)</v>
          </cell>
          <cell r="D25">
            <v>63</v>
          </cell>
          <cell r="E25">
            <v>83.518000000000001</v>
          </cell>
          <cell r="F25">
            <v>593.20000000000005</v>
          </cell>
          <cell r="G25">
            <v>7225.5</v>
          </cell>
          <cell r="H25">
            <v>34.244</v>
          </cell>
          <cell r="I25">
            <v>86.09</v>
          </cell>
          <cell r="J25">
            <v>489</v>
          </cell>
          <cell r="K25">
            <v>575.20000000000005</v>
          </cell>
          <cell r="L25">
            <v>30.57272076466468</v>
          </cell>
          <cell r="M25">
            <v>319.10000000000002</v>
          </cell>
          <cell r="N25">
            <v>883.2</v>
          </cell>
          <cell r="O25">
            <v>523.505</v>
          </cell>
          <cell r="P25">
            <v>317.45999999999998</v>
          </cell>
          <cell r="Q25">
            <v>121.527</v>
          </cell>
          <cell r="R25">
            <v>134.9</v>
          </cell>
          <cell r="S25">
            <v>55</v>
          </cell>
          <cell r="T25">
            <v>249.14</v>
          </cell>
          <cell r="U25">
            <v>138.07219919224815</v>
          </cell>
          <cell r="V25">
            <v>57.2</v>
          </cell>
          <cell r="W25">
            <v>345.93400000000003</v>
          </cell>
          <cell r="X25">
            <v>3811.15</v>
          </cell>
        </row>
        <row r="26">
          <cell r="A26">
            <v>7.1986497525420565E-2</v>
          </cell>
          <cell r="C26" t="str">
            <v>Share of National Electricity Demand met by Wind</v>
          </cell>
          <cell r="D26">
            <v>0.1111111111111111</v>
          </cell>
          <cell r="E26">
            <v>0.11680595799707849</v>
          </cell>
          <cell r="F26">
            <v>5.527646662171274E-2</v>
          </cell>
          <cell r="G26">
            <v>5.6148363435056393E-2</v>
          </cell>
          <cell r="H26">
            <v>0.47190164700385473</v>
          </cell>
          <cell r="I26">
            <v>6.9578348240213736E-2</v>
          </cell>
          <cell r="J26">
            <v>6.9734151329243363E-2</v>
          </cell>
          <cell r="K26">
            <v>0.21478616133518774</v>
          </cell>
          <cell r="L26">
            <v>0.30745274556094465</v>
          </cell>
          <cell r="M26">
            <v>6.2989658414290189E-2</v>
          </cell>
          <cell r="N26">
            <v>7.5973731884057963E-3</v>
          </cell>
          <cell r="O26">
            <v>5.1002378200781275E-3</v>
          </cell>
          <cell r="P26">
            <v>5.2693252693252701E-2</v>
          </cell>
          <cell r="Q26">
            <v>8.8400108617838008E-2</v>
          </cell>
          <cell r="R26">
            <v>4.0770941438102296E-2</v>
          </cell>
          <cell r="S26">
            <v>0.27</v>
          </cell>
          <cell r="T26">
            <v>0.20799999999999999</v>
          </cell>
          <cell r="U26">
            <v>0.14340323479914296</v>
          </cell>
          <cell r="V26">
            <v>2.5524475524475523E-3</v>
          </cell>
          <cell r="W26">
            <v>0.18441378991368296</v>
          </cell>
          <cell r="X26">
            <v>7.871639793763037E-2</v>
          </cell>
        </row>
        <row r="27">
          <cell r="A27">
            <v>0.270763278998084</v>
          </cell>
          <cell r="C27" t="str">
            <v>Average National Capacity Factor (land-based+offshore)</v>
          </cell>
          <cell r="D27">
            <v>0.26050098060011984</v>
          </cell>
          <cell r="E27">
            <v>0.31070535600309734</v>
          </cell>
          <cell r="F27">
            <v>0.28542076975344138</v>
          </cell>
          <cell r="G27">
            <v>0.20774819341771586</v>
          </cell>
          <cell r="H27">
            <v>0.30290809132619234</v>
          </cell>
          <cell r="I27">
            <v>0.31620344709267029</v>
          </cell>
          <cell r="J27">
            <v>0.24414024045451038</v>
          </cell>
          <cell r="K27">
            <v>0.23652755909340822</v>
          </cell>
          <cell r="L27">
            <v>0.27595091617377615</v>
          </cell>
          <cell r="M27">
            <v>0.22310038678281383</v>
          </cell>
          <cell r="N27">
            <v>0.20221270727555896</v>
          </cell>
          <cell r="O27">
            <v>0.21856903588952686</v>
          </cell>
          <cell r="P27">
            <v>0.34817923987526495</v>
          </cell>
          <cell r="Q27">
            <v>0.27992920863129389</v>
          </cell>
          <cell r="R27">
            <v>0.3060313322667863</v>
          </cell>
          <cell r="S27">
            <v>0.28948208063660702</v>
          </cell>
          <cell r="T27">
            <v>0.25178948893840147</v>
          </cell>
          <cell r="U27">
            <v>0.2603702306880244</v>
          </cell>
          <cell r="V27">
            <v>0.22222222222222221</v>
          </cell>
          <cell r="W27">
            <v>0.32</v>
          </cell>
          <cell r="X27">
            <v>0.3389994837037863</v>
          </cell>
        </row>
        <row r="28">
          <cell r="A28">
            <v>0.37887105647534258</v>
          </cell>
          <cell r="C28" t="str">
            <v>Average National Capacity Factor (offshore)</v>
          </cell>
          <cell r="D28" t="str">
            <v/>
          </cell>
          <cell r="E28">
            <v>0.39931431884173857</v>
          </cell>
          <cell r="F28" t="str">
            <v/>
          </cell>
          <cell r="G28">
            <v>0.22046905670767525</v>
          </cell>
          <cell r="H28">
            <v>0.41619661563255439</v>
          </cell>
          <cell r="K28">
            <v>0.39913816673788577</v>
          </cell>
          <cell r="M28" t="str">
            <v/>
          </cell>
          <cell r="P28" t="str">
            <v/>
          </cell>
          <cell r="Q28">
            <v>0.39960302123740954</v>
          </cell>
          <cell r="S28" t="str">
            <v/>
          </cell>
          <cell r="U28">
            <v>0.34302809456328587</v>
          </cell>
          <cell r="V28" t="str">
            <v/>
          </cell>
          <cell r="W28">
            <v>0.40500000000000003</v>
          </cell>
          <cell r="X28">
            <v>0.4482191780821918</v>
          </cell>
        </row>
        <row r="29">
          <cell r="A29">
            <v>0.26249053540544054</v>
          </cell>
          <cell r="C29" t="str">
            <v>Average National Capacity Factor (land-based)</v>
          </cell>
          <cell r="D29">
            <v>0.26050098060011984</v>
          </cell>
          <cell r="E29">
            <v>0.25584761395568451</v>
          </cell>
          <cell r="F29">
            <v>0.28542076975344138</v>
          </cell>
          <cell r="G29">
            <v>0.20740962143278246</v>
          </cell>
          <cell r="H29">
            <v>0.25903833959641431</v>
          </cell>
          <cell r="I29">
            <v>0.3272035382993107</v>
          </cell>
          <cell r="J29">
            <v>0.24414024045451038</v>
          </cell>
          <cell r="K29">
            <v>0.21499448540857669</v>
          </cell>
          <cell r="L29">
            <v>0.27775094544642975</v>
          </cell>
          <cell r="M29">
            <v>0.22310038678281383</v>
          </cell>
          <cell r="N29">
            <v>0.2055554248496719</v>
          </cell>
          <cell r="O29">
            <v>0.23046844653908899</v>
          </cell>
          <cell r="P29">
            <v>0.34817923987526495</v>
          </cell>
          <cell r="Q29">
            <v>0.24648065761959634</v>
          </cell>
          <cell r="R29">
            <v>0.3063748017755033</v>
          </cell>
          <cell r="S29">
            <v>0.28948208063660702</v>
          </cell>
          <cell r="T29">
            <v>0.25178948893840147</v>
          </cell>
          <cell r="U29">
            <v>0.25906428779941854</v>
          </cell>
          <cell r="V29">
            <v>0.22222222222222221</v>
          </cell>
          <cell r="W29">
            <v>0.26500000000000001</v>
          </cell>
          <cell r="X29">
            <v>0.3389670398012059</v>
          </cell>
        </row>
        <row r="30">
          <cell r="A30">
            <v>0.27672370732767992</v>
          </cell>
          <cell r="C30" t="str">
            <v>Average National Capacity Factor (landbased+offshore, turbines in operation the whole year)</v>
          </cell>
          <cell r="G30">
            <v>0.22053707327679931</v>
          </cell>
          <cell r="I30">
            <v>0.32700000000000001</v>
          </cell>
          <cell r="J30">
            <v>0.247</v>
          </cell>
          <cell r="L30">
            <v>0.28000000000000003</v>
          </cell>
          <cell r="M30">
            <v>0.223</v>
          </cell>
          <cell r="R30">
            <v>0.33500000000000002</v>
          </cell>
          <cell r="S30">
            <v>0.28799999999999998</v>
          </cell>
          <cell r="T30">
            <v>0.2407</v>
          </cell>
          <cell r="X30">
            <v>0.35</v>
          </cell>
        </row>
        <row r="31">
          <cell r="A31">
            <v>0.33154642826892133</v>
          </cell>
          <cell r="C31" t="str">
            <v>Average National Capacity Factor (offshore, turbines in operation the whole year)</v>
          </cell>
          <cell r="G31">
            <v>0.21487367845565081</v>
          </cell>
          <cell r="X31">
            <v>0.4482191780821918</v>
          </cell>
        </row>
        <row r="32">
          <cell r="A32">
            <v>0.26057956247948189</v>
          </cell>
          <cell r="C32" t="str">
            <v>Average National Capacity Factor (landbased, turbines in operation the whole year)</v>
          </cell>
          <cell r="G32">
            <v>0.22077737487689139</v>
          </cell>
          <cell r="M32">
            <v>0.223</v>
          </cell>
          <cell r="R32">
            <v>0.33500000000000002</v>
          </cell>
          <cell r="S32">
            <v>0.28799999999999998</v>
          </cell>
          <cell r="T32">
            <v>0.2407</v>
          </cell>
        </row>
        <row r="33">
          <cell r="A33">
            <v>32.808209186960475</v>
          </cell>
          <cell r="C33" t="str">
            <v>Curtailed Electricity (estimate) TWh</v>
          </cell>
          <cell r="G33">
            <v>16.899999999999999</v>
          </cell>
          <cell r="K33">
            <v>6.27</v>
          </cell>
          <cell r="L33">
            <v>0.7</v>
          </cell>
          <cell r="O33">
            <v>5.0000000000000001E-3</v>
          </cell>
          <cell r="R33">
            <v>0</v>
          </cell>
          <cell r="W33">
            <v>1.94</v>
          </cell>
          <cell r="X33">
            <v>6.9932091869604749</v>
          </cell>
        </row>
        <row r="34">
          <cell r="A34">
            <v>34513398</v>
          </cell>
          <cell r="C34" t="str">
            <v>Land area (km2)</v>
          </cell>
          <cell r="D34">
            <v>84000</v>
          </cell>
          <cell r="E34">
            <v>30280</v>
          </cell>
          <cell r="F34">
            <v>9093507</v>
          </cell>
          <cell r="G34">
            <v>9600000</v>
          </cell>
          <cell r="H34">
            <v>43560</v>
          </cell>
          <cell r="I34">
            <v>338424</v>
          </cell>
          <cell r="J34">
            <v>551695</v>
          </cell>
          <cell r="K34">
            <v>357582</v>
          </cell>
          <cell r="L34">
            <v>70273</v>
          </cell>
          <cell r="M34">
            <v>301338</v>
          </cell>
          <cell r="N34">
            <v>364555</v>
          </cell>
          <cell r="O34">
            <v>100340</v>
          </cell>
          <cell r="P34">
            <v>1964375</v>
          </cell>
          <cell r="Q34">
            <v>41543</v>
          </cell>
          <cell r="R34">
            <v>385203</v>
          </cell>
          <cell r="S34">
            <v>92212</v>
          </cell>
          <cell r="T34">
            <v>505990</v>
          </cell>
          <cell r="U34">
            <v>447435</v>
          </cell>
          <cell r="V34">
            <v>41285</v>
          </cell>
          <cell r="W34">
            <v>242495</v>
          </cell>
          <cell r="X34">
            <v>9857306</v>
          </cell>
        </row>
        <row r="35">
          <cell r="A35">
            <v>2482102090</v>
          </cell>
          <cell r="C35" t="str">
            <v>Population check some report in millions some total</v>
          </cell>
          <cell r="D35">
            <v>8000000</v>
          </cell>
          <cell r="E35">
            <v>11429336</v>
          </cell>
          <cell r="F35">
            <v>37800000</v>
          </cell>
          <cell r="G35">
            <v>1400050000</v>
          </cell>
          <cell r="H35">
            <v>5806081</v>
          </cell>
          <cell r="I35">
            <v>5526774</v>
          </cell>
          <cell r="J35">
            <v>66890000</v>
          </cell>
          <cell r="K35">
            <v>83166711</v>
          </cell>
          <cell r="L35">
            <v>4775000</v>
          </cell>
          <cell r="M35">
            <v>60359546</v>
          </cell>
          <cell r="N35">
            <v>127000000</v>
          </cell>
          <cell r="O35">
            <v>51780000</v>
          </cell>
          <cell r="P35">
            <v>126570000</v>
          </cell>
          <cell r="Q35">
            <v>17300000</v>
          </cell>
          <cell r="R35">
            <v>5367580</v>
          </cell>
          <cell r="S35">
            <v>10309573</v>
          </cell>
          <cell r="T35">
            <v>46940000</v>
          </cell>
          <cell r="U35">
            <v>10327589</v>
          </cell>
          <cell r="V35">
            <v>8603900</v>
          </cell>
          <cell r="W35">
            <v>66100000</v>
          </cell>
          <cell r="X35">
            <v>328000000</v>
          </cell>
        </row>
        <row r="36">
          <cell r="K36">
            <v>5.0750738597272242E-2</v>
          </cell>
          <cell r="L36">
            <v>6.9309216261479206E-2</v>
          </cell>
        </row>
        <row r="38">
          <cell r="C38" t="str">
            <v>2.       Renewable Energy and Wind Targets for Member Countries</v>
          </cell>
          <cell r="D38">
            <v>2019</v>
          </cell>
          <cell r="E38">
            <v>2019</v>
          </cell>
          <cell r="F38">
            <v>2019</v>
          </cell>
          <cell r="G38">
            <v>2019</v>
          </cell>
          <cell r="H38">
            <v>2019</v>
          </cell>
          <cell r="I38">
            <v>2019</v>
          </cell>
          <cell r="J38">
            <v>2018</v>
          </cell>
          <cell r="K38">
            <v>2019</v>
          </cell>
          <cell r="L38">
            <v>2019</v>
          </cell>
          <cell r="M38">
            <v>2019</v>
          </cell>
          <cell r="N38">
            <v>2019</v>
          </cell>
          <cell r="O38">
            <v>2019</v>
          </cell>
          <cell r="P38">
            <v>2019</v>
          </cell>
          <cell r="Q38">
            <v>2019</v>
          </cell>
          <cell r="R38">
            <v>2019</v>
          </cell>
          <cell r="S38">
            <v>2019</v>
          </cell>
          <cell r="T38">
            <v>2019</v>
          </cell>
          <cell r="U38">
            <v>2019</v>
          </cell>
          <cell r="V38">
            <v>2019</v>
          </cell>
          <cell r="W38">
            <v>2019</v>
          </cell>
          <cell r="X38">
            <v>2019</v>
          </cell>
        </row>
        <row r="39">
          <cell r="C39" t="str">
            <v>Official Target Renewable Energy Sources</v>
          </cell>
          <cell r="D39">
            <v>0.34</v>
          </cell>
          <cell r="E39">
            <v>0.13</v>
          </cell>
          <cell r="G39">
            <v>680000</v>
          </cell>
          <cell r="H39">
            <v>0.3</v>
          </cell>
          <cell r="I39">
            <v>0.39</v>
          </cell>
          <cell r="J39">
            <v>74000</v>
          </cell>
          <cell r="K39" t="str">
            <v>40-45%</v>
          </cell>
          <cell r="L39">
            <v>0.16</v>
          </cell>
          <cell r="M39">
            <v>0.17</v>
          </cell>
          <cell r="N39">
            <v>0.22</v>
          </cell>
          <cell r="O39">
            <v>0.2</v>
          </cell>
          <cell r="P39">
            <v>4199</v>
          </cell>
          <cell r="Q39">
            <v>0.14000000000000001</v>
          </cell>
          <cell r="R39">
            <v>28.4</v>
          </cell>
          <cell r="S39">
            <v>0.47</v>
          </cell>
          <cell r="T39">
            <v>0.2</v>
          </cell>
          <cell r="U39">
            <v>1</v>
          </cell>
          <cell r="V39">
            <v>24.2</v>
          </cell>
        </row>
        <row r="40">
          <cell r="C40" t="str">
            <v>Year for official Renewable Energy target</v>
          </cell>
          <cell r="D40">
            <v>2020</v>
          </cell>
          <cell r="E40">
            <v>2020</v>
          </cell>
          <cell r="G40">
            <v>2020</v>
          </cell>
          <cell r="H40">
            <v>2020</v>
          </cell>
          <cell r="I40">
            <v>2020</v>
          </cell>
          <cell r="J40">
            <v>2023</v>
          </cell>
          <cell r="K40">
            <v>2025</v>
          </cell>
          <cell r="L40">
            <v>2020</v>
          </cell>
          <cell r="M40">
            <v>2020</v>
          </cell>
          <cell r="N40">
            <v>2030</v>
          </cell>
          <cell r="O40">
            <v>2030</v>
          </cell>
          <cell r="P40">
            <v>2019</v>
          </cell>
          <cell r="Q40">
            <v>2020</v>
          </cell>
          <cell r="R40">
            <v>2021</v>
          </cell>
          <cell r="S40">
            <v>2030</v>
          </cell>
          <cell r="T40">
            <v>2020</v>
          </cell>
          <cell r="U40">
            <v>2040</v>
          </cell>
          <cell r="V40">
            <v>2050</v>
          </cell>
        </row>
        <row r="41">
          <cell r="C41" t="str">
            <v>Official Target Wind reached (calculate from given number in row 103)</v>
          </cell>
          <cell r="D41">
            <v>3800</v>
          </cell>
          <cell r="E41">
            <v>5741</v>
          </cell>
          <cell r="G41">
            <v>210000</v>
          </cell>
          <cell r="H41">
            <v>0.5</v>
          </cell>
          <cell r="I41">
            <v>6</v>
          </cell>
          <cell r="J41">
            <v>27000</v>
          </cell>
          <cell r="K41">
            <v>7700</v>
          </cell>
          <cell r="L41">
            <v>3500</v>
          </cell>
          <cell r="M41">
            <v>12680</v>
          </cell>
          <cell r="N41">
            <v>10000</v>
          </cell>
          <cell r="O41">
            <v>17700</v>
          </cell>
          <cell r="P41">
            <v>7000</v>
          </cell>
          <cell r="Q41">
            <v>6000</v>
          </cell>
          <cell r="S41">
            <v>5300</v>
          </cell>
          <cell r="T41">
            <v>35</v>
          </cell>
          <cell r="U41">
            <v>30</v>
          </cell>
          <cell r="V41">
            <v>0.4</v>
          </cell>
          <cell r="W41">
            <v>40000</v>
          </cell>
          <cell r="X41">
            <v>0.1</v>
          </cell>
        </row>
        <row r="42">
          <cell r="C42" t="str">
            <v>Year for official wind target</v>
          </cell>
          <cell r="D42">
            <v>2020</v>
          </cell>
          <cell r="E42">
            <v>2020</v>
          </cell>
          <cell r="G42">
            <v>2020</v>
          </cell>
          <cell r="H42">
            <v>2020</v>
          </cell>
          <cell r="I42">
            <v>2020</v>
          </cell>
          <cell r="J42">
            <v>2023</v>
          </cell>
          <cell r="K42">
            <v>2020</v>
          </cell>
          <cell r="M42">
            <v>2020</v>
          </cell>
          <cell r="N42">
            <v>2030</v>
          </cell>
          <cell r="O42">
            <v>2030</v>
          </cell>
          <cell r="P42">
            <v>2020</v>
          </cell>
          <cell r="Q42">
            <v>2020</v>
          </cell>
          <cell r="S42">
            <v>2020</v>
          </cell>
          <cell r="T42">
            <v>2020</v>
          </cell>
          <cell r="U42">
            <v>2020</v>
          </cell>
          <cell r="V42">
            <v>2020</v>
          </cell>
          <cell r="W42">
            <v>2030</v>
          </cell>
        </row>
        <row r="43">
          <cell r="K43" t="str">
            <v>offshore target</v>
          </cell>
          <cell r="P43" t="str">
            <v>from 2018 report</v>
          </cell>
          <cell r="Q43" t="str">
            <v>6GW on land</v>
          </cell>
          <cell r="S43" t="str">
            <v>New target 9.3 2030</v>
          </cell>
          <cell r="T43" t="str">
            <v>Bew target 50 GW 2030</v>
          </cell>
          <cell r="V43" t="str">
            <v>New target 4.3GW 2050</v>
          </cell>
        </row>
        <row r="44">
          <cell r="C44" t="str">
            <v>3.       Wind Resource Compared to Average</v>
          </cell>
          <cell r="D44">
            <v>2019</v>
          </cell>
          <cell r="E44">
            <v>2019</v>
          </cell>
          <cell r="F44">
            <v>2019</v>
          </cell>
          <cell r="G44">
            <v>2019</v>
          </cell>
          <cell r="H44">
            <v>2019</v>
          </cell>
          <cell r="I44">
            <v>2019</v>
          </cell>
          <cell r="J44">
            <v>2019</v>
          </cell>
          <cell r="K44">
            <v>2019</v>
          </cell>
          <cell r="L44">
            <v>2019</v>
          </cell>
          <cell r="M44">
            <v>2019</v>
          </cell>
          <cell r="N44">
            <v>2019</v>
          </cell>
          <cell r="O44">
            <v>2019</v>
          </cell>
          <cell r="P44">
            <v>2019</v>
          </cell>
          <cell r="Q44">
            <v>2019</v>
          </cell>
          <cell r="R44">
            <v>2019</v>
          </cell>
          <cell r="S44">
            <v>2019</v>
          </cell>
          <cell r="T44">
            <v>2019</v>
          </cell>
          <cell r="U44">
            <v>2019</v>
          </cell>
          <cell r="V44">
            <v>2018</v>
          </cell>
          <cell r="W44">
            <v>2019</v>
          </cell>
          <cell r="X44">
            <v>2019</v>
          </cell>
        </row>
        <row r="45">
          <cell r="C45" t="str">
            <v>Wind Resource</v>
          </cell>
          <cell r="H45">
            <v>0.95</v>
          </cell>
          <cell r="I45">
            <v>0.98</v>
          </cell>
          <cell r="K45">
            <v>1.0189999999999999</v>
          </cell>
          <cell r="R45">
            <v>0.98499999999999999</v>
          </cell>
          <cell r="S45">
            <v>1.07</v>
          </cell>
          <cell r="X45">
            <v>1</v>
          </cell>
        </row>
        <row r="47">
          <cell r="C47" t="str">
            <v>4.       Potential Increases to Capacity IEA Wind Member Countries</v>
          </cell>
          <cell r="D47">
            <v>2019</v>
          </cell>
          <cell r="E47">
            <v>2019</v>
          </cell>
          <cell r="F47">
            <v>2019</v>
          </cell>
          <cell r="G47">
            <v>2019</v>
          </cell>
          <cell r="H47">
            <v>2019</v>
          </cell>
          <cell r="I47">
            <v>2019</v>
          </cell>
          <cell r="J47">
            <v>2019</v>
          </cell>
          <cell r="K47">
            <v>2019</v>
          </cell>
          <cell r="L47">
            <v>2019</v>
          </cell>
          <cell r="M47">
            <v>2019</v>
          </cell>
          <cell r="N47">
            <v>2019</v>
          </cell>
          <cell r="O47">
            <v>2019</v>
          </cell>
          <cell r="P47">
            <v>2019</v>
          </cell>
          <cell r="Q47">
            <v>2019</v>
          </cell>
          <cell r="R47">
            <v>2019</v>
          </cell>
          <cell r="S47">
            <v>2019</v>
          </cell>
          <cell r="T47">
            <v>2019</v>
          </cell>
          <cell r="U47">
            <v>2019</v>
          </cell>
          <cell r="V47">
            <v>2019</v>
          </cell>
          <cell r="W47">
            <v>2019</v>
          </cell>
          <cell r="X47">
            <v>2019</v>
          </cell>
        </row>
        <row r="48">
          <cell r="C48" t="str">
            <v>Projects approved by all planning bodies (land-based)</v>
          </cell>
          <cell r="D48">
            <v>1185</v>
          </cell>
          <cell r="E48">
            <v>776</v>
          </cell>
          <cell r="F48">
            <v>1176</v>
          </cell>
          <cell r="I48">
            <v>3839</v>
          </cell>
          <cell r="O48">
            <v>2600</v>
          </cell>
          <cell r="P48">
            <v>0</v>
          </cell>
          <cell r="Q48">
            <v>66</v>
          </cell>
          <cell r="R48">
            <v>4270</v>
          </cell>
          <cell r="T48">
            <v>9984</v>
          </cell>
          <cell r="U48">
            <v>6257</v>
          </cell>
          <cell r="V48">
            <v>0</v>
          </cell>
          <cell r="X48">
            <v>35032</v>
          </cell>
        </row>
        <row r="49">
          <cell r="C49" t="str">
            <v>Projects approved by all planning bodies (offshore)</v>
          </cell>
          <cell r="E49">
            <v>1586</v>
          </cell>
          <cell r="F49">
            <v>0</v>
          </cell>
          <cell r="H49">
            <v>600</v>
          </cell>
          <cell r="I49">
            <v>0</v>
          </cell>
          <cell r="J49">
            <v>480</v>
          </cell>
          <cell r="K49">
            <v>3200</v>
          </cell>
          <cell r="M49">
            <v>30</v>
          </cell>
          <cell r="O49">
            <v>800</v>
          </cell>
          <cell r="Q49">
            <v>2100</v>
          </cell>
          <cell r="U49">
            <v>1925</v>
          </cell>
          <cell r="V49">
            <v>0</v>
          </cell>
          <cell r="W49">
            <v>850</v>
          </cell>
          <cell r="X49">
            <v>9121</v>
          </cell>
        </row>
        <row r="50">
          <cell r="C50" t="str">
            <v>Projects currently under construction (land-based)</v>
          </cell>
          <cell r="D50">
            <v>25</v>
          </cell>
          <cell r="I50">
            <v>1347</v>
          </cell>
          <cell r="O50">
            <v>300</v>
          </cell>
          <cell r="P50">
            <v>1070</v>
          </cell>
          <cell r="Q50">
            <v>3092</v>
          </cell>
          <cell r="R50">
            <v>2487</v>
          </cell>
          <cell r="U50">
            <v>4271</v>
          </cell>
          <cell r="V50">
            <v>12</v>
          </cell>
          <cell r="X50">
            <v>22115</v>
          </cell>
        </row>
        <row r="51">
          <cell r="C51" t="str">
            <v xml:space="preserve">Projects currently under construction (offshore) </v>
          </cell>
          <cell r="E51">
            <v>706</v>
          </cell>
          <cell r="F51">
            <v>0</v>
          </cell>
          <cell r="I51">
            <v>0</v>
          </cell>
          <cell r="J51">
            <v>480</v>
          </cell>
          <cell r="K51">
            <v>100</v>
          </cell>
          <cell r="O51">
            <v>0</v>
          </cell>
          <cell r="Q51">
            <v>2100</v>
          </cell>
          <cell r="U51">
            <v>0</v>
          </cell>
          <cell r="V51">
            <v>0</v>
          </cell>
          <cell r="W51">
            <v>1810</v>
          </cell>
        </row>
        <row r="53">
          <cell r="C53" t="str">
            <v>5.       Estimated Average Turbine Cost and Average Total Installed Project Cost</v>
          </cell>
          <cell r="D53">
            <v>2019</v>
          </cell>
          <cell r="E53">
            <v>2019</v>
          </cell>
          <cell r="F53">
            <v>2019</v>
          </cell>
          <cell r="G53">
            <v>2019</v>
          </cell>
          <cell r="H53">
            <v>2019</v>
          </cell>
          <cell r="I53">
            <v>2019</v>
          </cell>
          <cell r="J53">
            <v>2019</v>
          </cell>
          <cell r="K53">
            <v>2019</v>
          </cell>
          <cell r="L53">
            <v>2019</v>
          </cell>
          <cell r="M53">
            <v>2019</v>
          </cell>
          <cell r="N53">
            <v>2019</v>
          </cell>
          <cell r="O53">
            <v>2019</v>
          </cell>
          <cell r="P53">
            <v>2019</v>
          </cell>
          <cell r="Q53">
            <v>2019</v>
          </cell>
          <cell r="R53">
            <v>2019</v>
          </cell>
          <cell r="S53">
            <v>2019</v>
          </cell>
          <cell r="T53">
            <v>2019</v>
          </cell>
          <cell r="U53">
            <v>2019</v>
          </cell>
          <cell r="V53">
            <v>2019</v>
          </cell>
          <cell r="W53">
            <v>2019</v>
          </cell>
          <cell r="X53">
            <v>2019</v>
          </cell>
        </row>
        <row r="54">
          <cell r="C54" t="str">
            <v>Average Turbine Cost (land-based) (EUR/kW)</v>
          </cell>
          <cell r="G54">
            <v>518.4</v>
          </cell>
          <cell r="O54">
            <v>950</v>
          </cell>
          <cell r="P54">
            <v>1214.6400000000001</v>
          </cell>
          <cell r="R54">
            <v>891.13800000000003</v>
          </cell>
          <cell r="S54">
            <v>1308</v>
          </cell>
          <cell r="T54">
            <v>880</v>
          </cell>
          <cell r="X54">
            <v>800</v>
          </cell>
        </row>
        <row r="55">
          <cell r="C55" t="str">
            <v>Average Turbine Cost (offshore) (EUR/kW)</v>
          </cell>
          <cell r="G55">
            <v>953.13599999999997</v>
          </cell>
          <cell r="O55">
            <v>1500</v>
          </cell>
        </row>
        <row r="56">
          <cell r="C56" t="str">
            <v>Average Total Installed Project Cost* (land-based) (EUR/kW)</v>
          </cell>
          <cell r="F56">
            <v>1769.135</v>
          </cell>
          <cell r="G56">
            <v>1007.9999999999999</v>
          </cell>
          <cell r="J56">
            <v>1684.5</v>
          </cell>
          <cell r="K56">
            <v>1541.79</v>
          </cell>
          <cell r="M56">
            <v>1200</v>
          </cell>
          <cell r="O56">
            <v>1700</v>
          </cell>
          <cell r="P56">
            <v>1687</v>
          </cell>
          <cell r="R56">
            <v>1174.086</v>
          </cell>
          <cell r="S56">
            <v>1635</v>
          </cell>
          <cell r="T56">
            <v>1050</v>
          </cell>
        </row>
        <row r="57">
          <cell r="C57" t="str">
            <v>Average Total Installed Project Cost* (offshore)</v>
          </cell>
          <cell r="G57">
            <v>2160</v>
          </cell>
          <cell r="O57">
            <v>4160</v>
          </cell>
        </row>
        <row r="58">
          <cell r="C58" t="str">
            <v>*Include: costs for turbines, roads, electrical equipment, installation, development, and grid connection per kW of installed capacity.</v>
          </cell>
          <cell r="E58" t="str">
            <v xml:space="preserve">On 27 October 2017, the federal government took a decision regarding the LCOE for the remaining parks: Mermaid, Northwester 2, and Seastar to be built at an LCOE of 79 EUR/MWh </v>
          </cell>
          <cell r="J58" t="str">
            <v>USD (1500Euros</v>
          </cell>
          <cell r="M58" t="str">
            <v>euro</v>
          </cell>
          <cell r="O58" t="str">
            <v>usd</v>
          </cell>
          <cell r="P58" t="str">
            <v>USD</v>
          </cell>
          <cell r="R58" t="str">
            <v>USD</v>
          </cell>
          <cell r="S58" t="str">
            <v>USD or euro? Same numbers 2016…2019</v>
          </cell>
          <cell r="T58" t="str">
            <v>USD</v>
          </cell>
          <cell r="X58" t="str">
            <v>USD</v>
          </cell>
        </row>
        <row r="60">
          <cell r="C60" t="str">
            <v>6.       Estimated Jobs and Economic Impact of Wind Development</v>
          </cell>
          <cell r="D60">
            <v>2019</v>
          </cell>
          <cell r="E60">
            <v>2019</v>
          </cell>
          <cell r="F60">
            <v>2019</v>
          </cell>
          <cell r="G60">
            <v>2019</v>
          </cell>
          <cell r="H60">
            <v>2019</v>
          </cell>
          <cell r="I60">
            <v>2019</v>
          </cell>
          <cell r="J60">
            <v>2019</v>
          </cell>
          <cell r="K60">
            <v>2019</v>
          </cell>
          <cell r="L60">
            <v>2019</v>
          </cell>
          <cell r="M60">
            <v>2019</v>
          </cell>
          <cell r="N60">
            <v>2019</v>
          </cell>
          <cell r="O60">
            <v>2019</v>
          </cell>
          <cell r="P60">
            <v>2019</v>
          </cell>
          <cell r="Q60">
            <v>2019</v>
          </cell>
          <cell r="R60">
            <v>2019</v>
          </cell>
          <cell r="S60">
            <v>2019</v>
          </cell>
          <cell r="T60">
            <v>2019</v>
          </cell>
          <cell r="U60">
            <v>2019</v>
          </cell>
          <cell r="V60">
            <v>2019</v>
          </cell>
          <cell r="W60">
            <v>2019</v>
          </cell>
          <cell r="X60">
            <v>2019</v>
          </cell>
        </row>
        <row r="61">
          <cell r="A61">
            <v>756775.35</v>
          </cell>
          <cell r="C61" t="str">
            <v>Estimated Number of Jobs (direct and indirect)</v>
          </cell>
          <cell r="D61">
            <v>4100</v>
          </cell>
          <cell r="F61">
            <v>2716.35</v>
          </cell>
          <cell r="G61">
            <v>510000</v>
          </cell>
          <cell r="H61">
            <v>33159</v>
          </cell>
          <cell r="I61">
            <v>4600</v>
          </cell>
          <cell r="J61">
            <v>18200</v>
          </cell>
          <cell r="M61">
            <v>16000</v>
          </cell>
          <cell r="O61">
            <v>1500</v>
          </cell>
          <cell r="P61">
            <v>7250</v>
          </cell>
          <cell r="S61">
            <v>3250</v>
          </cell>
          <cell r="T61">
            <v>24000</v>
          </cell>
          <cell r="W61">
            <v>12700</v>
          </cell>
          <cell r="X61">
            <v>114800</v>
          </cell>
        </row>
        <row r="62">
          <cell r="A62">
            <v>27519028595</v>
          </cell>
          <cell r="C62" t="str">
            <v>Economic Impact (direct and indirect) EUR</v>
          </cell>
          <cell r="D62">
            <v>4000000</v>
          </cell>
          <cell r="F62">
            <v>1056173595</v>
          </cell>
          <cell r="K62">
            <v>7220000000</v>
          </cell>
          <cell r="M62">
            <v>4155000</v>
          </cell>
          <cell r="O62">
            <v>700000000</v>
          </cell>
          <cell r="T62">
            <v>4526000000</v>
          </cell>
          <cell r="W62">
            <v>8700000</v>
          </cell>
          <cell r="X62">
            <v>14000000000</v>
          </cell>
        </row>
        <row r="63">
          <cell r="F63" t="str">
            <v>USD</v>
          </cell>
          <cell r="M63" t="str">
            <v>USD</v>
          </cell>
          <cell r="O63" t="str">
            <v>USD</v>
          </cell>
          <cell r="T63" t="str">
            <v>USD</v>
          </cell>
          <cell r="X63" t="str">
            <v>USD</v>
          </cell>
        </row>
        <row r="64">
          <cell r="C64" t="str">
            <v>7.       National R&amp;D Budget</v>
          </cell>
          <cell r="D64">
            <v>2019</v>
          </cell>
          <cell r="E64">
            <v>2019</v>
          </cell>
          <cell r="F64">
            <v>2019</v>
          </cell>
          <cell r="G64">
            <v>2019</v>
          </cell>
          <cell r="H64">
            <v>2019</v>
          </cell>
          <cell r="I64">
            <v>2019</v>
          </cell>
          <cell r="J64">
            <v>2018</v>
          </cell>
          <cell r="K64">
            <v>2019</v>
          </cell>
          <cell r="L64">
            <v>2019</v>
          </cell>
          <cell r="M64">
            <v>2019</v>
          </cell>
          <cell r="N64">
            <v>2019</v>
          </cell>
          <cell r="O64">
            <v>2019</v>
          </cell>
          <cell r="P64">
            <v>2019</v>
          </cell>
          <cell r="Q64">
            <v>2019</v>
          </cell>
          <cell r="R64">
            <v>2019</v>
          </cell>
          <cell r="S64">
            <v>2019</v>
          </cell>
          <cell r="T64">
            <v>2018</v>
          </cell>
          <cell r="U64">
            <v>2019</v>
          </cell>
          <cell r="V64">
            <v>2018</v>
          </cell>
          <cell r="W64">
            <v>2019</v>
          </cell>
          <cell r="X64">
            <v>2019</v>
          </cell>
        </row>
        <row r="65">
          <cell r="A65">
            <v>400550236</v>
          </cell>
          <cell r="C65" t="str">
            <v>National R&amp;D Budget (EUR)</v>
          </cell>
          <cell r="F65">
            <v>3078603</v>
          </cell>
          <cell r="G65">
            <v>9360000</v>
          </cell>
          <cell r="H65">
            <v>22200000</v>
          </cell>
          <cell r="I65">
            <v>400000</v>
          </cell>
          <cell r="K65">
            <v>90683373</v>
          </cell>
          <cell r="N65">
            <v>65970000</v>
          </cell>
          <cell r="O65">
            <v>36000000</v>
          </cell>
          <cell r="P65">
            <v>330000</v>
          </cell>
          <cell r="Q65">
            <v>36000000</v>
          </cell>
          <cell r="R65">
            <v>5100000</v>
          </cell>
          <cell r="T65">
            <v>26280000</v>
          </cell>
          <cell r="U65">
            <v>5856000</v>
          </cell>
          <cell r="V65">
            <v>5392260</v>
          </cell>
          <cell r="X65">
            <v>92000000</v>
          </cell>
        </row>
        <row r="66">
          <cell r="F66" t="str">
            <v>USD</v>
          </cell>
          <cell r="H66" t="str">
            <v>USD</v>
          </cell>
          <cell r="O66" t="str">
            <v>USD</v>
          </cell>
          <cell r="P66" t="str">
            <v>USD</v>
          </cell>
          <cell r="R66" t="str">
            <v>USD</v>
          </cell>
          <cell r="T66" t="str">
            <v>USD</v>
          </cell>
          <cell r="U66" t="str">
            <v>USD</v>
          </cell>
          <cell r="V66" t="str">
            <v>USD</v>
          </cell>
          <cell r="X66" t="str">
            <v>USD</v>
          </cell>
        </row>
        <row r="68">
          <cell r="C68" t="str">
            <v xml:space="preserve">(Mark all that apply; add a description in the blank row for any new incentive scheme not listed in this table.) </v>
          </cell>
          <cell r="D68" t="str">
            <v>Austria</v>
          </cell>
          <cell r="E68" t="str">
            <v>Belgium</v>
          </cell>
          <cell r="F68" t="str">
            <v>Canada</v>
          </cell>
          <cell r="G68" t="str">
            <v>China</v>
          </cell>
          <cell r="I68" t="str">
            <v>Finland</v>
          </cell>
          <cell r="J68" t="str">
            <v>France</v>
          </cell>
          <cell r="M68" t="str">
            <v>Italy</v>
          </cell>
          <cell r="N68" t="str">
            <v>Japan</v>
          </cell>
          <cell r="O68" t="str">
            <v>Korea</v>
          </cell>
          <cell r="P68" t="str">
            <v>Mexico</v>
          </cell>
          <cell r="Q68" t="str">
            <v>Netherlands</v>
          </cell>
          <cell r="R68" t="str">
            <v>Norway</v>
          </cell>
          <cell r="S68" t="str">
            <v>Portugal</v>
          </cell>
          <cell r="T68" t="str">
            <v>Spain</v>
          </cell>
          <cell r="U68" t="str">
            <v>Sweden</v>
          </cell>
          <cell r="V68" t="str">
            <v>Switzerland</v>
          </cell>
          <cell r="X68" t="str">
            <v>USA</v>
          </cell>
        </row>
        <row r="69">
          <cell r="C69" t="str">
            <v>8. Incentive Program</v>
          </cell>
          <cell r="D69">
            <v>2019</v>
          </cell>
          <cell r="E69">
            <v>2019</v>
          </cell>
          <cell r="F69">
            <v>2019</v>
          </cell>
          <cell r="G69">
            <v>2019</v>
          </cell>
          <cell r="H69">
            <v>2019</v>
          </cell>
          <cell r="I69">
            <v>2019</v>
          </cell>
          <cell r="J69">
            <v>2018</v>
          </cell>
          <cell r="K69">
            <v>2019</v>
          </cell>
          <cell r="L69">
            <v>2019</v>
          </cell>
          <cell r="M69">
            <v>2019</v>
          </cell>
          <cell r="N69">
            <v>2019</v>
          </cell>
          <cell r="O69">
            <v>2019</v>
          </cell>
          <cell r="P69">
            <v>2019</v>
          </cell>
          <cell r="Q69">
            <v>2017</v>
          </cell>
          <cell r="R69">
            <v>2019</v>
          </cell>
          <cell r="S69">
            <v>2019</v>
          </cell>
          <cell r="T69">
            <v>2018</v>
          </cell>
          <cell r="U69">
            <v>2019</v>
          </cell>
          <cell r="V69">
            <v>2019</v>
          </cell>
          <cell r="W69">
            <v>2019</v>
          </cell>
          <cell r="X69">
            <v>2019</v>
          </cell>
        </row>
        <row r="70">
          <cell r="C70" t="str">
            <v>Auctions for guaranteed price</v>
          </cell>
          <cell r="F70" t="str">
            <v>Yes</v>
          </cell>
          <cell r="G70" t="str">
            <v>Yes</v>
          </cell>
          <cell r="H70" t="str">
            <v>Yes</v>
          </cell>
          <cell r="K70" t="str">
            <v>Yes</v>
          </cell>
          <cell r="M70" t="str">
            <v>yes</v>
          </cell>
          <cell r="P70" t="str">
            <v>No</v>
          </cell>
          <cell r="T70" t="str">
            <v>Yes</v>
          </cell>
          <cell r="W70" t="str">
            <v>Yes</v>
          </cell>
          <cell r="X70" t="str">
            <v>Yes</v>
          </cell>
        </row>
        <row r="71">
          <cell r="C71" t="str">
            <v>Auctions for premium</v>
          </cell>
          <cell r="I71" t="str">
            <v>Yes</v>
          </cell>
          <cell r="X71" t="str">
            <v>Yes</v>
          </cell>
        </row>
        <row r="72">
          <cell r="C72" t="str">
            <v>Capital subsidies</v>
          </cell>
          <cell r="F72" t="str">
            <v>Yes</v>
          </cell>
          <cell r="H72" t="str">
            <v>No</v>
          </cell>
        </row>
        <row r="73">
          <cell r="C73" t="str">
            <v xml:space="preserve">Feed-in tariff (FIT) </v>
          </cell>
          <cell r="D73" t="str">
            <v>Yes</v>
          </cell>
          <cell r="G73" t="str">
            <v>Yes</v>
          </cell>
          <cell r="H73" t="str">
            <v>No</v>
          </cell>
          <cell r="K73" t="str">
            <v>Yes</v>
          </cell>
          <cell r="L73" t="str">
            <v>Yes</v>
          </cell>
          <cell r="M73" t="str">
            <v>yes</v>
          </cell>
          <cell r="N73" t="str">
            <v>Yes</v>
          </cell>
          <cell r="O73" t="str">
            <v>Yes</v>
          </cell>
          <cell r="S73" t="str">
            <v>Yes</v>
          </cell>
          <cell r="V73" t="str">
            <v>Yes</v>
          </cell>
          <cell r="W73" t="str">
            <v>Yes</v>
          </cell>
          <cell r="X73" t="str">
            <v>Yes</v>
          </cell>
        </row>
        <row r="74">
          <cell r="C74" t="str">
            <v>Variable premium over market price</v>
          </cell>
          <cell r="H74" t="str">
            <v>No</v>
          </cell>
          <cell r="I74" t="str">
            <v>Yes</v>
          </cell>
          <cell r="J74" t="str">
            <v>Yes</v>
          </cell>
          <cell r="K74" t="str">
            <v>Yes</v>
          </cell>
          <cell r="Q74" t="str">
            <v>Yes</v>
          </cell>
          <cell r="S74" t="str">
            <v>Yes</v>
          </cell>
          <cell r="V74" t="str">
            <v>Yes</v>
          </cell>
          <cell r="W74" t="str">
            <v>Yes</v>
          </cell>
          <cell r="X74" t="str">
            <v>Yes</v>
          </cell>
        </row>
        <row r="75">
          <cell r="C75" t="str">
            <v>Fixed premium over the market price</v>
          </cell>
          <cell r="J75" t="str">
            <v>No</v>
          </cell>
          <cell r="X75" t="str">
            <v>Yes</v>
          </cell>
        </row>
        <row r="76">
          <cell r="C76" t="str">
            <v>Income tax credits</v>
          </cell>
          <cell r="F76" t="str">
            <v>Yes</v>
          </cell>
          <cell r="G76" t="str">
            <v>Yes</v>
          </cell>
          <cell r="H76" t="str">
            <v>No</v>
          </cell>
          <cell r="Q76" t="str">
            <v>Yes</v>
          </cell>
          <cell r="X76" t="str">
            <v>Yes</v>
          </cell>
        </row>
        <row r="77">
          <cell r="C77" t="str">
            <v>Relief from import tax</v>
          </cell>
          <cell r="G77" t="str">
            <v>Yes</v>
          </cell>
          <cell r="H77" t="str">
            <v>No</v>
          </cell>
        </row>
        <row r="78">
          <cell r="C78" t="str">
            <v>Renewable portfolio standards (RPS), renewables production obligation (RPO), or renewables obligation (RO)</v>
          </cell>
          <cell r="F78" t="str">
            <v>Yes</v>
          </cell>
          <cell r="M78" t="str">
            <v>yes</v>
          </cell>
          <cell r="O78" t="str">
            <v>Yes</v>
          </cell>
          <cell r="P78" t="str">
            <v>Yes</v>
          </cell>
          <cell r="R78" t="str">
            <v>Yes</v>
          </cell>
          <cell r="W78" t="str">
            <v>No</v>
          </cell>
          <cell r="X78" t="str">
            <v>Yes</v>
          </cell>
        </row>
        <row r="79">
          <cell r="C79" t="str">
            <v>Green certificates</v>
          </cell>
          <cell r="G79" t="str">
            <v>Yes</v>
          </cell>
          <cell r="M79" t="str">
            <v>yes</v>
          </cell>
          <cell r="P79" t="str">
            <v>Yes</v>
          </cell>
          <cell r="Q79" t="str">
            <v>Yes</v>
          </cell>
          <cell r="R79" t="str">
            <v>Yes</v>
          </cell>
          <cell r="U79" t="str">
            <v>Yes</v>
          </cell>
          <cell r="X79" t="str">
            <v>Yes</v>
          </cell>
        </row>
        <row r="80">
          <cell r="C80" t="str">
            <v>Green electricity schemes</v>
          </cell>
          <cell r="D80" t="str">
            <v>Yes</v>
          </cell>
          <cell r="I80" t="str">
            <v>Yes</v>
          </cell>
          <cell r="L80" t="str">
            <v>Yes</v>
          </cell>
          <cell r="Q80" t="str">
            <v>Yes</v>
          </cell>
          <cell r="R80" t="str">
            <v>Yes</v>
          </cell>
          <cell r="U80" t="str">
            <v>Yes</v>
          </cell>
          <cell r="X80" t="str">
            <v>Yes</v>
          </cell>
        </row>
        <row r="81">
          <cell r="C81" t="str">
            <v>Carbon tax</v>
          </cell>
          <cell r="F81" t="str">
            <v>Yes</v>
          </cell>
          <cell r="L81" t="str">
            <v>Yes</v>
          </cell>
          <cell r="Q81" t="str">
            <v>Yes</v>
          </cell>
          <cell r="R81" t="str">
            <v>Yes</v>
          </cell>
          <cell r="U81" t="str">
            <v>Yes</v>
          </cell>
          <cell r="W81" t="str">
            <v>Yes</v>
          </cell>
        </row>
        <row r="82">
          <cell r="C82" t="str">
            <v>Investment funds for wind energy</v>
          </cell>
          <cell r="H82" t="str">
            <v>No</v>
          </cell>
          <cell r="L82" t="str">
            <v>Yes</v>
          </cell>
          <cell r="Q82" t="str">
            <v>Yes</v>
          </cell>
          <cell r="W82" t="str">
            <v>Yes</v>
          </cell>
        </row>
        <row r="83">
          <cell r="C83" t="str">
            <v>Spatial planning activities</v>
          </cell>
          <cell r="D83" t="str">
            <v>Yes</v>
          </cell>
          <cell r="G83" t="str">
            <v>Yes</v>
          </cell>
          <cell r="H83" t="str">
            <v>Yes</v>
          </cell>
          <cell r="J83" t="str">
            <v>Yes</v>
          </cell>
          <cell r="L83" t="str">
            <v>Yes</v>
          </cell>
          <cell r="O83" t="str">
            <v>Yes</v>
          </cell>
          <cell r="Q83" t="str">
            <v>Yes</v>
          </cell>
          <cell r="S83" t="str">
            <v>Yes</v>
          </cell>
          <cell r="V83" t="str">
            <v>Yes</v>
          </cell>
          <cell r="W83" t="str">
            <v>Yes</v>
          </cell>
          <cell r="X83" t="str">
            <v>Yes</v>
          </cell>
        </row>
        <row r="84">
          <cell r="C84" t="str">
            <v>Special incentives for small wind</v>
          </cell>
          <cell r="F84" t="str">
            <v>Yes</v>
          </cell>
          <cell r="H84" t="str">
            <v>No</v>
          </cell>
          <cell r="L84" t="str">
            <v>Yes</v>
          </cell>
          <cell r="M84" t="str">
            <v>yes</v>
          </cell>
          <cell r="O84" t="str">
            <v>No</v>
          </cell>
          <cell r="Q84" t="str">
            <v>Yes</v>
          </cell>
          <cell r="S84" t="str">
            <v>Yes</v>
          </cell>
          <cell r="W84" t="str">
            <v>Yes</v>
          </cell>
          <cell r="X84" t="str">
            <v>Yes</v>
          </cell>
        </row>
        <row r="85">
          <cell r="C85" t="str">
            <v xml:space="preserve">Other: </v>
          </cell>
          <cell r="F85" t="str">
            <v>Yes</v>
          </cell>
          <cell r="K85" t="str">
            <v>Yes</v>
          </cell>
          <cell r="X85" t="str">
            <v>Yes</v>
          </cell>
        </row>
        <row r="86">
          <cell r="K86" t="str">
            <v>grid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 t="str">
            <v/>
          </cell>
          <cell r="E92" t="str">
            <v/>
          </cell>
          <cell r="F92" t="str">
            <v/>
          </cell>
          <cell r="G92">
            <v>1.2788879859083446E-2</v>
          </cell>
          <cell r="H92" t="str">
            <v/>
          </cell>
          <cell r="I92">
            <v>1.0796552907329726E-2</v>
          </cell>
          <cell r="J92">
            <v>2.8597595454896152E-3</v>
          </cell>
          <cell r="K92" t="str">
            <v/>
          </cell>
          <cell r="L92">
            <v>4.049083826223876E-3</v>
          </cell>
          <cell r="M92">
            <v>-1.0038678281382163E-4</v>
          </cell>
          <cell r="N92" t="str">
            <v/>
          </cell>
          <cell r="O92" t="str">
            <v/>
          </cell>
          <cell r="P92" t="str">
            <v/>
          </cell>
          <cell r="Q92" t="str">
            <v/>
          </cell>
          <cell r="R92">
            <v>2.8968667733213715E-2</v>
          </cell>
          <cell r="S92">
            <v>-1.4820806366070416E-3</v>
          </cell>
          <cell r="T92">
            <v>-1.1089488938401476E-2</v>
          </cell>
          <cell r="U92" t="str">
            <v/>
          </cell>
          <cell r="V92" t="str">
            <v/>
          </cell>
          <cell r="W92" t="str">
            <v/>
          </cell>
          <cell r="X92">
            <v>1.100051629621368E-2</v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>
            <v>-5.5953782520244411E-3</v>
          </cell>
          <cell r="H93" t="str">
            <v/>
          </cell>
          <cell r="I93" t="str">
            <v/>
          </cell>
          <cell r="J93" t="str">
            <v/>
          </cell>
          <cell r="K93" t="str">
            <v/>
          </cell>
          <cell r="L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 t="str">
            <v/>
          </cell>
          <cell r="R93" t="str">
            <v/>
          </cell>
          <cell r="S93" t="str">
            <v/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>
            <v>0</v>
          </cell>
        </row>
        <row r="94">
          <cell r="C94" t="str">
            <v>Cap factor onshore : operating whole year minus calculated</v>
          </cell>
          <cell r="D94" t="str">
            <v/>
          </cell>
          <cell r="E94" t="str">
            <v/>
          </cell>
          <cell r="F94" t="str">
            <v/>
          </cell>
          <cell r="G94">
            <v>1.3367753444108926E-2</v>
          </cell>
          <cell r="H94" t="str">
            <v/>
          </cell>
          <cell r="I94" t="str">
            <v/>
          </cell>
          <cell r="J94" t="str">
            <v/>
          </cell>
          <cell r="K94" t="str">
            <v/>
          </cell>
          <cell r="L94" t="str">
            <v/>
          </cell>
          <cell r="M94">
            <v>-1.0038678281382163E-4</v>
          </cell>
          <cell r="N94" t="str">
            <v/>
          </cell>
          <cell r="O94" t="str">
            <v/>
          </cell>
          <cell r="P94" t="str">
            <v/>
          </cell>
          <cell r="Q94" t="str">
            <v/>
          </cell>
          <cell r="R94">
            <v>2.8625198224496717E-2</v>
          </cell>
          <cell r="S94">
            <v>-1.4820806366070416E-3</v>
          </cell>
          <cell r="T94">
            <v>-1.1089488938401476E-2</v>
          </cell>
          <cell r="U94" t="str">
            <v/>
          </cell>
          <cell r="V94" t="str">
            <v/>
          </cell>
          <cell r="W94" t="str">
            <v/>
          </cell>
          <cell r="X94" t="str">
            <v/>
          </cell>
        </row>
        <row r="95">
          <cell r="C95" t="str">
            <v>Calculated values</v>
          </cell>
        </row>
        <row r="96">
          <cell r="A96" t="str">
            <v>T3</v>
          </cell>
          <cell r="C96" t="str">
            <v>increase in capacity%</v>
          </cell>
          <cell r="D96">
            <v>3.9656311962987439E-2</v>
          </cell>
          <cell r="E96">
            <v>0.16902175557505519</v>
          </cell>
          <cell r="F96">
            <v>4.6582397003745321E-2</v>
          </cell>
          <cell r="G96">
            <v>0.12783067267998185</v>
          </cell>
          <cell r="H96">
            <v>-1.8968034283740856E-3</v>
          </cell>
          <cell r="I96">
            <v>0.1190592846643802</v>
          </cell>
          <cell r="J96">
            <v>9.314079422382672E-2</v>
          </cell>
          <cell r="K96">
            <v>3.568200037524092E-2</v>
          </cell>
          <cell r="L96">
            <v>0.13654033709254246</v>
          </cell>
          <cell r="M96">
            <v>4.5403921880593459E-2</v>
          </cell>
          <cell r="N96">
            <v>7.391185327128387E-2</v>
          </cell>
          <cell r="O96">
            <v>0.147036181678214</v>
          </cell>
          <cell r="P96">
            <v>0.26445086705202314</v>
          </cell>
          <cell r="Q96">
            <v>5.3122087604846227E-2</v>
          </cell>
          <cell r="R96">
            <v>0.44628221439772764</v>
          </cell>
          <cell r="S96">
            <v>1.2853949329359165E-2</v>
          </cell>
          <cell r="T96">
            <v>9.4485842026825639E-2</v>
          </cell>
          <cell r="U96">
            <v>0.18917808219178081</v>
          </cell>
          <cell r="V96">
            <v>0</v>
          </cell>
          <cell r="W96">
            <v>0.10488086976636594</v>
          </cell>
          <cell r="X96">
            <v>9.2428745926127223E-2</v>
          </cell>
        </row>
        <row r="97">
          <cell r="A97" t="str">
            <v>T3</v>
          </cell>
          <cell r="C97" t="str">
            <v>capacity relative to country size kW/km2</v>
          </cell>
          <cell r="D97">
            <v>37.452380952380949</v>
          </cell>
          <cell r="E97">
            <v>127.59247027741083</v>
          </cell>
          <cell r="F97">
            <v>1.4750084868247202</v>
          </cell>
          <cell r="G97">
            <v>24.616666666666667</v>
          </cell>
          <cell r="H97">
            <v>140.12745638200184</v>
          </cell>
          <cell r="I97">
            <v>6.748930335909983</v>
          </cell>
          <cell r="J97">
            <v>30.186969249313478</v>
          </cell>
          <cell r="K97">
            <v>169.81000162200559</v>
          </cell>
          <cell r="L97">
            <v>58.869693908044354</v>
          </cell>
          <cell r="M97">
            <v>34.887734039517085</v>
          </cell>
          <cell r="N97">
            <v>10.761064859897683</v>
          </cell>
          <cell r="O97">
            <v>14.849511660354795</v>
          </cell>
          <cell r="P97">
            <v>3.1180400890868598</v>
          </cell>
          <cell r="Q97">
            <v>108.80292708759599</v>
          </cell>
          <cell r="R97">
            <v>6.3447065573217243</v>
          </cell>
          <cell r="S97">
            <v>58.961957228994059</v>
          </cell>
          <cell r="T97">
            <v>50.799422913496315</v>
          </cell>
          <cell r="U97">
            <v>19.401700805703623</v>
          </cell>
          <cell r="V97">
            <v>1.8166404263049534</v>
          </cell>
          <cell r="W97">
            <v>98.484504835151242</v>
          </cell>
          <cell r="X97">
            <v>10.711953144195787</v>
          </cell>
        </row>
        <row r="98">
          <cell r="A98" t="str">
            <v>T4</v>
          </cell>
          <cell r="C98" t="str">
            <v>average capacity of all turbines MW</v>
          </cell>
          <cell r="D98">
            <v>2.3797276853252649</v>
          </cell>
          <cell r="E98">
            <v>0</v>
          </cell>
          <cell r="F98">
            <v>1.9809481612760302</v>
          </cell>
          <cell r="G98">
            <v>1.7524137215062214</v>
          </cell>
          <cell r="H98">
            <v>0.9788248877485568</v>
          </cell>
          <cell r="I98">
            <v>3.0291777188328912</v>
          </cell>
          <cell r="J98">
            <v>2.0945792982014839</v>
          </cell>
          <cell r="K98">
            <v>1.9624769723021234</v>
          </cell>
          <cell r="L98">
            <v>1.9615694642010435</v>
          </cell>
          <cell r="M98">
            <v>1.4928997443907981</v>
          </cell>
          <cell r="N98">
            <v>1.6251035625517813</v>
          </cell>
          <cell r="O98">
            <v>2.1594202898550723</v>
          </cell>
          <cell r="P98">
            <v>2.143857192859643</v>
          </cell>
          <cell r="Q98">
            <v>1.9618055555555556</v>
          </cell>
          <cell r="R98">
            <v>3.0550000000000002</v>
          </cell>
          <cell r="S98">
            <v>1.9635247381726255</v>
          </cell>
          <cell r="T98">
            <v>1.2275657863317255</v>
          </cell>
          <cell r="U98">
            <v>2.1833501006036218</v>
          </cell>
          <cell r="V98">
            <v>2.0270270270270272</v>
          </cell>
          <cell r="W98">
            <v>2.2511075501932321</v>
          </cell>
          <cell r="X98">
            <v>1.7598499999999999</v>
          </cell>
        </row>
        <row r="99">
          <cell r="C99" t="str">
            <v>average capacity of offshore turbines MW</v>
          </cell>
          <cell r="D99">
            <v>0</v>
          </cell>
          <cell r="E99">
            <v>5.6770072992700733</v>
          </cell>
          <cell r="F99">
            <v>0</v>
          </cell>
          <cell r="G99">
            <v>3.8040064970221983</v>
          </cell>
          <cell r="H99">
            <v>3.0465949820788532</v>
          </cell>
          <cell r="I99">
            <v>3.6350000000000002</v>
          </cell>
          <cell r="J99">
            <v>0</v>
          </cell>
          <cell r="K99">
            <v>5.1245745405037439</v>
          </cell>
          <cell r="L99">
            <v>0</v>
          </cell>
          <cell r="M99">
            <v>0</v>
          </cell>
          <cell r="N99">
            <v>2.2000000000000002</v>
          </cell>
          <cell r="O99">
            <v>2.5714285714285716</v>
          </cell>
          <cell r="P99">
            <v>0</v>
          </cell>
          <cell r="Q99">
            <v>3.3114186851211072</v>
          </cell>
          <cell r="R99">
            <v>2.2999999999999998</v>
          </cell>
          <cell r="S99">
            <v>0</v>
          </cell>
          <cell r="T99">
            <v>5</v>
          </cell>
          <cell r="U99">
            <v>2.475609756097561</v>
          </cell>
          <cell r="V99">
            <v>0</v>
          </cell>
          <cell r="W99">
            <v>4.9047619047619051</v>
          </cell>
          <cell r="X99">
            <v>6</v>
          </cell>
        </row>
        <row r="100">
          <cell r="A100" t="str">
            <v>T4</v>
          </cell>
          <cell r="C100" t="str">
            <v>average capacity of land-based turbines MW</v>
          </cell>
          <cell r="D100">
            <v>2.3797276853252649</v>
          </cell>
          <cell r="E100">
            <v>0</v>
          </cell>
          <cell r="F100">
            <v>1.9809481612760302</v>
          </cell>
          <cell r="G100">
            <v>1.723924304735841</v>
          </cell>
          <cell r="H100">
            <v>0.7756167664670659</v>
          </cell>
          <cell r="I100">
            <v>3.0126702997275205</v>
          </cell>
          <cell r="J100">
            <v>2.0948427672955976</v>
          </cell>
          <cell r="K100">
            <v>1.804865635179153</v>
          </cell>
          <cell r="L100">
            <v>1.9496206733048842</v>
          </cell>
          <cell r="M100">
            <v>1.4928997443907981</v>
          </cell>
          <cell r="N100">
            <v>1.6183570829840739</v>
          </cell>
          <cell r="O100">
            <v>2.1419939577039275</v>
          </cell>
          <cell r="P100">
            <v>2.143857192859643</v>
          </cell>
          <cell r="Q100">
            <v>1.7682382133995038</v>
          </cell>
          <cell r="R100">
            <v>3.0559449311639546</v>
          </cell>
          <cell r="S100">
            <v>1.9635247381726255</v>
          </cell>
          <cell r="T100">
            <v>1.2272683858643745</v>
          </cell>
          <cell r="U100">
            <v>2.1771956856702621</v>
          </cell>
          <cell r="V100">
            <v>2.0270270270270272</v>
          </cell>
          <cell r="W100">
            <v>1.6285348539508901</v>
          </cell>
          <cell r="X100">
            <v>1.7594966247187265</v>
          </cell>
        </row>
      </sheetData>
      <sheetData sheetId="5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ndia</v>
          </cell>
          <cell r="M2" t="str">
            <v>Ireland</v>
          </cell>
          <cell r="N2" t="str">
            <v>Italy</v>
          </cell>
          <cell r="O2" t="str">
            <v>Japan</v>
          </cell>
          <cell r="P2" t="str">
            <v>Korea</v>
          </cell>
          <cell r="Q2" t="str">
            <v>Mexico</v>
          </cell>
          <cell r="R2" t="str">
            <v>Netherlands</v>
          </cell>
          <cell r="S2" t="str">
            <v>Norway</v>
          </cell>
          <cell r="T2" t="str">
            <v>Portugal</v>
          </cell>
          <cell r="U2" t="str">
            <v>Spain</v>
          </cell>
          <cell r="V2" t="str">
            <v>Sweden</v>
          </cell>
          <cell r="W2" t="str">
            <v>Switzerland</v>
          </cell>
          <cell r="X2" t="str">
            <v>UK</v>
          </cell>
          <cell r="Y2" t="str">
            <v>USA</v>
          </cell>
        </row>
        <row r="3">
          <cell r="A3">
            <v>1.2230000000000001</v>
          </cell>
          <cell r="B3" t="str">
            <v>US to EUR currency exchange</v>
          </cell>
          <cell r="E3" t="str">
            <v>From WindEur stats</v>
          </cell>
          <cell r="G3" t="str">
            <v>from ExCo presentation</v>
          </cell>
          <cell r="H3" t="str">
            <v>without &lt;25kW</v>
          </cell>
          <cell r="Q3" t="str">
            <v xml:space="preserve">total end 2020 MW from GWEC </v>
          </cell>
          <cell r="U3" t="str">
            <v>from ExCo presentation</v>
          </cell>
        </row>
        <row r="4">
          <cell r="C4" t="str">
            <v>1.       National Statistics of the IEA Wind Member Countries 2020</v>
          </cell>
          <cell r="D4">
            <v>2020</v>
          </cell>
          <cell r="E4">
            <v>2020</v>
          </cell>
          <cell r="F4">
            <v>2020</v>
          </cell>
          <cell r="G4">
            <v>2020</v>
          </cell>
          <cell r="H4" t="str">
            <v>2020*</v>
          </cell>
          <cell r="I4">
            <v>2020</v>
          </cell>
          <cell r="J4">
            <v>2020</v>
          </cell>
          <cell r="K4">
            <v>2020</v>
          </cell>
          <cell r="L4">
            <v>2020</v>
          </cell>
          <cell r="M4">
            <v>2020</v>
          </cell>
          <cell r="N4">
            <v>2020</v>
          </cell>
          <cell r="O4">
            <v>2020</v>
          </cell>
          <cell r="P4">
            <v>2020</v>
          </cell>
          <cell r="Q4">
            <v>2020</v>
          </cell>
          <cell r="R4">
            <v>2020</v>
          </cell>
          <cell r="S4">
            <v>2020</v>
          </cell>
          <cell r="T4">
            <v>2020</v>
          </cell>
          <cell r="U4">
            <v>2020</v>
          </cell>
          <cell r="V4">
            <v>2020</v>
          </cell>
          <cell r="W4">
            <v>2020</v>
          </cell>
          <cell r="X4">
            <v>2020</v>
          </cell>
          <cell r="Y4">
            <v>2020</v>
          </cell>
        </row>
        <row r="5">
          <cell r="A5">
            <v>670143.90500000003</v>
          </cell>
          <cell r="C5" t="str">
            <v>Total Installed Wind Power Capacity (land-based+offshore)</v>
          </cell>
          <cell r="D5">
            <v>3105</v>
          </cell>
          <cell r="E5">
            <v>4672.7</v>
          </cell>
          <cell r="F5">
            <v>13588</v>
          </cell>
          <cell r="G5">
            <v>288000</v>
          </cell>
          <cell r="H5">
            <v>6218.4049999999997</v>
          </cell>
          <cell r="I5">
            <v>2586</v>
          </cell>
          <cell r="J5">
            <v>17610</v>
          </cell>
          <cell r="K5">
            <v>62188</v>
          </cell>
          <cell r="L5">
            <v>39248</v>
          </cell>
          <cell r="M5">
            <v>4300</v>
          </cell>
          <cell r="N5">
            <v>10619</v>
          </cell>
          <cell r="O5">
            <v>4439</v>
          </cell>
          <cell r="P5">
            <v>1650.05</v>
          </cell>
          <cell r="Q5">
            <v>6789</v>
          </cell>
          <cell r="R5">
            <v>6600</v>
          </cell>
          <cell r="S5">
            <v>3977</v>
          </cell>
          <cell r="T5">
            <v>5478</v>
          </cell>
          <cell r="U5">
            <v>27445</v>
          </cell>
          <cell r="V5">
            <v>10084</v>
          </cell>
          <cell r="W5">
            <v>86.75</v>
          </cell>
          <cell r="X5">
            <v>24485</v>
          </cell>
          <cell r="Y5">
            <v>122861</v>
          </cell>
        </row>
        <row r="6">
          <cell r="A6">
            <v>36170.6</v>
          </cell>
          <cell r="C6" t="str">
            <v>Total Installed Wind Power Capacity (offshore, subset of total capacity)</v>
          </cell>
          <cell r="D6">
            <v>0</v>
          </cell>
          <cell r="E6">
            <v>2261.8000000000002</v>
          </cell>
          <cell r="F6">
            <v>0</v>
          </cell>
          <cell r="G6">
            <v>11000</v>
          </cell>
          <cell r="H6">
            <v>1700.8</v>
          </cell>
          <cell r="I6">
            <v>72.7</v>
          </cell>
          <cell r="J6">
            <v>2</v>
          </cell>
          <cell r="K6">
            <v>7747</v>
          </cell>
          <cell r="M6">
            <v>25.2</v>
          </cell>
          <cell r="N6">
            <v>0</v>
          </cell>
          <cell r="O6">
            <v>58.6</v>
          </cell>
          <cell r="P6">
            <v>142</v>
          </cell>
          <cell r="Q6">
            <v>0</v>
          </cell>
          <cell r="R6">
            <v>2500</v>
          </cell>
          <cell r="S6">
            <v>2.2999999999999998</v>
          </cell>
          <cell r="T6">
            <v>25.2</v>
          </cell>
          <cell r="U6">
            <v>5</v>
          </cell>
          <cell r="V6">
            <v>203</v>
          </cell>
          <cell r="W6">
            <v>0</v>
          </cell>
          <cell r="X6">
            <v>10383</v>
          </cell>
          <cell r="Y6">
            <v>42</v>
          </cell>
        </row>
        <row r="7">
          <cell r="A7">
            <v>633973.30499999993</v>
          </cell>
          <cell r="C7" t="str">
            <v>Total Installed Wind Power Capacity (land-based)</v>
          </cell>
          <cell r="D7">
            <v>3105</v>
          </cell>
          <cell r="E7">
            <v>2410.8999999999996</v>
          </cell>
          <cell r="F7">
            <v>13588</v>
          </cell>
          <cell r="G7">
            <v>277000</v>
          </cell>
          <cell r="H7">
            <v>4517.6049999999996</v>
          </cell>
          <cell r="I7">
            <v>2513.3000000000002</v>
          </cell>
          <cell r="J7">
            <v>17608</v>
          </cell>
          <cell r="K7">
            <v>54441</v>
          </cell>
          <cell r="L7">
            <v>39248</v>
          </cell>
          <cell r="M7">
            <v>4274.8</v>
          </cell>
          <cell r="N7">
            <v>10619</v>
          </cell>
          <cell r="O7">
            <v>4380.3999999999996</v>
          </cell>
          <cell r="P7">
            <v>1508.05</v>
          </cell>
          <cell r="Q7">
            <v>6789</v>
          </cell>
          <cell r="R7">
            <v>4100</v>
          </cell>
          <cell r="S7">
            <v>3974.7</v>
          </cell>
          <cell r="T7">
            <v>5452.8</v>
          </cell>
          <cell r="U7">
            <v>27440</v>
          </cell>
          <cell r="V7">
            <v>9881</v>
          </cell>
          <cell r="W7">
            <v>86.75</v>
          </cell>
          <cell r="X7">
            <v>14102</v>
          </cell>
          <cell r="Y7">
            <v>122819</v>
          </cell>
        </row>
        <row r="8">
          <cell r="A8">
            <v>81452.75</v>
          </cell>
          <cell r="C8" t="str">
            <v>New wind power capacity installed (land-based+offshore)</v>
          </cell>
          <cell r="D8">
            <v>25</v>
          </cell>
          <cell r="E8">
            <v>809.20000000000073</v>
          </cell>
          <cell r="F8">
            <v>175</v>
          </cell>
          <cell r="G8">
            <v>52000</v>
          </cell>
          <cell r="H8">
            <v>220.2</v>
          </cell>
          <cell r="I8">
            <v>302</v>
          </cell>
          <cell r="J8">
            <v>1105</v>
          </cell>
          <cell r="K8">
            <v>1650</v>
          </cell>
          <cell r="L8">
            <v>1504</v>
          </cell>
          <cell r="M8">
            <v>125</v>
          </cell>
          <cell r="N8">
            <v>101.55</v>
          </cell>
          <cell r="O8">
            <v>516</v>
          </cell>
          <cell r="P8">
            <v>160.05000000000001</v>
          </cell>
          <cell r="Q8">
            <v>664</v>
          </cell>
          <cell r="R8">
            <v>2060</v>
          </cell>
          <cell r="S8">
            <v>1532</v>
          </cell>
          <cell r="T8">
            <v>41</v>
          </cell>
          <cell r="U8">
            <v>1720</v>
          </cell>
          <cell r="V8">
            <v>1403</v>
          </cell>
          <cell r="W8">
            <v>11.75</v>
          </cell>
          <cell r="X8">
            <v>603</v>
          </cell>
          <cell r="Y8">
            <v>14200</v>
          </cell>
        </row>
        <row r="9">
          <cell r="A9">
            <v>7060.5</v>
          </cell>
          <cell r="C9" t="str">
            <v>New wind power capacity installed (offshore)</v>
          </cell>
          <cell r="D9">
            <v>0</v>
          </cell>
          <cell r="E9">
            <v>706.3</v>
          </cell>
          <cell r="F9">
            <v>0</v>
          </cell>
          <cell r="G9">
            <v>4000</v>
          </cell>
          <cell r="H9">
            <v>0</v>
          </cell>
          <cell r="I9">
            <v>0</v>
          </cell>
          <cell r="J9">
            <v>0</v>
          </cell>
          <cell r="K9">
            <v>219</v>
          </cell>
          <cell r="L9">
            <v>0</v>
          </cell>
          <cell r="O9">
            <v>0</v>
          </cell>
          <cell r="P9">
            <v>60</v>
          </cell>
          <cell r="Q9">
            <v>0</v>
          </cell>
          <cell r="R9">
            <v>1543</v>
          </cell>
          <cell r="S9">
            <v>0</v>
          </cell>
          <cell r="T9">
            <v>25.2</v>
          </cell>
          <cell r="U9">
            <v>0</v>
          </cell>
          <cell r="V9">
            <v>0</v>
          </cell>
          <cell r="W9">
            <v>0</v>
          </cell>
          <cell r="X9">
            <v>495</v>
          </cell>
          <cell r="Y9">
            <v>12</v>
          </cell>
        </row>
        <row r="10">
          <cell r="A10">
            <v>74392.25</v>
          </cell>
          <cell r="C10" t="str">
            <v>New wind power capacity installed (land-based)</v>
          </cell>
          <cell r="D10">
            <v>25</v>
          </cell>
          <cell r="E10">
            <v>102.90000000000077</v>
          </cell>
          <cell r="F10">
            <v>175</v>
          </cell>
          <cell r="G10">
            <v>48000</v>
          </cell>
          <cell r="H10">
            <v>220.2</v>
          </cell>
          <cell r="I10">
            <v>302</v>
          </cell>
          <cell r="J10">
            <v>1105</v>
          </cell>
          <cell r="K10">
            <v>1431</v>
          </cell>
          <cell r="L10">
            <v>1504</v>
          </cell>
          <cell r="M10">
            <v>125</v>
          </cell>
          <cell r="N10">
            <v>101.55</v>
          </cell>
          <cell r="O10">
            <v>516</v>
          </cell>
          <cell r="P10">
            <v>100.05000000000001</v>
          </cell>
          <cell r="Q10">
            <v>664</v>
          </cell>
          <cell r="R10">
            <v>517</v>
          </cell>
          <cell r="S10">
            <v>1532</v>
          </cell>
          <cell r="T10">
            <v>15.8</v>
          </cell>
          <cell r="U10">
            <v>1720</v>
          </cell>
          <cell r="V10">
            <v>1403</v>
          </cell>
          <cell r="W10">
            <v>11.75</v>
          </cell>
          <cell r="X10">
            <v>108</v>
          </cell>
          <cell r="Y10">
            <v>14188</v>
          </cell>
        </row>
        <row r="11">
          <cell r="A11">
            <v>743.82899999999995</v>
          </cell>
          <cell r="C11" t="str">
            <v>Decommissioned capacity</v>
          </cell>
          <cell r="D11">
            <v>66</v>
          </cell>
          <cell r="F11">
            <v>0</v>
          </cell>
          <cell r="H11">
            <v>60.929000000000002</v>
          </cell>
          <cell r="I11">
            <v>0</v>
          </cell>
          <cell r="K11">
            <v>211.7</v>
          </cell>
          <cell r="O11">
            <v>9</v>
          </cell>
          <cell r="P11">
            <v>5.9</v>
          </cell>
          <cell r="Q11">
            <v>0</v>
          </cell>
          <cell r="R11">
            <v>70</v>
          </cell>
          <cell r="S11">
            <v>0</v>
          </cell>
          <cell r="T11">
            <v>0</v>
          </cell>
          <cell r="V11">
            <v>0</v>
          </cell>
          <cell r="X11">
            <v>0.3</v>
          </cell>
          <cell r="Y11">
            <v>320</v>
          </cell>
        </row>
        <row r="12">
          <cell r="A12">
            <v>80708.921000000002</v>
          </cell>
          <cell r="C12" t="str">
            <v>Net addition to capacity</v>
          </cell>
          <cell r="D12">
            <v>-41</v>
          </cell>
          <cell r="E12">
            <v>809.20000000000073</v>
          </cell>
          <cell r="F12">
            <v>175</v>
          </cell>
          <cell r="G12">
            <v>52000</v>
          </cell>
          <cell r="H12">
            <v>159.27099999999999</v>
          </cell>
          <cell r="I12">
            <v>302</v>
          </cell>
          <cell r="J12">
            <v>1105</v>
          </cell>
          <cell r="K12">
            <v>1438.3</v>
          </cell>
          <cell r="L12">
            <v>1504</v>
          </cell>
          <cell r="M12">
            <v>125</v>
          </cell>
          <cell r="N12">
            <v>101.55</v>
          </cell>
          <cell r="O12">
            <v>507</v>
          </cell>
          <cell r="P12">
            <v>154.15</v>
          </cell>
          <cell r="Q12">
            <v>664</v>
          </cell>
          <cell r="R12">
            <v>1990</v>
          </cell>
          <cell r="S12">
            <v>1532</v>
          </cell>
          <cell r="T12">
            <v>41</v>
          </cell>
          <cell r="U12">
            <v>1720</v>
          </cell>
          <cell r="V12">
            <v>1403</v>
          </cell>
          <cell r="W12">
            <v>11.75</v>
          </cell>
          <cell r="X12">
            <v>602.70000000000005</v>
          </cell>
          <cell r="Y12">
            <v>13880</v>
          </cell>
        </row>
        <row r="13">
          <cell r="A13">
            <v>208492</v>
          </cell>
          <cell r="C13" t="str">
            <v>Total Number of Turbines (land-based+offshore)</v>
          </cell>
          <cell r="D13">
            <v>1295</v>
          </cell>
          <cell r="F13">
            <v>6813</v>
          </cell>
          <cell r="H13">
            <v>5657</v>
          </cell>
          <cell r="I13">
            <v>821</v>
          </cell>
          <cell r="K13">
            <v>31109</v>
          </cell>
          <cell r="L13">
            <v>38620</v>
          </cell>
          <cell r="N13">
            <v>7137</v>
          </cell>
          <cell r="O13">
            <v>2554</v>
          </cell>
          <cell r="P13">
            <v>741</v>
          </cell>
          <cell r="R13">
            <v>2618</v>
          </cell>
          <cell r="S13">
            <v>1164</v>
          </cell>
          <cell r="T13">
            <v>2779</v>
          </cell>
          <cell r="U13">
            <v>21419</v>
          </cell>
          <cell r="V13">
            <v>4333</v>
          </cell>
          <cell r="W13">
            <v>42</v>
          </cell>
          <cell r="X13">
            <v>10941</v>
          </cell>
          <cell r="Y13">
            <v>67814</v>
          </cell>
        </row>
        <row r="14">
          <cell r="A14">
            <v>5001</v>
          </cell>
          <cell r="C14" t="str">
            <v xml:space="preserve">Total Number of Turbines (offshore) </v>
          </cell>
          <cell r="D14">
            <v>0</v>
          </cell>
          <cell r="H14">
            <v>558</v>
          </cell>
          <cell r="I14">
            <v>20</v>
          </cell>
          <cell r="K14">
            <v>1501</v>
          </cell>
          <cell r="L14">
            <v>0</v>
          </cell>
          <cell r="N14">
            <v>0</v>
          </cell>
          <cell r="O14">
            <v>28</v>
          </cell>
          <cell r="P14">
            <v>48</v>
          </cell>
          <cell r="Q14">
            <v>0</v>
          </cell>
          <cell r="R14">
            <v>460</v>
          </cell>
          <cell r="S14">
            <v>1</v>
          </cell>
          <cell r="T14">
            <v>3</v>
          </cell>
          <cell r="U14">
            <v>1</v>
          </cell>
          <cell r="V14">
            <v>82</v>
          </cell>
          <cell r="W14">
            <v>0</v>
          </cell>
          <cell r="X14">
            <v>2292</v>
          </cell>
          <cell r="Y14">
            <v>7</v>
          </cell>
        </row>
        <row r="15">
          <cell r="A15">
            <v>203491</v>
          </cell>
          <cell r="C15" t="str">
            <v>Total Number of Turbines (land-based)</v>
          </cell>
          <cell r="D15">
            <v>1295</v>
          </cell>
          <cell r="E15">
            <v>0</v>
          </cell>
          <cell r="F15">
            <v>6813</v>
          </cell>
          <cell r="G15">
            <v>0</v>
          </cell>
          <cell r="H15">
            <v>5099</v>
          </cell>
          <cell r="I15">
            <v>801</v>
          </cell>
          <cell r="J15">
            <v>0</v>
          </cell>
          <cell r="K15">
            <v>29608</v>
          </cell>
          <cell r="L15">
            <v>38620</v>
          </cell>
          <cell r="M15">
            <v>0</v>
          </cell>
          <cell r="N15">
            <v>7137</v>
          </cell>
          <cell r="O15">
            <v>2526</v>
          </cell>
          <cell r="P15">
            <v>693</v>
          </cell>
          <cell r="Q15">
            <v>0</v>
          </cell>
          <cell r="R15">
            <v>2158</v>
          </cell>
          <cell r="S15">
            <v>1163</v>
          </cell>
          <cell r="T15">
            <v>2776</v>
          </cell>
          <cell r="U15">
            <v>21418</v>
          </cell>
          <cell r="V15">
            <v>4251</v>
          </cell>
          <cell r="W15">
            <v>42</v>
          </cell>
          <cell r="X15">
            <v>8649</v>
          </cell>
          <cell r="Y15">
            <v>67807</v>
          </cell>
        </row>
        <row r="16">
          <cell r="A16">
            <v>8810</v>
          </cell>
          <cell r="C16" t="str">
            <v xml:space="preserve">Number of New Turbines (land-based+offshore) </v>
          </cell>
          <cell r="D16">
            <v>7</v>
          </cell>
          <cell r="F16">
            <v>42</v>
          </cell>
          <cell r="H16">
            <v>52</v>
          </cell>
          <cell r="I16">
            <v>67</v>
          </cell>
          <cell r="K16">
            <v>452</v>
          </cell>
          <cell r="N16">
            <v>38</v>
          </cell>
          <cell r="O16">
            <v>166</v>
          </cell>
          <cell r="P16">
            <v>57</v>
          </cell>
          <cell r="R16">
            <v>314</v>
          </cell>
          <cell r="S16">
            <v>364</v>
          </cell>
          <cell r="T16">
            <v>10</v>
          </cell>
          <cell r="U16">
            <v>497</v>
          </cell>
          <cell r="V16">
            <v>357</v>
          </cell>
          <cell r="W16">
            <v>5</v>
          </cell>
          <cell r="X16">
            <v>130</v>
          </cell>
          <cell r="Y16">
            <v>6052</v>
          </cell>
        </row>
        <row r="17">
          <cell r="A17">
            <v>287</v>
          </cell>
          <cell r="C17" t="str">
            <v xml:space="preserve">Number of New Turbines (offshore) </v>
          </cell>
          <cell r="D17">
            <v>0</v>
          </cell>
          <cell r="F17">
            <v>0</v>
          </cell>
          <cell r="H17">
            <v>0</v>
          </cell>
          <cell r="I17">
            <v>0</v>
          </cell>
          <cell r="K17">
            <v>32</v>
          </cell>
          <cell r="O17">
            <v>0</v>
          </cell>
          <cell r="P17">
            <v>20</v>
          </cell>
          <cell r="Q17">
            <v>0</v>
          </cell>
          <cell r="R17">
            <v>171</v>
          </cell>
          <cell r="S17">
            <v>0</v>
          </cell>
          <cell r="T17">
            <v>3</v>
          </cell>
          <cell r="U17">
            <v>0</v>
          </cell>
          <cell r="V17">
            <v>0</v>
          </cell>
          <cell r="W17">
            <v>0</v>
          </cell>
          <cell r="X17">
            <v>59</v>
          </cell>
          <cell r="Y17">
            <v>2</v>
          </cell>
        </row>
        <row r="18">
          <cell r="A18">
            <v>8523</v>
          </cell>
          <cell r="C18" t="str">
            <v xml:space="preserve">Number of New Turbines (land-based) </v>
          </cell>
          <cell r="D18">
            <v>7</v>
          </cell>
          <cell r="E18">
            <v>0</v>
          </cell>
          <cell r="F18">
            <v>42</v>
          </cell>
          <cell r="G18">
            <v>0</v>
          </cell>
          <cell r="H18">
            <v>52</v>
          </cell>
          <cell r="I18">
            <v>67</v>
          </cell>
          <cell r="J18">
            <v>0</v>
          </cell>
          <cell r="K18">
            <v>420</v>
          </cell>
          <cell r="M18">
            <v>0</v>
          </cell>
          <cell r="N18">
            <v>38</v>
          </cell>
          <cell r="O18">
            <v>166</v>
          </cell>
          <cell r="P18">
            <v>37</v>
          </cell>
          <cell r="Q18">
            <v>0</v>
          </cell>
          <cell r="R18">
            <v>143</v>
          </cell>
          <cell r="S18">
            <v>364</v>
          </cell>
          <cell r="T18">
            <v>7</v>
          </cell>
          <cell r="U18">
            <v>497</v>
          </cell>
          <cell r="V18">
            <v>357</v>
          </cell>
          <cell r="W18">
            <v>5</v>
          </cell>
          <cell r="X18">
            <v>71</v>
          </cell>
          <cell r="Y18">
            <v>6050</v>
          </cell>
        </row>
        <row r="19">
          <cell r="A19">
            <v>3702.3025499320797</v>
          </cell>
          <cell r="C19" t="str">
            <v xml:space="preserve">Average Capacity of New Turbines (land-based+offshore) </v>
          </cell>
          <cell r="D19">
            <v>3571.4285714285716</v>
          </cell>
          <cell r="F19">
            <v>4166.666666666667</v>
          </cell>
          <cell r="H19">
            <v>4234.6153846153848</v>
          </cell>
          <cell r="I19">
            <v>4507.4626865671644</v>
          </cell>
          <cell r="K19">
            <v>3650.4424778761063</v>
          </cell>
          <cell r="N19">
            <v>2672.3684210526317</v>
          </cell>
          <cell r="O19">
            <v>3108.4337349397592</v>
          </cell>
          <cell r="P19">
            <v>2807.8947368421054</v>
          </cell>
          <cell r="R19">
            <v>6560.509554140127</v>
          </cell>
          <cell r="S19">
            <v>4208.7912087912091</v>
          </cell>
          <cell r="T19">
            <v>4100</v>
          </cell>
          <cell r="U19">
            <v>3460.764587525151</v>
          </cell>
          <cell r="V19">
            <v>3929.9719887955184</v>
          </cell>
          <cell r="W19">
            <v>2350</v>
          </cell>
          <cell r="X19">
            <v>4638.4615384615381</v>
          </cell>
          <cell r="Y19">
            <v>2346.3317911434237</v>
          </cell>
        </row>
        <row r="20">
          <cell r="A20">
            <v>7193.8531887628678</v>
          </cell>
          <cell r="C20" t="str">
            <v xml:space="preserve">Average Capacity of New Turbines (offshore) </v>
          </cell>
          <cell r="E20">
            <v>8700</v>
          </cell>
          <cell r="K20">
            <v>6843.75</v>
          </cell>
          <cell r="P20">
            <v>3000</v>
          </cell>
          <cell r="R20">
            <v>9023.3918128654968</v>
          </cell>
          <cell r="T20">
            <v>8400</v>
          </cell>
          <cell r="X20">
            <v>8389.8305084745771</v>
          </cell>
          <cell r="Y20">
            <v>6000</v>
          </cell>
        </row>
        <row r="21">
          <cell r="A21">
            <v>3216.7928448007046</v>
          </cell>
          <cell r="C21" t="str">
            <v>Average Capacity of New Turbines (land-based)</v>
          </cell>
          <cell r="D21">
            <v>3571.4285714285716</v>
          </cell>
          <cell r="F21">
            <v>4166.666666666667</v>
          </cell>
          <cell r="H21">
            <v>4234.6153846153848</v>
          </cell>
          <cell r="I21">
            <v>4507.4626865671644</v>
          </cell>
          <cell r="K21">
            <v>3407.1428571428573</v>
          </cell>
          <cell r="N21">
            <v>2672.3684210526317</v>
          </cell>
          <cell r="O21">
            <v>3108.4337349397592</v>
          </cell>
          <cell r="P21">
            <v>2704.0540540540546</v>
          </cell>
          <cell r="R21">
            <v>3615.3846153846152</v>
          </cell>
          <cell r="S21">
            <v>4208.7912087912091</v>
          </cell>
          <cell r="T21">
            <v>2257.1428571428573</v>
          </cell>
          <cell r="U21">
            <v>3460.764587525151</v>
          </cell>
          <cell r="V21">
            <v>3929.9719887955184</v>
          </cell>
          <cell r="W21">
            <v>2350</v>
          </cell>
          <cell r="X21">
            <v>1521.1267605633802</v>
          </cell>
          <cell r="Y21">
            <v>2345.1239669421489</v>
          </cell>
        </row>
        <row r="22">
          <cell r="A22">
            <v>1374.1008315259598</v>
          </cell>
          <cell r="C22" t="str">
            <v>Wind-Generated Electricity (TWh/yr)</v>
          </cell>
          <cell r="D22">
            <v>7</v>
          </cell>
          <cell r="E22">
            <v>12.8186</v>
          </cell>
          <cell r="F22">
            <v>36.26</v>
          </cell>
          <cell r="G22">
            <v>466.5</v>
          </cell>
          <cell r="H22">
            <v>16.30823152596</v>
          </cell>
          <cell r="I22">
            <v>7.8</v>
          </cell>
          <cell r="J22">
            <v>39.700000000000003</v>
          </cell>
          <cell r="K22">
            <v>129.64400000000001</v>
          </cell>
          <cell r="L22">
            <v>60.42</v>
          </cell>
          <cell r="M22">
            <v>11.548999999999999</v>
          </cell>
          <cell r="N22">
            <v>18.5</v>
          </cell>
          <cell r="O22">
            <v>7.64</v>
          </cell>
          <cell r="P22">
            <v>3.133</v>
          </cell>
          <cell r="Q22">
            <v>16.728000000000002</v>
          </cell>
          <cell r="R22">
            <v>13.896000000000001</v>
          </cell>
          <cell r="S22">
            <v>9.9</v>
          </cell>
          <cell r="T22">
            <v>12.36</v>
          </cell>
          <cell r="U22">
            <v>53.645000000000003</v>
          </cell>
          <cell r="V22">
            <v>27.52</v>
          </cell>
          <cell r="W22">
            <v>0.15</v>
          </cell>
          <cell r="X22">
            <v>75.369</v>
          </cell>
          <cell r="Y22">
            <v>337.94</v>
          </cell>
        </row>
        <row r="23">
          <cell r="A23">
            <v>86.901315300534932</v>
          </cell>
          <cell r="C23" t="str">
            <v>Wind-Generated Electricity (offshore)</v>
          </cell>
          <cell r="D23">
            <v>0</v>
          </cell>
          <cell r="E23">
            <v>6.9740000000000002</v>
          </cell>
          <cell r="H23">
            <v>6.6030863005349403</v>
          </cell>
          <cell r="K23">
            <v>26.902999999999999</v>
          </cell>
          <cell r="Q23">
            <v>0</v>
          </cell>
          <cell r="R23">
            <v>4.99</v>
          </cell>
          <cell r="U23">
            <v>0</v>
          </cell>
          <cell r="V23">
            <v>0.63</v>
          </cell>
          <cell r="W23">
            <v>0</v>
          </cell>
          <cell r="X23">
            <v>40.680999999999997</v>
          </cell>
          <cell r="Y23">
            <v>0.120229</v>
          </cell>
        </row>
        <row r="24">
          <cell r="A24">
            <v>1287.1995162254248</v>
          </cell>
          <cell r="C24" t="str">
            <v>Wind-Generated Electricity (land-based)</v>
          </cell>
          <cell r="D24">
            <v>7</v>
          </cell>
          <cell r="E24">
            <v>5.8445999999999998</v>
          </cell>
          <cell r="F24">
            <v>36.26</v>
          </cell>
          <cell r="G24">
            <v>466.5</v>
          </cell>
          <cell r="H24">
            <v>9.7051452254250599</v>
          </cell>
          <cell r="I24">
            <v>7.8</v>
          </cell>
          <cell r="J24">
            <v>39.700000000000003</v>
          </cell>
          <cell r="K24">
            <v>102.74100000000001</v>
          </cell>
          <cell r="L24">
            <v>60.42</v>
          </cell>
          <cell r="M24">
            <v>11.548999999999999</v>
          </cell>
          <cell r="N24">
            <v>18.5</v>
          </cell>
          <cell r="O24">
            <v>7.64</v>
          </cell>
          <cell r="P24">
            <v>3.133</v>
          </cell>
          <cell r="Q24">
            <v>16.728000000000002</v>
          </cell>
          <cell r="R24">
            <v>8.9060000000000006</v>
          </cell>
          <cell r="S24">
            <v>9.9</v>
          </cell>
          <cell r="T24">
            <v>12.36</v>
          </cell>
          <cell r="U24">
            <v>53.645000000000003</v>
          </cell>
          <cell r="V24">
            <v>26.89</v>
          </cell>
          <cell r="W24">
            <v>0.15</v>
          </cell>
          <cell r="X24">
            <v>34.688000000000002</v>
          </cell>
          <cell r="Y24">
            <v>337.819771</v>
          </cell>
        </row>
        <row r="25">
          <cell r="A25">
            <v>17618.845000000001</v>
          </cell>
          <cell r="C25" t="str">
            <v>National Electricity Demand (TWh/yr)</v>
          </cell>
          <cell r="D25">
            <v>60</v>
          </cell>
          <cell r="E25">
            <v>80.537999999999997</v>
          </cell>
          <cell r="F25">
            <v>577.9</v>
          </cell>
          <cell r="G25">
            <v>7600</v>
          </cell>
          <cell r="H25">
            <v>34.792000000000002</v>
          </cell>
          <cell r="I25">
            <v>81.055999999999997</v>
          </cell>
          <cell r="J25">
            <v>449</v>
          </cell>
          <cell r="K25">
            <v>555.29999999999995</v>
          </cell>
          <cell r="L25">
            <v>1385</v>
          </cell>
          <cell r="M25">
            <v>31.843</v>
          </cell>
          <cell r="N25">
            <v>302.7</v>
          </cell>
          <cell r="O25">
            <v>857.8</v>
          </cell>
          <cell r="P25">
            <v>515.98699999999997</v>
          </cell>
          <cell r="Q25">
            <v>317.45999999999998</v>
          </cell>
          <cell r="R25">
            <v>106.08</v>
          </cell>
          <cell r="S25">
            <v>133.69999999999999</v>
          </cell>
          <cell r="T25">
            <v>50.4</v>
          </cell>
          <cell r="U25">
            <v>239.233</v>
          </cell>
          <cell r="V25">
            <v>136</v>
          </cell>
          <cell r="W25">
            <v>55.4</v>
          </cell>
          <cell r="X25">
            <v>329.91500000000002</v>
          </cell>
          <cell r="Y25">
            <v>3663.741</v>
          </cell>
        </row>
        <row r="26">
          <cell r="A26">
            <v>7.7990403543816852E-2</v>
          </cell>
          <cell r="C26" t="str">
            <v>Share of National Electricity Demand met by Wind</v>
          </cell>
          <cell r="D26">
            <v>0.11666666666666667</v>
          </cell>
          <cell r="E26">
            <v>0.15916213464451565</v>
          </cell>
          <cell r="F26">
            <v>6.2744419449731789E-2</v>
          </cell>
          <cell r="G26">
            <v>6.1381578947368419E-2</v>
          </cell>
          <cell r="H26">
            <v>0.46873509789491835</v>
          </cell>
          <cell r="I26">
            <v>9.6229767074615086E-2</v>
          </cell>
          <cell r="J26">
            <v>8.8418708240534521E-2</v>
          </cell>
          <cell r="K26">
            <v>0.23346659463353145</v>
          </cell>
          <cell r="L26">
            <v>4.3624548736462092E-2</v>
          </cell>
          <cell r="M26">
            <v>0.36268567660082279</v>
          </cell>
          <cell r="N26">
            <v>6.1116617112652795E-2</v>
          </cell>
          <cell r="O26">
            <v>8.9065050128235013E-3</v>
          </cell>
          <cell r="P26">
            <v>6.0718583995333216E-3</v>
          </cell>
          <cell r="R26">
            <v>0.13099547511312218</v>
          </cell>
          <cell r="S26">
            <v>7.404637247569186E-2</v>
          </cell>
          <cell r="T26">
            <v>0.24523809523809523</v>
          </cell>
          <cell r="U26">
            <v>0.22423745887900082</v>
          </cell>
          <cell r="V26">
            <v>0.2023529411764706</v>
          </cell>
          <cell r="W26">
            <v>2.707581227436823E-3</v>
          </cell>
          <cell r="X26">
            <v>0.22844975220890229</v>
          </cell>
          <cell r="Y26">
            <v>9.1999999999999998E-2</v>
          </cell>
        </row>
        <row r="27">
          <cell r="A27">
            <v>0.27343717914500404</v>
          </cell>
          <cell r="C27" t="str">
            <v>Average National Capacity Factor (land-based+offshore)</v>
          </cell>
          <cell r="D27">
            <v>0.25768907383601847</v>
          </cell>
          <cell r="E27">
            <v>0.3419114796177804</v>
          </cell>
          <cell r="F27">
            <v>0.30576348484428389</v>
          </cell>
          <cell r="G27">
            <v>0.20325734602112308</v>
          </cell>
          <cell r="H27">
            <v>0.30477690055106088</v>
          </cell>
          <cell r="I27">
            <v>0.36467274828603807</v>
          </cell>
          <cell r="J27">
            <v>0.26496151584149508</v>
          </cell>
          <cell r="K27">
            <v>0.24052128266420908</v>
          </cell>
          <cell r="L27">
            <v>0.1786787016974867</v>
          </cell>
          <cell r="M27">
            <v>0.31027182702795642</v>
          </cell>
          <cell r="N27">
            <v>0.19928625702452277</v>
          </cell>
          <cell r="O27">
            <v>0.20802755461104511</v>
          </cell>
          <cell r="P27">
            <v>0.22717550383002089</v>
          </cell>
          <cell r="R27">
            <v>0.28401565765076375</v>
          </cell>
          <cell r="S27">
            <v>0.3509963190058763</v>
          </cell>
          <cell r="T27">
            <v>0.25782937702915476</v>
          </cell>
          <cell r="U27">
            <v>0.22972076711705555</v>
          </cell>
          <cell r="V27">
            <v>0.31153832917647017</v>
          </cell>
          <cell r="W27">
            <v>0.21114686531363755</v>
          </cell>
          <cell r="X27">
            <v>0.35479808807002833</v>
          </cell>
          <cell r="Y27">
            <v>0.33234182688662178</v>
          </cell>
        </row>
        <row r="28">
          <cell r="A28">
            <v>0.19858844687399685</v>
          </cell>
          <cell r="C28" t="str">
            <v>Average National Capacity Factor (offshore)</v>
          </cell>
          <cell r="D28" t="str">
            <v/>
          </cell>
          <cell r="E28">
            <v>0.41597125386929612</v>
          </cell>
          <cell r="F28" t="str">
            <v/>
          </cell>
          <cell r="G28">
            <v>0</v>
          </cell>
          <cell r="H28">
            <v>0.44318966071666921</v>
          </cell>
          <cell r="J28">
            <v>0</v>
          </cell>
          <cell r="K28">
            <v>0.40101180840629741</v>
          </cell>
          <cell r="M28">
            <v>0</v>
          </cell>
          <cell r="N28" t="str">
            <v/>
          </cell>
          <cell r="O28">
            <v>0</v>
          </cell>
          <cell r="P28">
            <v>0</v>
          </cell>
          <cell r="Q28" t="str">
            <v/>
          </cell>
          <cell r="R28">
            <v>0.32865393359899636</v>
          </cell>
          <cell r="S28">
            <v>0</v>
          </cell>
          <cell r="U28">
            <v>0</v>
          </cell>
          <cell r="V28">
            <v>0.35427491733585265</v>
          </cell>
          <cell r="W28" t="str">
            <v/>
          </cell>
          <cell r="X28">
            <v>0.45693467360615214</v>
          </cell>
          <cell r="Y28">
            <v>0.38020200870269177</v>
          </cell>
        </row>
        <row r="29">
          <cell r="A29">
            <v>0.25960655485608264</v>
          </cell>
          <cell r="C29" t="str">
            <v>Average National Capacity Factor (land-based)</v>
          </cell>
          <cell r="D29">
            <v>0.25768907383601847</v>
          </cell>
          <cell r="E29">
            <v>0.28200167516116748</v>
          </cell>
          <cell r="F29">
            <v>0.30576348484428389</v>
          </cell>
          <cell r="G29">
            <v>0.2104878444961828</v>
          </cell>
          <cell r="H29">
            <v>0.25136518065745522</v>
          </cell>
          <cell r="J29">
            <v>0.2649925863484684</v>
          </cell>
          <cell r="K29">
            <v>0.21770629926982096</v>
          </cell>
          <cell r="L29">
            <v>0.1786787016974867</v>
          </cell>
          <cell r="M29">
            <v>0.3121280219905907</v>
          </cell>
          <cell r="N29">
            <v>0.19928625702452277</v>
          </cell>
          <cell r="O29">
            <v>0.21098467053871039</v>
          </cell>
          <cell r="P29">
            <v>0.24462627211517537</v>
          </cell>
          <cell r="R29">
            <v>0.26393046697615224</v>
          </cell>
          <cell r="S29">
            <v>0.35124791358739332</v>
          </cell>
          <cell r="U29">
            <v>0.22976398020342068</v>
          </cell>
          <cell r="V29">
            <v>0.31066032822551837</v>
          </cell>
          <cell r="W29">
            <v>0.21114686531363755</v>
          </cell>
          <cell r="X29">
            <v>0.28110750131736728</v>
          </cell>
          <cell r="Y29">
            <v>0.33232693843083971</v>
          </cell>
        </row>
        <row r="30">
          <cell r="A30">
            <v>0.28078825136612023</v>
          </cell>
          <cell r="C30" t="str">
            <v>Average National Capacity Factor (landbased+offshore, turbines in operation the whole year)</v>
          </cell>
          <cell r="G30">
            <v>0.23872950819672131</v>
          </cell>
          <cell r="I30">
            <v>0.35</v>
          </cell>
          <cell r="J30">
            <v>0.26500000000000001</v>
          </cell>
          <cell r="N30">
            <v>0.19900000000000001</v>
          </cell>
          <cell r="S30">
            <v>0.374</v>
          </cell>
          <cell r="T30">
            <v>0.25800000000000001</v>
          </cell>
        </row>
        <row r="31">
          <cell r="A31">
            <v>0</v>
          </cell>
          <cell r="C31" t="str">
            <v>Average National Capacity Factor (offshore, turbines in operation the whole year)</v>
          </cell>
          <cell r="N31">
            <v>0</v>
          </cell>
        </row>
        <row r="32">
          <cell r="A32">
            <v>0.28649999999999998</v>
          </cell>
          <cell r="C32" t="str">
            <v>Average National Capacity Factor (landbased, turbines in operation the whole year)</v>
          </cell>
          <cell r="N32">
            <v>0.19900000000000001</v>
          </cell>
          <cell r="S32">
            <v>0.374</v>
          </cell>
        </row>
        <row r="33">
          <cell r="A33">
            <v>39.264937712376792</v>
          </cell>
          <cell r="C33" t="str">
            <v>Curtailed Electricity (estimate) TWh</v>
          </cell>
          <cell r="G33">
            <v>16.61</v>
          </cell>
          <cell r="H33">
            <v>1.4</v>
          </cell>
          <cell r="K33">
            <v>5.5289999999999999</v>
          </cell>
          <cell r="M33">
            <v>1.448</v>
          </cell>
          <cell r="P33">
            <v>2.1999999999999999E-2</v>
          </cell>
          <cell r="S33">
            <v>0</v>
          </cell>
          <cell r="T33">
            <v>0</v>
          </cell>
          <cell r="X33">
            <v>3.7</v>
          </cell>
          <cell r="Y33">
            <v>10.555937712376794</v>
          </cell>
        </row>
        <row r="34">
          <cell r="A34">
            <v>37800661</v>
          </cell>
          <cell r="C34" t="str">
            <v>Land area (km2)</v>
          </cell>
          <cell r="D34">
            <v>84000</v>
          </cell>
          <cell r="E34">
            <v>30280</v>
          </cell>
          <cell r="F34">
            <v>9093507</v>
          </cell>
          <cell r="G34">
            <v>9600000</v>
          </cell>
          <cell r="H34">
            <v>43560</v>
          </cell>
          <cell r="I34">
            <v>338424</v>
          </cell>
          <cell r="J34">
            <v>551695</v>
          </cell>
          <cell r="K34">
            <v>357582</v>
          </cell>
          <cell r="L34">
            <v>3287263</v>
          </cell>
          <cell r="M34">
            <v>70273</v>
          </cell>
          <cell r="N34">
            <v>301338</v>
          </cell>
          <cell r="O34">
            <v>364555</v>
          </cell>
          <cell r="P34">
            <v>100340</v>
          </cell>
          <cell r="Q34">
            <v>1964375</v>
          </cell>
          <cell r="R34">
            <v>41543</v>
          </cell>
          <cell r="S34">
            <v>385203</v>
          </cell>
          <cell r="T34">
            <v>92212</v>
          </cell>
          <cell r="U34">
            <v>505990</v>
          </cell>
          <cell r="V34">
            <v>447435</v>
          </cell>
          <cell r="W34">
            <v>41285</v>
          </cell>
          <cell r="X34">
            <v>242495</v>
          </cell>
          <cell r="Y34">
            <v>9857306</v>
          </cell>
        </row>
        <row r="35">
          <cell r="A35">
            <v>3839900711</v>
          </cell>
          <cell r="C35" t="str">
            <v>Population check some report in millions some total</v>
          </cell>
          <cell r="D35">
            <v>8000000</v>
          </cell>
          <cell r="E35">
            <v>11429336</v>
          </cell>
          <cell r="F35">
            <v>38000000</v>
          </cell>
          <cell r="G35">
            <v>1400050000</v>
          </cell>
          <cell r="H35">
            <v>5840000</v>
          </cell>
          <cell r="I35">
            <v>5536146</v>
          </cell>
          <cell r="J35">
            <v>66890000</v>
          </cell>
          <cell r="K35">
            <v>83190556</v>
          </cell>
          <cell r="L35">
            <v>1352620000</v>
          </cell>
          <cell r="M35">
            <v>4775000</v>
          </cell>
          <cell r="N35">
            <v>60317000</v>
          </cell>
          <cell r="O35">
            <v>127000000</v>
          </cell>
          <cell r="P35">
            <v>51829000</v>
          </cell>
          <cell r="Q35">
            <v>126570000</v>
          </cell>
          <cell r="R35">
            <v>17300000</v>
          </cell>
          <cell r="S35">
            <v>5391369</v>
          </cell>
          <cell r="T35">
            <v>10295909</v>
          </cell>
          <cell r="U35">
            <v>47320000</v>
          </cell>
          <cell r="V35">
            <v>10379295</v>
          </cell>
          <cell r="W35">
            <v>8667100</v>
          </cell>
          <cell r="X35">
            <v>67000000</v>
          </cell>
          <cell r="Y35">
            <v>331500000</v>
          </cell>
        </row>
        <row r="36">
          <cell r="C36" t="str">
            <v>Curtailed Electricity (estimate) %</v>
          </cell>
          <cell r="G36">
            <v>3.4381403821075941E-2</v>
          </cell>
          <cell r="H36">
            <v>7.9059278050866974E-2</v>
          </cell>
          <cell r="I36">
            <v>0</v>
          </cell>
          <cell r="J36">
            <v>0</v>
          </cell>
          <cell r="K36">
            <v>4.0903138940468882E-2</v>
          </cell>
          <cell r="M36">
            <v>0.11141032545972147</v>
          </cell>
          <cell r="N36">
            <v>0</v>
          </cell>
          <cell r="P36">
            <v>6.9730586370839939E-3</v>
          </cell>
          <cell r="X36">
            <v>4.6794571829667758E-2</v>
          </cell>
          <cell r="Y36">
            <v>3.0289987830758869E-2</v>
          </cell>
        </row>
        <row r="38">
          <cell r="C38" t="str">
            <v>2.       Renewable Energy and Wind Targets for Member Countries</v>
          </cell>
          <cell r="D38">
            <v>2020</v>
          </cell>
          <cell r="E38">
            <v>2020</v>
          </cell>
          <cell r="F38">
            <v>2020</v>
          </cell>
          <cell r="G38">
            <v>2019</v>
          </cell>
          <cell r="H38">
            <v>2020</v>
          </cell>
          <cell r="I38">
            <v>2020</v>
          </cell>
          <cell r="J38">
            <v>2020</v>
          </cell>
          <cell r="K38">
            <v>2020</v>
          </cell>
          <cell r="M38">
            <v>2019</v>
          </cell>
          <cell r="N38">
            <v>2020</v>
          </cell>
          <cell r="O38">
            <v>2020</v>
          </cell>
          <cell r="P38">
            <v>2020</v>
          </cell>
          <cell r="Q38">
            <v>2019</v>
          </cell>
          <cell r="R38">
            <v>2020</v>
          </cell>
          <cell r="S38">
            <v>2020</v>
          </cell>
          <cell r="T38">
            <v>2020</v>
          </cell>
          <cell r="U38">
            <v>2020</v>
          </cell>
          <cell r="V38">
            <v>2020</v>
          </cell>
          <cell r="W38">
            <v>2020</v>
          </cell>
          <cell r="X38">
            <v>2020</v>
          </cell>
          <cell r="Y38">
            <v>2020</v>
          </cell>
        </row>
        <row r="39">
          <cell r="C39" t="str">
            <v>Official Target Renewable Energy Sources</v>
          </cell>
          <cell r="D39">
            <v>0.34</v>
          </cell>
          <cell r="E39">
            <v>0.13</v>
          </cell>
          <cell r="G39">
            <v>680000</v>
          </cell>
          <cell r="H39">
            <v>0.3</v>
          </cell>
          <cell r="I39">
            <v>0.51</v>
          </cell>
          <cell r="J39">
            <v>73500</v>
          </cell>
          <cell r="K39">
            <v>0.65</v>
          </cell>
          <cell r="M39">
            <v>0.16</v>
          </cell>
          <cell r="N39">
            <v>40</v>
          </cell>
          <cell r="O39">
            <v>0.22</v>
          </cell>
          <cell r="P39">
            <v>0.2</v>
          </cell>
          <cell r="Q39">
            <v>4199</v>
          </cell>
          <cell r="R39">
            <v>0.14000000000000001</v>
          </cell>
          <cell r="S39">
            <v>28.4</v>
          </cell>
          <cell r="T39">
            <v>0.47</v>
          </cell>
          <cell r="U39">
            <v>0.42</v>
          </cell>
          <cell r="V39">
            <v>1</v>
          </cell>
          <cell r="W39">
            <v>23</v>
          </cell>
        </row>
        <row r="40">
          <cell r="C40" t="str">
            <v>Year for official Renewable Energy target</v>
          </cell>
          <cell r="D40">
            <v>2020</v>
          </cell>
          <cell r="E40">
            <v>2020</v>
          </cell>
          <cell r="G40">
            <v>2020</v>
          </cell>
          <cell r="H40">
            <v>2020</v>
          </cell>
          <cell r="I40">
            <v>2030</v>
          </cell>
          <cell r="J40">
            <v>2023</v>
          </cell>
          <cell r="K40">
            <v>2030</v>
          </cell>
          <cell r="M40">
            <v>2020</v>
          </cell>
          <cell r="N40">
            <v>2030</v>
          </cell>
          <cell r="O40">
            <v>2030</v>
          </cell>
          <cell r="P40">
            <v>2030</v>
          </cell>
          <cell r="Q40">
            <v>2019</v>
          </cell>
          <cell r="R40">
            <v>2020</v>
          </cell>
          <cell r="S40">
            <v>2021</v>
          </cell>
          <cell r="T40">
            <v>2030</v>
          </cell>
          <cell r="U40">
            <v>2030</v>
          </cell>
          <cell r="V40">
            <v>2040</v>
          </cell>
          <cell r="W40">
            <v>2050</v>
          </cell>
          <cell r="X40">
            <v>2030</v>
          </cell>
        </row>
        <row r="41">
          <cell r="C41" t="str">
            <v>Official Target Wind reached (calculate from given number in row 103)</v>
          </cell>
          <cell r="D41">
            <v>3800</v>
          </cell>
          <cell r="E41">
            <v>5741</v>
          </cell>
          <cell r="G41">
            <v>210000</v>
          </cell>
          <cell r="H41">
            <v>0.5</v>
          </cell>
          <cell r="I41">
            <v>6</v>
          </cell>
          <cell r="J41">
            <v>26500</v>
          </cell>
          <cell r="K41">
            <v>7700</v>
          </cell>
          <cell r="M41">
            <v>3500</v>
          </cell>
          <cell r="N41">
            <v>12680</v>
          </cell>
          <cell r="O41">
            <v>10000</v>
          </cell>
          <cell r="P41">
            <v>17700</v>
          </cell>
          <cell r="Q41">
            <v>7000</v>
          </cell>
          <cell r="R41">
            <v>6000</v>
          </cell>
          <cell r="T41">
            <v>5300</v>
          </cell>
          <cell r="U41">
            <v>35</v>
          </cell>
          <cell r="V41">
            <v>30</v>
          </cell>
          <cell r="W41">
            <v>0.4</v>
          </cell>
          <cell r="X41">
            <v>40000</v>
          </cell>
          <cell r="Y41">
            <v>0.1</v>
          </cell>
        </row>
        <row r="42">
          <cell r="C42" t="str">
            <v>Year for official wind target</v>
          </cell>
          <cell r="D42">
            <v>2020</v>
          </cell>
          <cell r="E42">
            <v>2020</v>
          </cell>
          <cell r="G42">
            <v>2020</v>
          </cell>
          <cell r="H42">
            <v>2020</v>
          </cell>
          <cell r="I42">
            <v>2020</v>
          </cell>
          <cell r="J42">
            <v>2023</v>
          </cell>
          <cell r="K42">
            <v>2020</v>
          </cell>
          <cell r="N42">
            <v>2020</v>
          </cell>
          <cell r="O42">
            <v>2030</v>
          </cell>
          <cell r="P42">
            <v>2030</v>
          </cell>
          <cell r="Q42">
            <v>2020</v>
          </cell>
          <cell r="R42">
            <v>2020</v>
          </cell>
          <cell r="T42">
            <v>2020</v>
          </cell>
          <cell r="U42">
            <v>2020</v>
          </cell>
          <cell r="V42">
            <v>2020</v>
          </cell>
          <cell r="W42">
            <v>2020</v>
          </cell>
          <cell r="X42">
            <v>2030</v>
          </cell>
        </row>
        <row r="43">
          <cell r="I43" t="str">
            <v>9 TWh 2025</v>
          </cell>
          <cell r="K43" t="str">
            <v>offshore target; 71GW onshore and 20 GW offshore in 2030</v>
          </cell>
          <cell r="N43" t="str">
            <v>19.3 GW in 2030</v>
          </cell>
          <cell r="Q43" t="str">
            <v>from 2018 report</v>
          </cell>
          <cell r="R43" t="str">
            <v>6GW on land</v>
          </cell>
          <cell r="T43" t="str">
            <v>New target 9.3 2030</v>
          </cell>
          <cell r="U43" t="str">
            <v>New target 50 GW 2030</v>
          </cell>
          <cell r="W43" t="str">
            <v>New target 4.3GW 2050</v>
          </cell>
          <cell r="X43" t="str">
            <v>offshore wind only</v>
          </cell>
        </row>
        <row r="44">
          <cell r="C44" t="str">
            <v>3.       Wind Resource Compared to Average</v>
          </cell>
          <cell r="D44">
            <v>2020</v>
          </cell>
          <cell r="E44">
            <v>2020</v>
          </cell>
          <cell r="F44">
            <v>2020</v>
          </cell>
          <cell r="G44">
            <v>2019</v>
          </cell>
          <cell r="H44">
            <v>2020</v>
          </cell>
          <cell r="I44">
            <v>2020</v>
          </cell>
          <cell r="J44">
            <v>2020</v>
          </cell>
          <cell r="K44">
            <v>2020</v>
          </cell>
          <cell r="M44">
            <v>2019</v>
          </cell>
          <cell r="N44">
            <v>2020</v>
          </cell>
          <cell r="O44">
            <v>2020</v>
          </cell>
          <cell r="P44">
            <v>2020</v>
          </cell>
          <cell r="R44">
            <v>2020</v>
          </cell>
          <cell r="S44">
            <v>2020</v>
          </cell>
          <cell r="T44">
            <v>2020</v>
          </cell>
          <cell r="U44">
            <v>2020</v>
          </cell>
          <cell r="V44">
            <v>2020</v>
          </cell>
          <cell r="W44">
            <v>2020</v>
          </cell>
          <cell r="X44">
            <v>2020</v>
          </cell>
          <cell r="Y44">
            <v>2020</v>
          </cell>
        </row>
        <row r="45">
          <cell r="C45" t="str">
            <v xml:space="preserve">Wind Resource average is 1 =  100% </v>
          </cell>
          <cell r="H45">
            <v>1.03</v>
          </cell>
          <cell r="I45">
            <v>1.07</v>
          </cell>
          <cell r="K45">
            <v>1.0189999999999999</v>
          </cell>
          <cell r="S45">
            <v>1.04</v>
          </cell>
          <cell r="T45">
            <v>0.94</v>
          </cell>
          <cell r="Y45">
            <v>1.03</v>
          </cell>
        </row>
        <row r="47">
          <cell r="C47" t="str">
            <v>4.       Potential Increases to Capacity IEA Wind Member Countries</v>
          </cell>
          <cell r="D47">
            <v>2020</v>
          </cell>
          <cell r="E47">
            <v>2020</v>
          </cell>
          <cell r="F47">
            <v>2020</v>
          </cell>
          <cell r="G47">
            <v>2019</v>
          </cell>
          <cell r="H47">
            <v>2020</v>
          </cell>
          <cell r="I47">
            <v>2020</v>
          </cell>
          <cell r="J47">
            <v>2020</v>
          </cell>
          <cell r="K47">
            <v>2020</v>
          </cell>
          <cell r="M47">
            <v>2019</v>
          </cell>
          <cell r="N47">
            <v>2020</v>
          </cell>
          <cell r="O47">
            <v>2020</v>
          </cell>
          <cell r="P47">
            <v>2020</v>
          </cell>
          <cell r="R47">
            <v>2020</v>
          </cell>
          <cell r="S47">
            <v>2020</v>
          </cell>
          <cell r="T47">
            <v>2020</v>
          </cell>
          <cell r="U47">
            <v>2020</v>
          </cell>
          <cell r="V47">
            <v>2020</v>
          </cell>
          <cell r="W47">
            <v>2020</v>
          </cell>
          <cell r="X47">
            <v>2020</v>
          </cell>
          <cell r="Y47">
            <v>2020</v>
          </cell>
        </row>
        <row r="48">
          <cell r="C48" t="str">
            <v>Projects approved by all planning bodies (land-based)</v>
          </cell>
          <cell r="D48">
            <v>1185</v>
          </cell>
          <cell r="F48">
            <v>1996</v>
          </cell>
          <cell r="I48">
            <v>3607</v>
          </cell>
          <cell r="K48">
            <v>2672</v>
          </cell>
          <cell r="P48">
            <v>3200</v>
          </cell>
          <cell r="R48">
            <v>769</v>
          </cell>
          <cell r="S48">
            <v>2435</v>
          </cell>
          <cell r="U48">
            <v>2364</v>
          </cell>
          <cell r="W48">
            <v>0</v>
          </cell>
          <cell r="X48">
            <v>4666</v>
          </cell>
        </row>
        <row r="49">
          <cell r="C49" t="str">
            <v>Projects approved by all planning bodies (offshore)</v>
          </cell>
          <cell r="F49">
            <v>0</v>
          </cell>
          <cell r="I49">
            <v>0</v>
          </cell>
          <cell r="J49">
            <v>3036</v>
          </cell>
          <cell r="K49">
            <v>0</v>
          </cell>
          <cell r="N49">
            <v>30</v>
          </cell>
          <cell r="P49">
            <v>2385</v>
          </cell>
          <cell r="R49">
            <v>700</v>
          </cell>
          <cell r="W49">
            <v>0</v>
          </cell>
          <cell r="X49">
            <v>11745.4</v>
          </cell>
          <cell r="Y49">
            <v>800</v>
          </cell>
        </row>
        <row r="50">
          <cell r="C50" t="str">
            <v>Projects currently under construction (land-based)</v>
          </cell>
          <cell r="F50">
            <v>715</v>
          </cell>
          <cell r="I50">
            <v>2435</v>
          </cell>
          <cell r="K50">
            <v>3600</v>
          </cell>
          <cell r="P50">
            <v>450</v>
          </cell>
          <cell r="R50">
            <v>1800</v>
          </cell>
          <cell r="S50">
            <v>1154</v>
          </cell>
          <cell r="W50">
            <v>0</v>
          </cell>
          <cell r="X50">
            <v>1372</v>
          </cell>
          <cell r="Y50">
            <v>17032</v>
          </cell>
        </row>
        <row r="51">
          <cell r="C51" t="str">
            <v xml:space="preserve">Projects currently under construction (offshore) </v>
          </cell>
          <cell r="F51">
            <v>0</v>
          </cell>
          <cell r="H51">
            <v>605</v>
          </cell>
          <cell r="I51">
            <v>0</v>
          </cell>
          <cell r="J51">
            <v>1473</v>
          </cell>
          <cell r="K51">
            <v>0</v>
          </cell>
          <cell r="P51">
            <v>0</v>
          </cell>
          <cell r="R51">
            <v>1500</v>
          </cell>
          <cell r="V51">
            <v>0</v>
          </cell>
          <cell r="W51">
            <v>0</v>
          </cell>
          <cell r="X51">
            <v>3689</v>
          </cell>
          <cell r="Y51">
            <v>0</v>
          </cell>
        </row>
        <row r="52">
          <cell r="V52" t="str">
            <v>Not available anymore</v>
          </cell>
        </row>
        <row r="53">
          <cell r="C53" t="str">
            <v>5.       Estimated Average Turbine Cost and Average Total Installed Project Cost</v>
          </cell>
          <cell r="D53">
            <v>2020</v>
          </cell>
          <cell r="E53">
            <v>2020</v>
          </cell>
          <cell r="F53">
            <v>2020</v>
          </cell>
          <cell r="G53">
            <v>2019</v>
          </cell>
          <cell r="H53">
            <v>2020</v>
          </cell>
          <cell r="I53">
            <v>2020</v>
          </cell>
          <cell r="J53">
            <v>2020</v>
          </cell>
          <cell r="K53">
            <v>2020</v>
          </cell>
          <cell r="M53">
            <v>2019</v>
          </cell>
          <cell r="N53">
            <v>2020</v>
          </cell>
          <cell r="O53">
            <v>2020</v>
          </cell>
          <cell r="P53">
            <v>2020</v>
          </cell>
          <cell r="R53">
            <v>2020</v>
          </cell>
          <cell r="S53">
            <v>2020</v>
          </cell>
          <cell r="T53">
            <v>2020</v>
          </cell>
          <cell r="U53">
            <v>2020</v>
          </cell>
          <cell r="V53">
            <v>2020</v>
          </cell>
          <cell r="W53">
            <v>2020</v>
          </cell>
          <cell r="X53">
            <v>2020</v>
          </cell>
          <cell r="Y53">
            <v>2020</v>
          </cell>
        </row>
        <row r="54">
          <cell r="C54" t="str">
            <v>Average Turbine Cost (land-based) (EUR/kW)</v>
          </cell>
          <cell r="G54">
            <v>518.4</v>
          </cell>
          <cell r="P54">
            <v>950</v>
          </cell>
          <cell r="S54">
            <v>834.09300000000007</v>
          </cell>
          <cell r="U54">
            <v>880</v>
          </cell>
          <cell r="Y54">
            <v>800</v>
          </cell>
        </row>
        <row r="55">
          <cell r="C55" t="str">
            <v>Average Turbine Cost (offshore) (EUR/kW)</v>
          </cell>
          <cell r="G55">
            <v>953.13599999999997</v>
          </cell>
          <cell r="P55">
            <v>1500</v>
          </cell>
        </row>
        <row r="56">
          <cell r="C56" t="str">
            <v>Average Total Installed Project Cost* (land-based) (EUR/kW)</v>
          </cell>
          <cell r="F56">
            <v>1305</v>
          </cell>
          <cell r="G56">
            <v>1007.9999999999999</v>
          </cell>
          <cell r="K56">
            <v>1684</v>
          </cell>
          <cell r="N56">
            <v>1200</v>
          </cell>
          <cell r="P56">
            <v>1700</v>
          </cell>
          <cell r="S56">
            <v>1178.307</v>
          </cell>
          <cell r="U56">
            <v>1050</v>
          </cell>
          <cell r="Y56">
            <v>1460</v>
          </cell>
        </row>
        <row r="57">
          <cell r="C57" t="str">
            <v>Average Total Installed Project Cost* (offshore)</v>
          </cell>
          <cell r="G57">
            <v>2160</v>
          </cell>
          <cell r="P57">
            <v>4160</v>
          </cell>
        </row>
        <row r="58">
          <cell r="C58" t="str">
            <v>*Include: costs for turbines, roads, electrical equipment, installation, development, and grid connection per kW of installed capacity.</v>
          </cell>
          <cell r="K58" t="str">
            <v>USD</v>
          </cell>
          <cell r="S58" t="str">
            <v>USD</v>
          </cell>
          <cell r="U58" t="str">
            <v>USD</v>
          </cell>
        </row>
        <row r="60">
          <cell r="C60" t="str">
            <v>6.       Estimated Jobs and Economic Impact of Wind Development</v>
          </cell>
          <cell r="D60">
            <v>2020</v>
          </cell>
          <cell r="E60">
            <v>2020</v>
          </cell>
          <cell r="F60">
            <v>2020</v>
          </cell>
          <cell r="G60">
            <v>2019</v>
          </cell>
          <cell r="H60">
            <v>2020</v>
          </cell>
          <cell r="I60">
            <v>2020</v>
          </cell>
          <cell r="J60">
            <v>2020</v>
          </cell>
          <cell r="K60">
            <v>2020</v>
          </cell>
          <cell r="M60">
            <v>2019</v>
          </cell>
          <cell r="N60">
            <v>2020</v>
          </cell>
          <cell r="O60">
            <v>2020</v>
          </cell>
          <cell r="P60">
            <v>2020</v>
          </cell>
          <cell r="R60">
            <v>2020</v>
          </cell>
          <cell r="S60">
            <v>2020</v>
          </cell>
          <cell r="T60">
            <v>2020</v>
          </cell>
          <cell r="U60">
            <v>2020</v>
          </cell>
          <cell r="V60">
            <v>2020</v>
          </cell>
          <cell r="W60">
            <v>2020</v>
          </cell>
          <cell r="X60">
            <v>2020</v>
          </cell>
          <cell r="Y60">
            <v>2020</v>
          </cell>
        </row>
        <row r="61">
          <cell r="A61">
            <v>755668.25</v>
          </cell>
          <cell r="C61" t="str">
            <v>Estimated Number of Jobs (direct and indirect)</v>
          </cell>
          <cell r="D61">
            <v>3500</v>
          </cell>
          <cell r="F61">
            <v>796.25</v>
          </cell>
          <cell r="G61">
            <v>510000</v>
          </cell>
          <cell r="H61">
            <v>33000</v>
          </cell>
          <cell r="J61">
            <v>20200</v>
          </cell>
          <cell r="N61">
            <v>16000</v>
          </cell>
          <cell r="P61">
            <v>1800</v>
          </cell>
          <cell r="T61">
            <v>3250</v>
          </cell>
          <cell r="U61">
            <v>30000</v>
          </cell>
          <cell r="X61">
            <v>15205</v>
          </cell>
          <cell r="Y61">
            <v>116817</v>
          </cell>
        </row>
        <row r="62">
          <cell r="A62">
            <v>46599375000</v>
          </cell>
          <cell r="C62" t="str">
            <v>Economic Impact (direct and indirect) EUR</v>
          </cell>
          <cell r="D62">
            <v>404000000</v>
          </cell>
          <cell r="F62">
            <v>228375000</v>
          </cell>
          <cell r="K62">
            <v>6030000000</v>
          </cell>
          <cell r="N62">
            <v>3457000000</v>
          </cell>
          <cell r="P62">
            <v>820000000</v>
          </cell>
          <cell r="U62">
            <v>4970000000</v>
          </cell>
          <cell r="Y62">
            <v>30690000000</v>
          </cell>
        </row>
        <row r="63">
          <cell r="D63" t="str">
            <v>export value 400 M€</v>
          </cell>
          <cell r="F63" t="str">
            <v>Total invested in building the turbines</v>
          </cell>
          <cell r="H63" t="str">
            <v>based on 2019</v>
          </cell>
          <cell r="K63" t="str">
            <v>USD</v>
          </cell>
          <cell r="U63" t="str">
            <v>USD</v>
          </cell>
        </row>
        <row r="64">
          <cell r="C64" t="str">
            <v>7.       National R&amp;D Budget</v>
          </cell>
          <cell r="D64">
            <v>2020</v>
          </cell>
          <cell r="E64">
            <v>2020</v>
          </cell>
          <cell r="F64">
            <v>2020</v>
          </cell>
          <cell r="G64">
            <v>2019</v>
          </cell>
          <cell r="H64">
            <v>2020</v>
          </cell>
          <cell r="I64">
            <v>2020</v>
          </cell>
          <cell r="J64">
            <v>2020</v>
          </cell>
          <cell r="K64">
            <v>2020</v>
          </cell>
          <cell r="M64">
            <v>2019</v>
          </cell>
          <cell r="N64">
            <v>2020</v>
          </cell>
          <cell r="O64">
            <v>2020</v>
          </cell>
          <cell r="P64">
            <v>2020</v>
          </cell>
          <cell r="R64">
            <v>2020</v>
          </cell>
          <cell r="S64">
            <v>2020</v>
          </cell>
          <cell r="T64">
            <v>2020</v>
          </cell>
          <cell r="U64">
            <v>2020</v>
          </cell>
          <cell r="V64">
            <v>2020</v>
          </cell>
          <cell r="W64">
            <v>2020</v>
          </cell>
          <cell r="X64">
            <v>2020</v>
          </cell>
          <cell r="Y64">
            <v>2020</v>
          </cell>
        </row>
        <row r="65">
          <cell r="A65">
            <v>510340196</v>
          </cell>
          <cell r="C65" t="str">
            <v>National R&amp;D Budget (EUR)</v>
          </cell>
          <cell r="F65">
            <v>6217904</v>
          </cell>
          <cell r="G65">
            <v>9360000</v>
          </cell>
          <cell r="H65">
            <v>18562832</v>
          </cell>
          <cell r="I65">
            <v>2580000</v>
          </cell>
          <cell r="K65">
            <v>79886360</v>
          </cell>
          <cell r="O65">
            <v>76500000</v>
          </cell>
          <cell r="P65">
            <v>43000000</v>
          </cell>
          <cell r="R65">
            <v>21000000</v>
          </cell>
          <cell r="S65">
            <v>5100000</v>
          </cell>
          <cell r="U65">
            <v>132000000</v>
          </cell>
          <cell r="V65">
            <v>5856000</v>
          </cell>
          <cell r="W65">
            <v>6277100</v>
          </cell>
          <cell r="Y65">
            <v>104000000</v>
          </cell>
        </row>
        <row r="66">
          <cell r="F66" t="str">
            <v>USD</v>
          </cell>
          <cell r="H66" t="str">
            <v>USD</v>
          </cell>
          <cell r="K66" t="str">
            <v>USD</v>
          </cell>
          <cell r="S66" t="str">
            <v>USD</v>
          </cell>
          <cell r="U66" t="str">
            <v>USD</v>
          </cell>
          <cell r="V66" t="str">
            <v>USD</v>
          </cell>
        </row>
        <row r="68">
          <cell r="C68" t="str">
            <v xml:space="preserve">(Mark all that apply; add a description in the blank row for any new incentive scheme not listed in this table.) </v>
          </cell>
          <cell r="D68" t="str">
            <v>Austria</v>
          </cell>
          <cell r="G68" t="str">
            <v>China</v>
          </cell>
          <cell r="J68" t="str">
            <v>France</v>
          </cell>
          <cell r="U68" t="str">
            <v>Spain</v>
          </cell>
        </row>
        <row r="69">
          <cell r="C69" t="str">
            <v>8. Incentive Program</v>
          </cell>
          <cell r="D69">
            <v>2019</v>
          </cell>
          <cell r="E69">
            <v>2020</v>
          </cell>
          <cell r="F69">
            <v>2020</v>
          </cell>
          <cell r="G69">
            <v>2019</v>
          </cell>
          <cell r="H69">
            <v>2020</v>
          </cell>
          <cell r="I69">
            <v>2020</v>
          </cell>
          <cell r="J69">
            <v>2018</v>
          </cell>
          <cell r="K69">
            <v>2020</v>
          </cell>
          <cell r="M69">
            <v>2019</v>
          </cell>
          <cell r="N69">
            <v>2020</v>
          </cell>
          <cell r="O69">
            <v>2020</v>
          </cell>
          <cell r="P69">
            <v>2020</v>
          </cell>
          <cell r="R69">
            <v>2020</v>
          </cell>
          <cell r="S69">
            <v>2020</v>
          </cell>
          <cell r="T69">
            <v>2020</v>
          </cell>
          <cell r="U69">
            <v>2020</v>
          </cell>
          <cell r="V69">
            <v>2020</v>
          </cell>
          <cell r="W69">
            <v>2020</v>
          </cell>
          <cell r="X69">
            <v>2020</v>
          </cell>
          <cell r="Y69">
            <v>2020</v>
          </cell>
        </row>
        <row r="70">
          <cell r="C70" t="str">
            <v>Auctions for guaranteed price</v>
          </cell>
          <cell r="F70" t="str">
            <v>Yes</v>
          </cell>
          <cell r="G70" t="str">
            <v>Yes</v>
          </cell>
          <cell r="H70" t="str">
            <v>No</v>
          </cell>
          <cell r="K70" t="str">
            <v>Yes</v>
          </cell>
          <cell r="N70" t="str">
            <v>yes</v>
          </cell>
          <cell r="U70" t="str">
            <v>Yes</v>
          </cell>
          <cell r="X70" t="str">
            <v>Yes</v>
          </cell>
          <cell r="Y70" t="str">
            <v>Yes</v>
          </cell>
        </row>
        <row r="71">
          <cell r="C71" t="str">
            <v>Auctions for premium</v>
          </cell>
          <cell r="H71" t="str">
            <v>Yes</v>
          </cell>
          <cell r="I71" t="str">
            <v>Yes</v>
          </cell>
          <cell r="Y71" t="str">
            <v>Yes</v>
          </cell>
        </row>
        <row r="72">
          <cell r="C72" t="str">
            <v>Capital subsidies</v>
          </cell>
          <cell r="F72" t="str">
            <v>Yes</v>
          </cell>
          <cell r="H72" t="str">
            <v>No</v>
          </cell>
        </row>
        <row r="73">
          <cell r="C73" t="str">
            <v xml:space="preserve">Feed-in tariff (FIT) </v>
          </cell>
          <cell r="D73" t="str">
            <v>Yes</v>
          </cell>
          <cell r="G73" t="str">
            <v>Yes</v>
          </cell>
          <cell r="H73" t="str">
            <v>No</v>
          </cell>
          <cell r="I73" t="str">
            <v>Yes</v>
          </cell>
          <cell r="K73" t="str">
            <v>Yes</v>
          </cell>
          <cell r="M73" t="str">
            <v>Yes</v>
          </cell>
          <cell r="N73" t="str">
            <v>yes</v>
          </cell>
          <cell r="O73" t="str">
            <v>Yes</v>
          </cell>
          <cell r="P73" t="str">
            <v>Yes</v>
          </cell>
          <cell r="T73" t="str">
            <v>Yes</v>
          </cell>
          <cell r="W73" t="str">
            <v>Yes</v>
          </cell>
          <cell r="X73" t="str">
            <v>Yes</v>
          </cell>
          <cell r="Y73" t="str">
            <v>Yes</v>
          </cell>
        </row>
        <row r="74">
          <cell r="C74" t="str">
            <v>Variable premium over market price</v>
          </cell>
          <cell r="H74" t="str">
            <v>No</v>
          </cell>
          <cell r="J74" t="str">
            <v>Yes</v>
          </cell>
          <cell r="K74" t="str">
            <v>Yes</v>
          </cell>
          <cell r="R74" t="str">
            <v>Yes</v>
          </cell>
          <cell r="T74" t="str">
            <v>Yes</v>
          </cell>
          <cell r="W74" t="str">
            <v>Yes</v>
          </cell>
          <cell r="X74" t="str">
            <v>Yes</v>
          </cell>
          <cell r="Y74" t="str">
            <v>Yes</v>
          </cell>
        </row>
        <row r="75">
          <cell r="C75" t="str">
            <v>Fixed premium over the market price</v>
          </cell>
          <cell r="H75" t="str">
            <v>No</v>
          </cell>
          <cell r="J75" t="str">
            <v>No</v>
          </cell>
          <cell r="Y75" t="str">
            <v>Yes</v>
          </cell>
        </row>
        <row r="76">
          <cell r="C76" t="str">
            <v>Income tax credits</v>
          </cell>
          <cell r="F76" t="str">
            <v>Yes</v>
          </cell>
          <cell r="G76" t="str">
            <v>Yes</v>
          </cell>
          <cell r="H76" t="str">
            <v>No</v>
          </cell>
          <cell r="R76" t="str">
            <v>Yes</v>
          </cell>
          <cell r="Y76" t="str">
            <v>Yes</v>
          </cell>
        </row>
        <row r="77">
          <cell r="C77" t="str">
            <v>Relief from import tax</v>
          </cell>
          <cell r="G77" t="str">
            <v>Yes</v>
          </cell>
          <cell r="H77" t="str">
            <v>No</v>
          </cell>
        </row>
        <row r="78">
          <cell r="C78" t="str">
            <v>Renewable portfolio standards (RPS), renewables production obligation (RPO), or renewables obligation (RO)</v>
          </cell>
          <cell r="F78" t="str">
            <v>Yes</v>
          </cell>
          <cell r="H78" t="str">
            <v>No</v>
          </cell>
          <cell r="N78" t="str">
            <v>yes</v>
          </cell>
          <cell r="P78" t="str">
            <v>Yes</v>
          </cell>
          <cell r="S78" t="str">
            <v>Yes</v>
          </cell>
          <cell r="X78" t="str">
            <v>No</v>
          </cell>
          <cell r="Y78" t="str">
            <v>Yes</v>
          </cell>
        </row>
        <row r="79">
          <cell r="C79" t="str">
            <v>Green certificates</v>
          </cell>
          <cell r="G79" t="str">
            <v>Yes</v>
          </cell>
          <cell r="H79" t="str">
            <v>No</v>
          </cell>
          <cell r="N79" t="str">
            <v>yes</v>
          </cell>
          <cell r="R79" t="str">
            <v>Yes</v>
          </cell>
          <cell r="S79" t="str">
            <v>Yes</v>
          </cell>
          <cell r="V79" t="str">
            <v>Yes</v>
          </cell>
          <cell r="Y79" t="str">
            <v>Yes</v>
          </cell>
        </row>
        <row r="80">
          <cell r="C80" t="str">
            <v>Green electricity schemes</v>
          </cell>
          <cell r="D80" t="str">
            <v>Yes</v>
          </cell>
          <cell r="H80" t="str">
            <v>Yes</v>
          </cell>
          <cell r="I80" t="str">
            <v>Yes</v>
          </cell>
          <cell r="M80" t="str">
            <v>Yes</v>
          </cell>
          <cell r="R80" t="str">
            <v>Yes</v>
          </cell>
          <cell r="S80" t="str">
            <v>Yes</v>
          </cell>
          <cell r="V80" t="str">
            <v>Yes</v>
          </cell>
          <cell r="Y80" t="str">
            <v>Yes</v>
          </cell>
        </row>
        <row r="81">
          <cell r="C81" t="str">
            <v>Carbon tax</v>
          </cell>
          <cell r="F81" t="str">
            <v>Yes</v>
          </cell>
          <cell r="H81" t="str">
            <v>Yes</v>
          </cell>
          <cell r="M81" t="str">
            <v>Yes</v>
          </cell>
          <cell r="R81" t="str">
            <v>Yes</v>
          </cell>
          <cell r="S81" t="str">
            <v>Yes</v>
          </cell>
          <cell r="V81" t="str">
            <v>Yes</v>
          </cell>
          <cell r="X81" t="str">
            <v>Yes</v>
          </cell>
        </row>
        <row r="82">
          <cell r="C82" t="str">
            <v>Investment funds for wind energy</v>
          </cell>
          <cell r="H82" t="str">
            <v>No</v>
          </cell>
          <cell r="M82" t="str">
            <v>Yes</v>
          </cell>
          <cell r="R82" t="str">
            <v>Yes</v>
          </cell>
          <cell r="X82" t="str">
            <v>Yes</v>
          </cell>
        </row>
        <row r="83">
          <cell r="C83" t="str">
            <v>Spatial planning activities</v>
          </cell>
          <cell r="D83" t="str">
            <v>Yes</v>
          </cell>
          <cell r="G83" t="str">
            <v>Yes</v>
          </cell>
          <cell r="H83" t="str">
            <v>Yes</v>
          </cell>
          <cell r="I83" t="str">
            <v>Yes</v>
          </cell>
          <cell r="J83" t="str">
            <v>Yes</v>
          </cell>
          <cell r="M83" t="str">
            <v>Yes</v>
          </cell>
          <cell r="P83" t="str">
            <v>Yes</v>
          </cell>
          <cell r="R83" t="str">
            <v>Yes</v>
          </cell>
          <cell r="T83" t="str">
            <v>Yes</v>
          </cell>
          <cell r="W83" t="str">
            <v>Yes</v>
          </cell>
          <cell r="X83" t="str">
            <v>Yes</v>
          </cell>
          <cell r="Y83" t="str">
            <v>Yes</v>
          </cell>
        </row>
        <row r="84">
          <cell r="C84" t="str">
            <v>Special incentives for small wind</v>
          </cell>
          <cell r="F84" t="str">
            <v>Yes</v>
          </cell>
          <cell r="H84" t="str">
            <v>No</v>
          </cell>
          <cell r="M84" t="str">
            <v>Yes</v>
          </cell>
          <cell r="N84" t="str">
            <v>yes</v>
          </cell>
          <cell r="P84" t="str">
            <v>No</v>
          </cell>
          <cell r="T84" t="str">
            <v>Yes</v>
          </cell>
          <cell r="X84" t="str">
            <v>Yes</v>
          </cell>
          <cell r="Y84" t="str">
            <v>Yes</v>
          </cell>
        </row>
        <row r="85">
          <cell r="C85" t="str">
            <v xml:space="preserve">Other: </v>
          </cell>
          <cell r="K85" t="str">
            <v>Yes</v>
          </cell>
          <cell r="Y85" t="str">
            <v>Yes</v>
          </cell>
        </row>
        <row r="86">
          <cell r="K86" t="str">
            <v>grid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 t="str">
            <v/>
          </cell>
          <cell r="E92" t="str">
            <v/>
          </cell>
          <cell r="F92" t="str">
            <v/>
          </cell>
          <cell r="G92">
            <v>3.5472162175598232E-2</v>
          </cell>
          <cell r="H92" t="str">
            <v/>
          </cell>
          <cell r="I92">
            <v>-1.4672748286038095E-2</v>
          </cell>
          <cell r="J92">
            <v>3.8484158504936694E-5</v>
          </cell>
          <cell r="K92" t="str">
            <v/>
          </cell>
          <cell r="M92" t="str">
            <v/>
          </cell>
          <cell r="N92">
            <v>-2.8625702452275692E-4</v>
          </cell>
          <cell r="O92" t="str">
            <v/>
          </cell>
          <cell r="P92" t="str">
            <v/>
          </cell>
          <cell r="Q92" t="str">
            <v/>
          </cell>
          <cell r="R92" t="str">
            <v/>
          </cell>
          <cell r="S92">
            <v>2.3003680994123699E-2</v>
          </cell>
          <cell r="T92">
            <v>1.7062297084524669E-4</v>
          </cell>
          <cell r="U92" t="str">
            <v/>
          </cell>
          <cell r="V92" t="str">
            <v/>
          </cell>
          <cell r="W92" t="str">
            <v/>
          </cell>
          <cell r="X92" t="str">
            <v/>
          </cell>
          <cell r="Y92" t="str">
            <v/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 t="str">
            <v/>
          </cell>
          <cell r="H93" t="str">
            <v/>
          </cell>
          <cell r="I93" t="str">
            <v/>
          </cell>
          <cell r="J93" t="str">
            <v/>
          </cell>
          <cell r="K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 t="str">
            <v/>
          </cell>
          <cell r="R93" t="str">
            <v/>
          </cell>
          <cell r="S93" t="str">
            <v/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 t="str">
            <v/>
          </cell>
          <cell r="Y93" t="str">
            <v/>
          </cell>
        </row>
        <row r="94">
          <cell r="C94" t="str">
            <v>Cap factor onshore : operating whole year minus calculated</v>
          </cell>
          <cell r="D94" t="str">
            <v/>
          </cell>
          <cell r="E94" t="str">
            <v/>
          </cell>
          <cell r="F94" t="str">
            <v/>
          </cell>
          <cell r="G94" t="str">
            <v/>
          </cell>
          <cell r="H94" t="str">
            <v/>
          </cell>
          <cell r="I94" t="str">
            <v/>
          </cell>
          <cell r="J94" t="str">
            <v/>
          </cell>
          <cell r="K94" t="str">
            <v/>
          </cell>
          <cell r="M94" t="str">
            <v/>
          </cell>
          <cell r="N94">
            <v>-2.8625702452275692E-4</v>
          </cell>
          <cell r="O94" t="str">
            <v/>
          </cell>
          <cell r="P94" t="str">
            <v/>
          </cell>
          <cell r="Q94" t="str">
            <v/>
          </cell>
          <cell r="R94" t="str">
            <v/>
          </cell>
          <cell r="S94">
            <v>2.2752086412606676E-2</v>
          </cell>
          <cell r="T94" t="str">
            <v/>
          </cell>
          <cell r="U94" t="str">
            <v/>
          </cell>
          <cell r="V94" t="str">
            <v/>
          </cell>
          <cell r="W94" t="str">
            <v/>
          </cell>
          <cell r="X94" t="str">
            <v/>
          </cell>
          <cell r="Y94" t="str">
            <v/>
          </cell>
        </row>
        <row r="95">
          <cell r="C95" t="str">
            <v>Calculated values for tables</v>
          </cell>
        </row>
        <row r="96">
          <cell r="A96" t="str">
            <v>T2 T6</v>
          </cell>
          <cell r="C96" t="str">
            <v>increase in capacity%</v>
          </cell>
          <cell r="D96">
            <v>-1.3032422123331213E-2</v>
          </cell>
          <cell r="E96">
            <v>0.20944739226090356</v>
          </cell>
          <cell r="F96">
            <v>1.3047043912622083E-2</v>
          </cell>
          <cell r="G96">
            <v>0.22033898305084745</v>
          </cell>
          <cell r="H96">
            <v>2.6286099630739308E-2</v>
          </cell>
          <cell r="I96">
            <v>0.13222416812609458</v>
          </cell>
          <cell r="J96">
            <v>6.69494092699182E-2</v>
          </cell>
          <cell r="K96">
            <v>2.3675837082323039E-2</v>
          </cell>
          <cell r="L96">
            <v>3.9847392963119968E-2</v>
          </cell>
          <cell r="M96">
            <v>2.9940119760479042E-2</v>
          </cell>
          <cell r="N96">
            <v>9.6553822456964377E-3</v>
          </cell>
          <cell r="O96">
            <v>0.12894201424211596</v>
          </cell>
          <cell r="P96">
            <v>0.10304833210776122</v>
          </cell>
          <cell r="Q96">
            <v>0.10840816326530613</v>
          </cell>
          <cell r="R96">
            <v>0.4316702819956616</v>
          </cell>
          <cell r="S96">
            <v>0.62658486707566463</v>
          </cell>
          <cell r="T96">
            <v>7.5409233032922565E-3</v>
          </cell>
          <cell r="U96">
            <v>6.6861030126336249E-2</v>
          </cell>
          <cell r="V96">
            <v>0.16161732519295013</v>
          </cell>
          <cell r="W96">
            <v>0.15666666666666668</v>
          </cell>
          <cell r="X96">
            <v>2.5236262839006297E-2</v>
          </cell>
          <cell r="Y96">
            <v>0.1273616501959057</v>
          </cell>
        </row>
        <row r="97">
          <cell r="A97" t="str">
            <v>T2 T6</v>
          </cell>
          <cell r="C97" t="str">
            <v>capacity relative to country size kW/km2</v>
          </cell>
          <cell r="D97">
            <v>36.964285714285715</v>
          </cell>
          <cell r="E97">
            <v>154.31638044914135</v>
          </cell>
          <cell r="F97">
            <v>1.4942529873238124</v>
          </cell>
          <cell r="G97">
            <v>30</v>
          </cell>
          <cell r="H97">
            <v>142.7549357208448</v>
          </cell>
          <cell r="I97">
            <v>7.6413020353166443</v>
          </cell>
          <cell r="J97">
            <v>31.919810765006027</v>
          </cell>
          <cell r="K97">
            <v>173.91255711976552</v>
          </cell>
          <cell r="L97">
            <v>11.939415860550252</v>
          </cell>
          <cell r="M97">
            <v>61.189930698845927</v>
          </cell>
          <cell r="N97">
            <v>35.239498503341764</v>
          </cell>
          <cell r="O97">
            <v>12.176489144299214</v>
          </cell>
          <cell r="P97">
            <v>16.444588399441898</v>
          </cell>
          <cell r="Q97">
            <v>3.4560610881323575</v>
          </cell>
          <cell r="R97">
            <v>158.87153070312689</v>
          </cell>
          <cell r="S97">
            <v>10.324426341435554</v>
          </cell>
          <cell r="T97">
            <v>59.406584826269899</v>
          </cell>
          <cell r="U97">
            <v>54.240202375541017</v>
          </cell>
          <cell r="V97">
            <v>22.537351794115345</v>
          </cell>
          <cell r="W97">
            <v>2.1012474264260628</v>
          </cell>
          <cell r="X97">
            <v>100.97115404441328</v>
          </cell>
          <cell r="Y97">
            <v>12.463953132833657</v>
          </cell>
        </row>
        <row r="98">
          <cell r="A98" t="str">
            <v>T4</v>
          </cell>
          <cell r="C98" t="str">
            <v>average capacity of all turbines MW</v>
          </cell>
          <cell r="D98">
            <v>2.3976833976833976</v>
          </cell>
          <cell r="E98">
            <v>0</v>
          </cell>
          <cell r="F98">
            <v>1.9944224277117275</v>
          </cell>
          <cell r="G98">
            <v>0</v>
          </cell>
          <cell r="H98">
            <v>1.0992407636556478</v>
          </cell>
          <cell r="I98">
            <v>3.1498172959805117</v>
          </cell>
          <cell r="J98">
            <v>0</v>
          </cell>
          <cell r="K98">
            <v>1.9990356488476004</v>
          </cell>
          <cell r="L98">
            <v>1.0162610046607976</v>
          </cell>
          <cell r="M98">
            <v>0</v>
          </cell>
          <cell r="N98">
            <v>1.4878800616505534</v>
          </cell>
          <cell r="O98">
            <v>1.7380579483163665</v>
          </cell>
          <cell r="P98">
            <v>2.226788124156545</v>
          </cell>
          <cell r="Q98">
            <v>0</v>
          </cell>
          <cell r="R98">
            <v>2.5210084033613445</v>
          </cell>
          <cell r="S98">
            <v>3.4166666666666665</v>
          </cell>
          <cell r="T98">
            <v>1.9712126664267722</v>
          </cell>
          <cell r="U98">
            <v>1.2813389980858116</v>
          </cell>
          <cell r="V98">
            <v>2.3272559427648281</v>
          </cell>
          <cell r="W98">
            <v>2.0654761904761907</v>
          </cell>
          <cell r="X98">
            <v>2.2379124394479479</v>
          </cell>
          <cell r="Y98">
            <v>1.8117350399622496</v>
          </cell>
        </row>
        <row r="99">
          <cell r="C99" t="str">
            <v>average capacity of offshore turbines MW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3.0480286738351254</v>
          </cell>
          <cell r="I99">
            <v>3.6350000000000002</v>
          </cell>
          <cell r="J99">
            <v>0</v>
          </cell>
          <cell r="K99">
            <v>5.1612258494337109</v>
          </cell>
          <cell r="L99">
            <v>0</v>
          </cell>
          <cell r="M99">
            <v>0</v>
          </cell>
          <cell r="N99">
            <v>0</v>
          </cell>
          <cell r="O99">
            <v>2.092857142857143</v>
          </cell>
          <cell r="P99">
            <v>2.9583333333333335</v>
          </cell>
          <cell r="Q99">
            <v>0</v>
          </cell>
          <cell r="R99">
            <v>5.4347826086956523</v>
          </cell>
          <cell r="S99">
            <v>2.2999999999999998</v>
          </cell>
          <cell r="T99">
            <v>8.4</v>
          </cell>
          <cell r="U99">
            <v>5</v>
          </cell>
          <cell r="V99">
            <v>2.475609756097561</v>
          </cell>
          <cell r="W99">
            <v>0</v>
          </cell>
          <cell r="X99">
            <v>4.5301047120418847</v>
          </cell>
          <cell r="Y99">
            <v>6</v>
          </cell>
        </row>
        <row r="100">
          <cell r="A100" t="str">
            <v>T4</v>
          </cell>
          <cell r="C100" t="str">
            <v>average capacity of land-based turbines MW</v>
          </cell>
          <cell r="D100">
            <v>2.3976833976833976</v>
          </cell>
          <cell r="E100">
            <v>0</v>
          </cell>
          <cell r="F100">
            <v>1.9944224277117275</v>
          </cell>
          <cell r="G100">
            <v>0</v>
          </cell>
          <cell r="H100">
            <v>0.88597862325946253</v>
          </cell>
          <cell r="I100">
            <v>3.1377028714107369</v>
          </cell>
          <cell r="J100">
            <v>0</v>
          </cell>
          <cell r="K100">
            <v>1.8387260199945961</v>
          </cell>
          <cell r="L100">
            <v>1.0162610046607976</v>
          </cell>
          <cell r="M100">
            <v>0</v>
          </cell>
          <cell r="N100">
            <v>1.4878800616505534</v>
          </cell>
          <cell r="O100">
            <v>1.7341250989707044</v>
          </cell>
          <cell r="P100">
            <v>2.1761183261183259</v>
          </cell>
          <cell r="Q100">
            <v>0</v>
          </cell>
          <cell r="R100">
            <v>1.8999073215940685</v>
          </cell>
          <cell r="S100">
            <v>3.4176268271711092</v>
          </cell>
          <cell r="T100">
            <v>1.9642651296829972</v>
          </cell>
          <cell r="U100">
            <v>1.281165374918293</v>
          </cell>
          <cell r="V100">
            <v>2.3243942601740768</v>
          </cell>
          <cell r="W100">
            <v>2.0654761904761907</v>
          </cell>
          <cell r="X100">
            <v>1.630477511851081</v>
          </cell>
          <cell r="Y100">
            <v>1.8113026678661495</v>
          </cell>
        </row>
      </sheetData>
      <sheetData sheetId="6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ndia</v>
          </cell>
          <cell r="M2" t="str">
            <v>Ireland</v>
          </cell>
          <cell r="N2" t="str">
            <v>Italy</v>
          </cell>
          <cell r="O2" t="str">
            <v>Japan</v>
          </cell>
          <cell r="P2" t="str">
            <v>Korea</v>
          </cell>
          <cell r="Q2" t="str">
            <v>Mexico</v>
          </cell>
          <cell r="R2" t="str">
            <v>Netherlands</v>
          </cell>
          <cell r="S2" t="str">
            <v>Norway</v>
          </cell>
          <cell r="T2" t="str">
            <v>Portugal</v>
          </cell>
          <cell r="U2" t="str">
            <v>Spain</v>
          </cell>
          <cell r="V2" t="str">
            <v>Sweden</v>
          </cell>
          <cell r="W2" t="str">
            <v>Switzerland</v>
          </cell>
          <cell r="X2" t="str">
            <v>UK</v>
          </cell>
          <cell r="Y2" t="str">
            <v>USA</v>
          </cell>
        </row>
        <row r="3">
          <cell r="A3">
            <v>1.1379999999999999</v>
          </cell>
          <cell r="B3" t="str">
            <v>US to EUR currency exchange</v>
          </cell>
          <cell r="H3" t="str">
            <v>without &lt;25kW</v>
          </cell>
          <cell r="J3" t="str">
            <v>From country chapter</v>
          </cell>
          <cell r="L3" t="str">
            <v>From country chapter</v>
          </cell>
          <cell r="Q3" t="str">
            <v xml:space="preserve"> GWEC new 473, total 7262 MW</v>
          </cell>
          <cell r="W3" t="str">
            <v>From country chapter</v>
          </cell>
        </row>
        <row r="4">
          <cell r="C4" t="str">
            <v>1.       National Statistics of the IEA Wind Member Countries 2021</v>
          </cell>
          <cell r="D4">
            <v>2021</v>
          </cell>
          <cell r="E4">
            <v>2021</v>
          </cell>
          <cell r="F4">
            <v>2021</v>
          </cell>
          <cell r="G4">
            <v>2021</v>
          </cell>
          <cell r="H4">
            <v>2021</v>
          </cell>
          <cell r="I4">
            <v>2021</v>
          </cell>
          <cell r="J4">
            <v>2021</v>
          </cell>
          <cell r="K4">
            <v>2021</v>
          </cell>
          <cell r="L4">
            <v>2021</v>
          </cell>
          <cell r="M4">
            <v>2021</v>
          </cell>
          <cell r="N4">
            <v>2021</v>
          </cell>
          <cell r="O4">
            <v>2021</v>
          </cell>
          <cell r="P4">
            <v>2021</v>
          </cell>
          <cell r="Q4">
            <v>2021</v>
          </cell>
          <cell r="R4">
            <v>2021</v>
          </cell>
          <cell r="S4">
            <v>2021</v>
          </cell>
          <cell r="T4">
            <v>2021</v>
          </cell>
          <cell r="U4">
            <v>2021</v>
          </cell>
          <cell r="V4">
            <v>2021</v>
          </cell>
          <cell r="W4">
            <v>2021</v>
          </cell>
          <cell r="X4">
            <v>2021</v>
          </cell>
          <cell r="Y4">
            <v>2021</v>
          </cell>
        </row>
        <row r="5">
          <cell r="A5">
            <v>748623.38400000008</v>
          </cell>
          <cell r="C5" t="str">
            <v>Total Installed Wind Power Capacity (land-based+offshore)</v>
          </cell>
          <cell r="D5">
            <v>3294</v>
          </cell>
          <cell r="E5">
            <v>4948.3999999999996</v>
          </cell>
          <cell r="F5">
            <v>14235</v>
          </cell>
          <cell r="G5">
            <v>346666.07</v>
          </cell>
          <cell r="H5">
            <v>6946.1539999999995</v>
          </cell>
          <cell r="I5">
            <v>3257</v>
          </cell>
          <cell r="J5">
            <v>18900</v>
          </cell>
          <cell r="K5">
            <v>63865</v>
          </cell>
          <cell r="L5">
            <v>40358</v>
          </cell>
          <cell r="M5">
            <v>4309.3</v>
          </cell>
          <cell r="N5">
            <v>11101</v>
          </cell>
          <cell r="O5">
            <v>4581</v>
          </cell>
          <cell r="P5">
            <v>1713.6499999999999</v>
          </cell>
          <cell r="R5">
            <v>7747</v>
          </cell>
          <cell r="S5">
            <v>4649</v>
          </cell>
          <cell r="T5">
            <v>5628</v>
          </cell>
          <cell r="U5">
            <v>28157.81</v>
          </cell>
          <cell r="V5">
            <v>12116</v>
          </cell>
          <cell r="W5">
            <v>87</v>
          </cell>
          <cell r="X5">
            <v>25727</v>
          </cell>
          <cell r="Y5">
            <v>135886</v>
          </cell>
        </row>
        <row r="6">
          <cell r="A6">
            <v>52038.499999999993</v>
          </cell>
          <cell r="C6" t="str">
            <v>Total Installed Wind Power Capacity (offshore, subset of total capacity)</v>
          </cell>
          <cell r="D6">
            <v>0</v>
          </cell>
          <cell r="E6">
            <v>2261.8000000000002</v>
          </cell>
          <cell r="F6">
            <v>0</v>
          </cell>
          <cell r="G6">
            <v>25352.5</v>
          </cell>
          <cell r="H6">
            <v>2305.6</v>
          </cell>
          <cell r="I6">
            <v>72.7</v>
          </cell>
          <cell r="J6">
            <v>2</v>
          </cell>
          <cell r="K6">
            <v>7798</v>
          </cell>
          <cell r="M6">
            <v>25.2</v>
          </cell>
          <cell r="N6">
            <v>0</v>
          </cell>
          <cell r="O6">
            <v>51.6</v>
          </cell>
          <cell r="P6">
            <v>142</v>
          </cell>
          <cell r="R6">
            <v>2500</v>
          </cell>
          <cell r="S6">
            <v>5.9</v>
          </cell>
          <cell r="T6">
            <v>25.2</v>
          </cell>
          <cell r="U6">
            <v>5</v>
          </cell>
          <cell r="V6">
            <v>193</v>
          </cell>
          <cell r="W6">
            <v>0</v>
          </cell>
          <cell r="X6">
            <v>11256</v>
          </cell>
          <cell r="Y6">
            <v>42</v>
          </cell>
        </row>
        <row r="7">
          <cell r="A7">
            <v>696584.88399999996</v>
          </cell>
          <cell r="C7" t="str">
            <v>Total Installed Wind Power Capacity (land-based)</v>
          </cell>
          <cell r="D7">
            <v>3294</v>
          </cell>
          <cell r="E7">
            <v>2686.5999999999995</v>
          </cell>
          <cell r="F7">
            <v>14235</v>
          </cell>
          <cell r="G7">
            <v>321313.57</v>
          </cell>
          <cell r="H7">
            <v>4640.5540000000001</v>
          </cell>
          <cell r="I7">
            <v>3184.3</v>
          </cell>
          <cell r="J7">
            <v>18898</v>
          </cell>
          <cell r="K7">
            <v>56067</v>
          </cell>
          <cell r="L7">
            <v>40358</v>
          </cell>
          <cell r="M7">
            <v>4284.1000000000004</v>
          </cell>
          <cell r="N7">
            <v>11101</v>
          </cell>
          <cell r="O7">
            <v>4529.3999999999996</v>
          </cell>
          <cell r="P7">
            <v>1571.6499999999999</v>
          </cell>
          <cell r="R7">
            <v>5247</v>
          </cell>
          <cell r="S7">
            <v>4643.1000000000004</v>
          </cell>
          <cell r="T7">
            <v>5602.8</v>
          </cell>
          <cell r="U7">
            <v>28152.81</v>
          </cell>
          <cell r="V7">
            <v>11923</v>
          </cell>
          <cell r="W7">
            <v>87</v>
          </cell>
          <cell r="X7">
            <v>14471</v>
          </cell>
          <cell r="Y7">
            <v>135844</v>
          </cell>
        </row>
        <row r="8">
          <cell r="A8">
            <v>83523.090000000011</v>
          </cell>
          <cell r="C8" t="str">
            <v>New wind power capacity installed (land-based+offshore)</v>
          </cell>
          <cell r="D8">
            <v>292</v>
          </cell>
          <cell r="E8">
            <v>275.69999999999891</v>
          </cell>
          <cell r="F8">
            <v>677</v>
          </cell>
          <cell r="G8">
            <v>55919.07</v>
          </cell>
          <cell r="H8">
            <v>753.91</v>
          </cell>
          <cell r="I8">
            <v>671</v>
          </cell>
          <cell r="J8">
            <v>1200</v>
          </cell>
          <cell r="K8">
            <v>1949</v>
          </cell>
          <cell r="L8">
            <v>1110</v>
          </cell>
          <cell r="M8">
            <v>9.3000000000000007</v>
          </cell>
          <cell r="N8">
            <v>471</v>
          </cell>
          <cell r="O8">
            <v>211.4</v>
          </cell>
          <cell r="P8">
            <v>63.6</v>
          </cell>
          <cell r="R8">
            <v>1200</v>
          </cell>
          <cell r="S8">
            <v>709.5</v>
          </cell>
          <cell r="T8">
            <v>126</v>
          </cell>
          <cell r="U8">
            <v>842.61</v>
          </cell>
          <cell r="V8">
            <v>2042</v>
          </cell>
          <cell r="W8">
            <v>0</v>
          </cell>
          <cell r="X8">
            <v>1245</v>
          </cell>
          <cell r="Y8">
            <v>13413</v>
          </cell>
        </row>
        <row r="9">
          <cell r="A9">
            <v>15986.9</v>
          </cell>
          <cell r="C9" t="str">
            <v>New wind power capacity installed (offshore)</v>
          </cell>
          <cell r="E9">
            <v>0</v>
          </cell>
          <cell r="G9">
            <v>14481.5</v>
          </cell>
          <cell r="H9">
            <v>604.79999999999995</v>
          </cell>
          <cell r="J9">
            <v>0</v>
          </cell>
          <cell r="K9">
            <v>24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R9">
            <v>0</v>
          </cell>
          <cell r="S9">
            <v>3.6</v>
          </cell>
          <cell r="T9">
            <v>0</v>
          </cell>
          <cell r="W9">
            <v>0</v>
          </cell>
          <cell r="X9">
            <v>873</v>
          </cell>
          <cell r="Y9">
            <v>0</v>
          </cell>
        </row>
        <row r="10">
          <cell r="A10">
            <v>67536.19</v>
          </cell>
          <cell r="C10" t="str">
            <v>New wind power capacity installed (land-based)</v>
          </cell>
          <cell r="D10">
            <v>292</v>
          </cell>
          <cell r="E10">
            <v>275.69999999999891</v>
          </cell>
          <cell r="F10">
            <v>677</v>
          </cell>
          <cell r="G10">
            <v>41437.57</v>
          </cell>
          <cell r="H10">
            <v>149.11000000000001</v>
          </cell>
          <cell r="I10">
            <v>671</v>
          </cell>
          <cell r="J10">
            <v>1200</v>
          </cell>
          <cell r="K10">
            <v>1925</v>
          </cell>
          <cell r="L10">
            <v>1110</v>
          </cell>
          <cell r="M10">
            <v>9.3000000000000007</v>
          </cell>
          <cell r="N10">
            <v>471</v>
          </cell>
          <cell r="O10">
            <v>211.4</v>
          </cell>
          <cell r="P10">
            <v>63.6</v>
          </cell>
          <cell r="R10">
            <v>1200</v>
          </cell>
          <cell r="S10">
            <v>705.9</v>
          </cell>
          <cell r="T10">
            <v>126</v>
          </cell>
          <cell r="U10">
            <v>842.61</v>
          </cell>
          <cell r="V10">
            <v>2042</v>
          </cell>
          <cell r="W10">
            <v>0</v>
          </cell>
          <cell r="X10">
            <v>372</v>
          </cell>
          <cell r="Y10">
            <v>13413</v>
          </cell>
        </row>
        <row r="11">
          <cell r="A11">
            <v>706.86099999999999</v>
          </cell>
          <cell r="C11" t="str">
            <v>Decommissioned capacity</v>
          </cell>
          <cell r="D11">
            <v>103</v>
          </cell>
          <cell r="F11">
            <v>0</v>
          </cell>
          <cell r="H11">
            <v>26.161000000000001</v>
          </cell>
          <cell r="K11">
            <v>233</v>
          </cell>
          <cell r="M11">
            <v>0</v>
          </cell>
          <cell r="O11">
            <v>68.2</v>
          </cell>
          <cell r="P11">
            <v>0</v>
          </cell>
          <cell r="R11">
            <v>53</v>
          </cell>
          <cell r="S11">
            <v>37.5</v>
          </cell>
          <cell r="T11">
            <v>0</v>
          </cell>
          <cell r="X11">
            <v>3</v>
          </cell>
          <cell r="Y11">
            <v>183</v>
          </cell>
        </row>
        <row r="12">
          <cell r="A12">
            <v>82597.429000000004</v>
          </cell>
          <cell r="C12" t="str">
            <v>Net addition to capacity</v>
          </cell>
          <cell r="D12">
            <v>189</v>
          </cell>
          <cell r="E12">
            <v>57</v>
          </cell>
          <cell r="F12">
            <v>677</v>
          </cell>
          <cell r="G12">
            <v>55919.07</v>
          </cell>
          <cell r="H12">
            <v>727.74900000000002</v>
          </cell>
          <cell r="I12">
            <v>671</v>
          </cell>
          <cell r="J12">
            <v>1200</v>
          </cell>
          <cell r="K12">
            <v>1716</v>
          </cell>
          <cell r="L12">
            <v>1110</v>
          </cell>
          <cell r="M12">
            <v>9.3000000000000007</v>
          </cell>
          <cell r="N12">
            <v>471</v>
          </cell>
          <cell r="O12">
            <v>143.1</v>
          </cell>
          <cell r="P12">
            <v>63.6</v>
          </cell>
          <cell r="R12">
            <v>1147</v>
          </cell>
          <cell r="S12">
            <v>672</v>
          </cell>
          <cell r="T12">
            <v>126</v>
          </cell>
          <cell r="U12">
            <v>842.61</v>
          </cell>
          <cell r="V12">
            <v>2042</v>
          </cell>
          <cell r="W12">
            <v>0</v>
          </cell>
          <cell r="X12">
            <v>1242</v>
          </cell>
          <cell r="Y12">
            <v>13230</v>
          </cell>
        </row>
        <row r="13">
          <cell r="A13">
            <v>345681</v>
          </cell>
          <cell r="C13" t="str">
            <v>Total Number of Turbines (land-based+offshore)</v>
          </cell>
          <cell r="D13">
            <v>1307</v>
          </cell>
          <cell r="F13">
            <v>6983</v>
          </cell>
          <cell r="G13">
            <v>171166</v>
          </cell>
          <cell r="H13">
            <v>6297</v>
          </cell>
          <cell r="I13">
            <v>962</v>
          </cell>
          <cell r="K13">
            <v>29731</v>
          </cell>
          <cell r="M13">
            <v>2205</v>
          </cell>
          <cell r="N13">
            <v>7287</v>
          </cell>
          <cell r="O13">
            <v>2574</v>
          </cell>
          <cell r="P13">
            <v>759</v>
          </cell>
          <cell r="R13">
            <v>2821</v>
          </cell>
          <cell r="S13">
            <v>1305</v>
          </cell>
          <cell r="T13">
            <v>2779</v>
          </cell>
          <cell r="U13">
            <v>21574</v>
          </cell>
          <cell r="V13">
            <v>4754</v>
          </cell>
          <cell r="W13">
            <v>42</v>
          </cell>
          <cell r="X13">
            <v>11059</v>
          </cell>
          <cell r="Y13">
            <v>69313</v>
          </cell>
        </row>
        <row r="14">
          <cell r="A14">
            <v>10316</v>
          </cell>
          <cell r="C14" t="str">
            <v xml:space="preserve">Total Number of Turbines (offshore) </v>
          </cell>
          <cell r="F14">
            <v>0</v>
          </cell>
          <cell r="G14">
            <v>5237</v>
          </cell>
          <cell r="H14">
            <v>630</v>
          </cell>
          <cell r="I14">
            <v>20</v>
          </cell>
          <cell r="K14">
            <v>1501</v>
          </cell>
          <cell r="M14">
            <v>7</v>
          </cell>
          <cell r="O14">
            <v>26</v>
          </cell>
          <cell r="P14">
            <v>48</v>
          </cell>
          <cell r="Q14">
            <v>0</v>
          </cell>
          <cell r="R14">
            <v>462</v>
          </cell>
          <cell r="S14">
            <v>2</v>
          </cell>
          <cell r="T14">
            <v>3</v>
          </cell>
          <cell r="U14">
            <v>1</v>
          </cell>
          <cell r="V14">
            <v>75</v>
          </cell>
          <cell r="W14">
            <v>0</v>
          </cell>
          <cell r="X14">
            <v>2297</v>
          </cell>
          <cell r="Y14">
            <v>7</v>
          </cell>
        </row>
        <row r="15">
          <cell r="A15">
            <v>335365</v>
          </cell>
          <cell r="C15" t="str">
            <v>Total Number of Turbines (land-based)</v>
          </cell>
          <cell r="D15">
            <v>1307</v>
          </cell>
          <cell r="E15">
            <v>0</v>
          </cell>
          <cell r="F15">
            <v>6983</v>
          </cell>
          <cell r="G15">
            <v>165929</v>
          </cell>
          <cell r="H15">
            <v>5667</v>
          </cell>
          <cell r="I15">
            <v>942</v>
          </cell>
          <cell r="J15">
            <v>0</v>
          </cell>
          <cell r="K15">
            <v>28230</v>
          </cell>
          <cell r="L15">
            <v>0</v>
          </cell>
          <cell r="M15">
            <v>2198</v>
          </cell>
          <cell r="N15">
            <v>7287</v>
          </cell>
          <cell r="O15">
            <v>2548</v>
          </cell>
          <cell r="P15">
            <v>711</v>
          </cell>
          <cell r="Q15">
            <v>0</v>
          </cell>
          <cell r="R15">
            <v>2359</v>
          </cell>
          <cell r="S15">
            <v>1303</v>
          </cell>
          <cell r="T15">
            <v>2776</v>
          </cell>
          <cell r="U15">
            <v>21573</v>
          </cell>
          <cell r="V15">
            <v>4679</v>
          </cell>
          <cell r="W15">
            <v>42</v>
          </cell>
          <cell r="X15">
            <v>8762</v>
          </cell>
          <cell r="Y15">
            <v>69306</v>
          </cell>
        </row>
        <row r="16">
          <cell r="A16">
            <v>23266</v>
          </cell>
          <cell r="C16" t="str">
            <v xml:space="preserve">Number of New Turbines (land-based+offshore) </v>
          </cell>
          <cell r="D16">
            <v>67</v>
          </cell>
          <cell r="F16">
            <v>160</v>
          </cell>
          <cell r="G16">
            <v>15911</v>
          </cell>
          <cell r="H16">
            <v>113</v>
          </cell>
          <cell r="I16">
            <v>141</v>
          </cell>
          <cell r="K16">
            <v>484</v>
          </cell>
          <cell r="M16">
            <v>3</v>
          </cell>
          <cell r="N16">
            <v>150</v>
          </cell>
          <cell r="O16">
            <v>87</v>
          </cell>
          <cell r="P16">
            <v>18</v>
          </cell>
          <cell r="R16">
            <v>203</v>
          </cell>
          <cell r="S16">
            <v>141</v>
          </cell>
          <cell r="T16">
            <v>57</v>
          </cell>
          <cell r="U16">
            <v>287</v>
          </cell>
          <cell r="V16">
            <v>428</v>
          </cell>
          <cell r="W16">
            <v>0</v>
          </cell>
          <cell r="X16">
            <v>345</v>
          </cell>
          <cell r="Y16">
            <v>4543</v>
          </cell>
        </row>
        <row r="17">
          <cell r="A17">
            <v>2928</v>
          </cell>
          <cell r="C17" t="str">
            <v xml:space="preserve">Number of New Turbines (offshore) </v>
          </cell>
          <cell r="F17">
            <v>0</v>
          </cell>
          <cell r="G17">
            <v>2603</v>
          </cell>
          <cell r="H17">
            <v>72</v>
          </cell>
          <cell r="K17">
            <v>0</v>
          </cell>
          <cell r="M17">
            <v>0</v>
          </cell>
          <cell r="O17">
            <v>0</v>
          </cell>
          <cell r="P17">
            <v>0</v>
          </cell>
          <cell r="Q17">
            <v>0</v>
          </cell>
          <cell r="R17">
            <v>2</v>
          </cell>
          <cell r="S17">
            <v>1</v>
          </cell>
          <cell r="T17">
            <v>0</v>
          </cell>
          <cell r="W17">
            <v>0</v>
          </cell>
          <cell r="X17">
            <v>250</v>
          </cell>
          <cell r="Y17">
            <v>0</v>
          </cell>
        </row>
        <row r="18">
          <cell r="A18">
            <v>20338</v>
          </cell>
          <cell r="C18" t="str">
            <v xml:space="preserve">Number of New Turbines (land-based) </v>
          </cell>
          <cell r="D18">
            <v>67</v>
          </cell>
          <cell r="E18">
            <v>0</v>
          </cell>
          <cell r="F18">
            <v>160</v>
          </cell>
          <cell r="G18">
            <v>13308</v>
          </cell>
          <cell r="H18">
            <v>41</v>
          </cell>
          <cell r="I18">
            <v>141</v>
          </cell>
          <cell r="J18">
            <v>0</v>
          </cell>
          <cell r="K18">
            <v>484</v>
          </cell>
          <cell r="M18">
            <v>3</v>
          </cell>
          <cell r="N18">
            <v>150</v>
          </cell>
          <cell r="O18">
            <v>87</v>
          </cell>
          <cell r="P18">
            <v>18</v>
          </cell>
          <cell r="Q18">
            <v>0</v>
          </cell>
          <cell r="R18">
            <v>201</v>
          </cell>
          <cell r="S18">
            <v>140</v>
          </cell>
          <cell r="T18">
            <v>57</v>
          </cell>
          <cell r="U18">
            <v>287</v>
          </cell>
          <cell r="V18">
            <v>428</v>
          </cell>
          <cell r="W18">
            <v>0</v>
          </cell>
          <cell r="X18">
            <v>95</v>
          </cell>
          <cell r="Y18">
            <v>4543</v>
          </cell>
        </row>
        <row r="19">
          <cell r="A19">
            <v>3878.2680046678524</v>
          </cell>
          <cell r="C19" t="str">
            <v xml:space="preserve">Average Capacity of New Turbines (land-based+offshore) </v>
          </cell>
          <cell r="D19">
            <v>4358.2089552238804</v>
          </cell>
          <cell r="F19">
            <v>4231.25</v>
          </cell>
          <cell r="G19">
            <v>3514.4912324806737</v>
          </cell>
          <cell r="H19">
            <v>6671.7699115044252</v>
          </cell>
          <cell r="I19">
            <v>4758.8652482269499</v>
          </cell>
          <cell r="K19">
            <v>3977.2727272727275</v>
          </cell>
          <cell r="M19">
            <v>3100</v>
          </cell>
          <cell r="N19">
            <v>3140</v>
          </cell>
          <cell r="O19">
            <v>2429.8850574712642</v>
          </cell>
          <cell r="P19">
            <v>3533.3333333333335</v>
          </cell>
          <cell r="R19">
            <v>5911.3300492610833</v>
          </cell>
          <cell r="S19">
            <v>5031.9148936170213</v>
          </cell>
          <cell r="T19">
            <v>2210.5263157894738</v>
          </cell>
          <cell r="U19">
            <v>2935.9233449477351</v>
          </cell>
          <cell r="V19">
            <v>4771.0280373831774</v>
          </cell>
          <cell r="X19">
            <v>3608.695652173913</v>
          </cell>
          <cell r="Y19">
            <v>2952.4543253356815</v>
          </cell>
        </row>
        <row r="20">
          <cell r="A20">
            <v>4477.2313996670509</v>
          </cell>
          <cell r="C20" t="str">
            <v xml:space="preserve">Average Capacity of New Turbines (offshore) </v>
          </cell>
          <cell r="G20">
            <v>5563.3883980023047</v>
          </cell>
          <cell r="H20">
            <v>8400</v>
          </cell>
          <cell r="M20">
            <v>0</v>
          </cell>
          <cell r="N20" t="str">
            <v/>
          </cell>
          <cell r="R20">
            <v>0</v>
          </cell>
          <cell r="S20">
            <v>3600</v>
          </cell>
          <cell r="X20">
            <v>9300</v>
          </cell>
        </row>
        <row r="21">
          <cell r="A21">
            <v>3708.2926134521936</v>
          </cell>
          <cell r="C21" t="str">
            <v>Average Capacity of New Turbines (land-based)</v>
          </cell>
          <cell r="D21">
            <v>4358.2089552238804</v>
          </cell>
          <cell r="F21">
            <v>4231.25</v>
          </cell>
          <cell r="G21">
            <v>3113.7338443041781</v>
          </cell>
          <cell r="H21">
            <v>3636.8292682926831</v>
          </cell>
          <cell r="I21">
            <v>4758.8652482269499</v>
          </cell>
          <cell r="K21">
            <v>3977.2727272727275</v>
          </cell>
          <cell r="M21">
            <v>3100</v>
          </cell>
          <cell r="N21">
            <v>3140</v>
          </cell>
          <cell r="O21">
            <v>2429.8850574712642</v>
          </cell>
          <cell r="P21">
            <v>3533.3333333333335</v>
          </cell>
          <cell r="R21">
            <v>5970.1492537313434</v>
          </cell>
          <cell r="S21">
            <v>5042.1428571428569</v>
          </cell>
          <cell r="T21">
            <v>2210.5263157894738</v>
          </cell>
          <cell r="U21">
            <v>2935.9233449477351</v>
          </cell>
          <cell r="V21">
            <v>4771.0280373831774</v>
          </cell>
          <cell r="X21">
            <v>3915.7894736842104</v>
          </cell>
          <cell r="Y21">
            <v>2952.4543253356815</v>
          </cell>
        </row>
        <row r="22">
          <cell r="A22">
            <v>1571.1255279999998</v>
          </cell>
          <cell r="C22" t="str">
            <v>Wind-Generated Electricity (TWh/yr)</v>
          </cell>
          <cell r="D22">
            <v>7.6</v>
          </cell>
          <cell r="E22">
            <v>11.997599999999998</v>
          </cell>
          <cell r="F22">
            <v>36.188927999999997</v>
          </cell>
          <cell r="G22">
            <v>655.6</v>
          </cell>
          <cell r="H22">
            <v>16.079999999999998</v>
          </cell>
          <cell r="I22">
            <v>8.1859999999999999</v>
          </cell>
          <cell r="J22">
            <v>36.799999999999997</v>
          </cell>
          <cell r="K22">
            <v>111.73399999999999</v>
          </cell>
          <cell r="L22">
            <v>60.42</v>
          </cell>
          <cell r="M22">
            <v>9.5269999999999992</v>
          </cell>
          <cell r="N22">
            <v>20.6</v>
          </cell>
          <cell r="O22">
            <v>8.4700000000000006</v>
          </cell>
          <cell r="P22">
            <v>3.1629999999999998</v>
          </cell>
          <cell r="R22">
            <v>19.058</v>
          </cell>
          <cell r="S22">
            <v>11.8</v>
          </cell>
          <cell r="T22">
            <v>13.22</v>
          </cell>
          <cell r="U22">
            <v>60.465000000000003</v>
          </cell>
          <cell r="V22">
            <v>27.11</v>
          </cell>
          <cell r="W22">
            <v>0.14599999999999999</v>
          </cell>
          <cell r="X22">
            <v>64.459999999999994</v>
          </cell>
          <cell r="Y22">
            <v>378</v>
          </cell>
        </row>
        <row r="23">
          <cell r="A23">
            <v>115.661991</v>
          </cell>
          <cell r="C23" t="str">
            <v>Wind-Generated Electricity (offshore)</v>
          </cell>
          <cell r="D23">
            <v>0</v>
          </cell>
          <cell r="E23">
            <v>6.9261999999999997</v>
          </cell>
          <cell r="G23">
            <v>32.43</v>
          </cell>
          <cell r="H23">
            <v>7.59</v>
          </cell>
          <cell r="K23">
            <v>24.013999999999999</v>
          </cell>
          <cell r="M23">
            <v>7.6999999999999999E-2</v>
          </cell>
          <cell r="R23">
            <v>8.5</v>
          </cell>
          <cell r="V23">
            <v>0.55000000000000004</v>
          </cell>
          <cell r="W23">
            <v>0</v>
          </cell>
          <cell r="X23">
            <v>35.441000000000003</v>
          </cell>
          <cell r="Y23">
            <v>0.13379099999999999</v>
          </cell>
        </row>
        <row r="24">
          <cell r="A24">
            <v>1455.4635370000001</v>
          </cell>
          <cell r="C24" t="str">
            <v>Wind-Generated Electricity (land-based)</v>
          </cell>
          <cell r="D24">
            <v>7.6</v>
          </cell>
          <cell r="E24">
            <v>5.0713999999999988</v>
          </cell>
          <cell r="F24">
            <v>36.188927999999997</v>
          </cell>
          <cell r="G24">
            <v>623.17000000000007</v>
          </cell>
          <cell r="H24">
            <v>8.4899999999999984</v>
          </cell>
          <cell r="I24">
            <v>8.1859999999999999</v>
          </cell>
          <cell r="J24">
            <v>36.799999999999997</v>
          </cell>
          <cell r="K24">
            <v>87.72</v>
          </cell>
          <cell r="L24">
            <v>60.42</v>
          </cell>
          <cell r="M24">
            <v>9.4499999999999993</v>
          </cell>
          <cell r="N24">
            <v>20.6</v>
          </cell>
          <cell r="O24">
            <v>8.4700000000000006</v>
          </cell>
          <cell r="P24">
            <v>3.1629999999999998</v>
          </cell>
          <cell r="R24">
            <v>10.558</v>
          </cell>
          <cell r="S24">
            <v>11.8</v>
          </cell>
          <cell r="T24">
            <v>13.22</v>
          </cell>
          <cell r="U24">
            <v>60.465000000000003</v>
          </cell>
          <cell r="V24">
            <v>26.56</v>
          </cell>
          <cell r="W24">
            <v>0.14599999999999999</v>
          </cell>
          <cell r="X24">
            <v>29.018999999999991</v>
          </cell>
          <cell r="Y24">
            <v>377.86620900000003</v>
          </cell>
        </row>
        <row r="25">
          <cell r="A25">
            <v>18598.720754794867</v>
          </cell>
          <cell r="C25" t="str">
            <v>National Electricity Demand (TWh/yr)</v>
          </cell>
          <cell r="D25">
            <v>74.5</v>
          </cell>
          <cell r="E25">
            <v>83.068700000000007</v>
          </cell>
          <cell r="F25">
            <v>580.293183</v>
          </cell>
          <cell r="G25">
            <v>8312.7999999999993</v>
          </cell>
          <cell r="H25">
            <v>35.472999999999999</v>
          </cell>
          <cell r="I25">
            <v>86.5</v>
          </cell>
          <cell r="J25">
            <v>471.79487179487177</v>
          </cell>
          <cell r="K25">
            <v>568.79999999999995</v>
          </cell>
          <cell r="L25">
            <v>1385</v>
          </cell>
          <cell r="M25">
            <v>33</v>
          </cell>
          <cell r="N25">
            <v>318.10000000000002</v>
          </cell>
          <cell r="O25">
            <v>873.2</v>
          </cell>
          <cell r="P25">
            <v>537.01400000000001</v>
          </cell>
          <cell r="R25">
            <v>113.386</v>
          </cell>
          <cell r="S25">
            <v>139.5</v>
          </cell>
          <cell r="T25">
            <v>51</v>
          </cell>
          <cell r="U25">
            <v>255.88399999999999</v>
          </cell>
          <cell r="V25">
            <v>126</v>
          </cell>
          <cell r="W25">
            <v>55.4</v>
          </cell>
          <cell r="X25">
            <v>334.40699999999998</v>
          </cell>
          <cell r="Y25">
            <v>4108</v>
          </cell>
        </row>
        <row r="26">
          <cell r="A26">
            <v>8.4474924308702987E-2</v>
          </cell>
          <cell r="C26" t="str">
            <v>Share of National Electricity Demand met by Wind</v>
          </cell>
          <cell r="D26">
            <v>0.11</v>
          </cell>
          <cell r="E26">
            <v>0.1426286874477487</v>
          </cell>
          <cell r="F26">
            <v>6.2363179613640227E-2</v>
          </cell>
          <cell r="G26">
            <v>7.8866326628813405E-2</v>
          </cell>
          <cell r="H26">
            <v>0.4533025117695148</v>
          </cell>
          <cell r="I26">
            <v>9.2999999999999999E-2</v>
          </cell>
          <cell r="J26">
            <v>7.8E-2</v>
          </cell>
          <cell r="K26">
            <v>0.19643811533052041</v>
          </cell>
          <cell r="L26">
            <v>4.3624548736462092E-2</v>
          </cell>
          <cell r="M26">
            <v>0.28869696969696967</v>
          </cell>
          <cell r="N26">
            <v>6.4759509588179817E-2</v>
          </cell>
          <cell r="O26">
            <v>9.6999541914796154E-3</v>
          </cell>
          <cell r="P26">
            <v>5.8899767976253875E-3</v>
          </cell>
          <cell r="R26">
            <v>0.16808071543224032</v>
          </cell>
          <cell r="S26">
            <v>8.4587813620071686E-2</v>
          </cell>
          <cell r="T26">
            <v>0.26019607843137255</v>
          </cell>
          <cell r="U26">
            <v>0.23629847899829612</v>
          </cell>
          <cell r="V26">
            <v>0.21515873015873016</v>
          </cell>
          <cell r="W26">
            <v>2E-3</v>
          </cell>
          <cell r="X26">
            <v>0.19275912286525101</v>
          </cell>
          <cell r="Y26">
            <v>9.201557935735151E-2</v>
          </cell>
        </row>
        <row r="27">
          <cell r="A27">
            <v>0.25947654883452442</v>
          </cell>
          <cell r="C27" t="str">
            <v>Average National Capacity Factor (land-based+offshore)</v>
          </cell>
          <cell r="D27">
            <v>0.27484417781666098</v>
          </cell>
          <cell r="E27">
            <v>0.28470529172254527</v>
          </cell>
          <cell r="F27">
            <v>0.29646809286216069</v>
          </cell>
          <cell r="G27">
            <v>0.23482475076452955</v>
          </cell>
          <cell r="H27">
            <v>0.27942774124458164</v>
          </cell>
          <cell r="I27">
            <v>0.31986133350838569</v>
          </cell>
          <cell r="J27">
            <v>0.22893089273094647</v>
          </cell>
          <cell r="K27">
            <v>0.20342128034847459</v>
          </cell>
          <cell r="L27">
            <v>0.17281147904797248</v>
          </cell>
          <cell r="M27">
            <v>0.25195674682038366</v>
          </cell>
          <cell r="N27">
            <v>0.21642797602650424</v>
          </cell>
          <cell r="O27">
            <v>0.21546112832968589</v>
          </cell>
          <cell r="P27">
            <v>0.21468802768423498</v>
          </cell>
          <cell r="R27">
            <v>0.30440335473005564</v>
          </cell>
          <cell r="S27">
            <v>0.31368270675212662</v>
          </cell>
          <cell r="T27">
            <v>0.27220847846332469</v>
          </cell>
          <cell r="U27">
            <v>0.24885605667599334</v>
          </cell>
          <cell r="V27">
            <v>0.27893184844051272</v>
          </cell>
          <cell r="W27">
            <v>0.19104746351778573</v>
          </cell>
          <cell r="X27">
            <v>0.29311268850542627</v>
          </cell>
          <cell r="Y27">
            <v>0.33312396227919988</v>
          </cell>
        </row>
        <row r="28">
          <cell r="A28">
            <v>0.28513280654332002</v>
          </cell>
          <cell r="C28" t="str">
            <v>Average National Capacity Factor (offshore)</v>
          </cell>
          <cell r="D28" t="str">
            <v/>
          </cell>
          <cell r="E28">
            <v>0.34957206669759527</v>
          </cell>
          <cell r="F28" t="str">
            <v/>
          </cell>
          <cell r="G28">
            <v>0.20440072298483294</v>
          </cell>
          <cell r="H28">
            <v>0.43252713466672499</v>
          </cell>
          <cell r="J28">
            <v>0</v>
          </cell>
          <cell r="K28">
            <v>0.35208376585066042</v>
          </cell>
          <cell r="M28">
            <v>0.34785468528637931</v>
          </cell>
          <cell r="N28" t="str">
            <v/>
          </cell>
          <cell r="Q28" t="str">
            <v/>
          </cell>
          <cell r="R28">
            <v>0.38812785388127852</v>
          </cell>
          <cell r="U28">
            <v>0</v>
          </cell>
          <cell r="V28">
            <v>0.32531289185416518</v>
          </cell>
          <cell r="W28" t="str">
            <v/>
          </cell>
          <cell r="X28">
            <v>0.37393375439787074</v>
          </cell>
          <cell r="Y28">
            <v>0.36264799635701273</v>
          </cell>
        </row>
        <row r="29">
          <cell r="A29">
            <v>0.24241322274616744</v>
          </cell>
          <cell r="C29" t="str">
            <v>Average National Capacity Factor (land-based)</v>
          </cell>
          <cell r="D29">
            <v>0.27484417781666098</v>
          </cell>
          <cell r="E29">
            <v>0.22714151668043916</v>
          </cell>
          <cell r="F29">
            <v>0.29646809286216069</v>
          </cell>
          <cell r="G29">
            <v>0.23665789096734091</v>
          </cell>
          <cell r="H29">
            <v>0.21225981043617853</v>
          </cell>
          <cell r="J29">
            <v>0.22895591523534378</v>
          </cell>
          <cell r="K29">
            <v>0.18234407928649835</v>
          </cell>
          <cell r="L29">
            <v>0.17281147904797248</v>
          </cell>
          <cell r="M29">
            <v>0.25139204153130601</v>
          </cell>
          <cell r="N29">
            <v>0.21642797602650424</v>
          </cell>
          <cell r="R29">
            <v>0.25936112363944724</v>
          </cell>
          <cell r="U29">
            <v>0.24890092550959539</v>
          </cell>
          <cell r="V29">
            <v>0.27811075677120112</v>
          </cell>
          <cell r="W29">
            <v>0.19104746351778573</v>
          </cell>
          <cell r="X29">
            <v>0.23189858123043133</v>
          </cell>
          <cell r="Y29">
            <v>0.3331143600379356</v>
          </cell>
        </row>
        <row r="30">
          <cell r="A30">
            <v>0.26730000000000004</v>
          </cell>
          <cell r="C30" t="str">
            <v>Average National Capacity Factor (landbased+offshore, turbines in operation the whole year)</v>
          </cell>
          <cell r="D30">
            <v>0.26500000000000001</v>
          </cell>
          <cell r="G30">
            <v>0.25</v>
          </cell>
          <cell r="I30">
            <v>0.33</v>
          </cell>
          <cell r="J30">
            <v>0.23</v>
          </cell>
          <cell r="M30">
            <v>0.25</v>
          </cell>
          <cell r="N30">
            <v>0.221</v>
          </cell>
          <cell r="S30">
            <v>0.32900000000000001</v>
          </cell>
          <cell r="T30">
            <v>0.25600000000000001</v>
          </cell>
          <cell r="W30">
            <v>0.192</v>
          </cell>
          <cell r="Y30">
            <v>0.35</v>
          </cell>
        </row>
        <row r="31">
          <cell r="A31">
            <v>0.36399999999999999</v>
          </cell>
          <cell r="C31" t="str">
            <v>Average National Capacity Factor (offshore, turbines in operation the whole year)</v>
          </cell>
          <cell r="Y31">
            <v>0.36399999999999999</v>
          </cell>
        </row>
        <row r="32">
          <cell r="A32">
            <v>0.27103520971539996</v>
          </cell>
          <cell r="C32" t="str">
            <v>Average National Capacity Factor (landbased, turbines in operation the whole year)</v>
          </cell>
          <cell r="D32">
            <v>0.26500000000000001</v>
          </cell>
          <cell r="N32">
            <v>0.221</v>
          </cell>
          <cell r="S32">
            <v>0.32900000000000001</v>
          </cell>
          <cell r="W32">
            <v>0.192</v>
          </cell>
          <cell r="Y32">
            <v>0.34817604857700002</v>
          </cell>
        </row>
        <row r="33">
          <cell r="A33">
            <v>48.551293286907509</v>
          </cell>
          <cell r="C33" t="str">
            <v>Curtailed Electricity (estimate) TWh</v>
          </cell>
          <cell r="G33">
            <v>20.61</v>
          </cell>
          <cell r="H33">
            <v>3.7</v>
          </cell>
          <cell r="I33">
            <v>0</v>
          </cell>
          <cell r="K33">
            <v>4.9000000000000004</v>
          </cell>
          <cell r="M33">
            <v>0.75023840345199488</v>
          </cell>
          <cell r="P33">
            <v>1.2E-2</v>
          </cell>
          <cell r="S33">
            <v>0</v>
          </cell>
          <cell r="T33">
            <v>0</v>
          </cell>
          <cell r="X33">
            <v>2.2999999999999998</v>
          </cell>
          <cell r="Y33">
            <v>16.279054883455512</v>
          </cell>
        </row>
        <row r="34">
          <cell r="A34">
            <v>35906970.600000001</v>
          </cell>
          <cell r="C34" t="str">
            <v>Land area (km2)</v>
          </cell>
          <cell r="D34">
            <v>84000</v>
          </cell>
          <cell r="E34">
            <v>30280</v>
          </cell>
          <cell r="F34">
            <v>9093507</v>
          </cell>
          <cell r="G34">
            <v>9600000</v>
          </cell>
          <cell r="H34">
            <v>43560</v>
          </cell>
          <cell r="I34">
            <v>338424</v>
          </cell>
          <cell r="J34">
            <v>551695</v>
          </cell>
          <cell r="K34">
            <v>357587</v>
          </cell>
          <cell r="L34">
            <v>3287263</v>
          </cell>
          <cell r="M34">
            <v>70273</v>
          </cell>
          <cell r="N34">
            <v>301338</v>
          </cell>
          <cell r="O34">
            <v>364555</v>
          </cell>
          <cell r="P34">
            <v>100412.6</v>
          </cell>
          <cell r="R34">
            <v>41543</v>
          </cell>
          <cell r="S34">
            <v>323810</v>
          </cell>
          <cell r="T34">
            <v>92212</v>
          </cell>
          <cell r="U34">
            <v>505990</v>
          </cell>
          <cell r="V34">
            <v>447435</v>
          </cell>
          <cell r="W34">
            <v>41285</v>
          </cell>
          <cell r="X34">
            <v>242495</v>
          </cell>
          <cell r="Y34">
            <v>9857306</v>
          </cell>
        </row>
        <row r="35">
          <cell r="A35">
            <v>3722939042</v>
          </cell>
          <cell r="C35" t="str">
            <v>Population check some report in millions some total</v>
          </cell>
          <cell r="D35">
            <v>8000000</v>
          </cell>
          <cell r="E35">
            <v>11429336</v>
          </cell>
          <cell r="F35">
            <v>36991981</v>
          </cell>
          <cell r="G35">
            <v>1400050000</v>
          </cell>
          <cell r="H35">
            <v>5840000</v>
          </cell>
          <cell r="I35">
            <v>5550066</v>
          </cell>
          <cell r="J35">
            <v>66890000</v>
          </cell>
          <cell r="K35">
            <v>83222442</v>
          </cell>
          <cell r="L35">
            <v>1352620000</v>
          </cell>
          <cell r="M35">
            <v>4986000</v>
          </cell>
          <cell r="N35">
            <v>59030133</v>
          </cell>
          <cell r="O35">
            <v>127000000</v>
          </cell>
          <cell r="P35">
            <v>51638809</v>
          </cell>
          <cell r="R35">
            <v>17500000</v>
          </cell>
          <cell r="S35">
            <v>5425270</v>
          </cell>
          <cell r="T35">
            <v>10347892</v>
          </cell>
          <cell r="U35">
            <v>47326687</v>
          </cell>
          <cell r="V35">
            <v>10452326</v>
          </cell>
          <cell r="W35">
            <v>8667100</v>
          </cell>
          <cell r="X35">
            <v>67081000</v>
          </cell>
          <cell r="Y35">
            <v>331890000</v>
          </cell>
        </row>
        <row r="36">
          <cell r="A36">
            <v>3.2751238901282016E-2</v>
          </cell>
          <cell r="C36" t="str">
            <v>Curtailed Electricity (estimate) %</v>
          </cell>
          <cell r="G36">
            <v>3.0478697446059654E-2</v>
          </cell>
          <cell r="H36">
            <v>3.7000000000000005E-2</v>
          </cell>
          <cell r="J36">
            <v>0</v>
          </cell>
          <cell r="K36">
            <v>4.2011763293722248E-2</v>
          </cell>
          <cell r="M36">
            <v>7.299999999999994E-2</v>
          </cell>
          <cell r="P36">
            <v>3.7795275590551186E-3</v>
          </cell>
          <cell r="X36">
            <v>3.4451767525464354E-2</v>
          </cell>
          <cell r="Y36">
            <v>4.1288155385954803E-2</v>
          </cell>
        </row>
        <row r="38">
          <cell r="C38" t="str">
            <v>2.       Renewable Energy and Wind Targets for Member Countries</v>
          </cell>
          <cell r="D38">
            <v>2021</v>
          </cell>
          <cell r="E38">
            <v>2020</v>
          </cell>
          <cell r="F38">
            <v>2021</v>
          </cell>
          <cell r="G38">
            <v>2019</v>
          </cell>
          <cell r="H38">
            <v>2021</v>
          </cell>
          <cell r="I38">
            <v>2021</v>
          </cell>
          <cell r="J38">
            <v>2020</v>
          </cell>
          <cell r="K38">
            <v>2021</v>
          </cell>
          <cell r="L38">
            <v>2021</v>
          </cell>
          <cell r="M38">
            <v>2021</v>
          </cell>
          <cell r="N38">
            <v>2021</v>
          </cell>
          <cell r="O38">
            <v>2021</v>
          </cell>
          <cell r="P38">
            <v>2021</v>
          </cell>
          <cell r="Q38">
            <v>2019</v>
          </cell>
          <cell r="R38">
            <v>2021</v>
          </cell>
          <cell r="S38">
            <v>2021</v>
          </cell>
          <cell r="T38">
            <v>2021</v>
          </cell>
          <cell r="U38">
            <v>2021</v>
          </cell>
          <cell r="V38">
            <v>2021</v>
          </cell>
          <cell r="W38">
            <v>2021</v>
          </cell>
          <cell r="X38">
            <v>2021</v>
          </cell>
          <cell r="Y38">
            <v>2021</v>
          </cell>
        </row>
        <row r="39">
          <cell r="C39" t="str">
            <v>Official Target Renewable Energy Sources</v>
          </cell>
          <cell r="D39">
            <v>1</v>
          </cell>
          <cell r="G39">
            <v>680000</v>
          </cell>
          <cell r="H39">
            <v>0.55000000000000004</v>
          </cell>
          <cell r="I39">
            <v>0.51</v>
          </cell>
          <cell r="J39">
            <v>0.33</v>
          </cell>
          <cell r="K39">
            <v>0.8</v>
          </cell>
          <cell r="L39">
            <v>500000</v>
          </cell>
          <cell r="N39">
            <v>0.3</v>
          </cell>
          <cell r="O39">
            <v>0.22</v>
          </cell>
          <cell r="P39">
            <v>0.2</v>
          </cell>
          <cell r="R39">
            <v>0.7</v>
          </cell>
          <cell r="S39">
            <v>28.4</v>
          </cell>
          <cell r="T39">
            <v>0.47</v>
          </cell>
          <cell r="U39">
            <v>0.42</v>
          </cell>
          <cell r="V39">
            <v>1</v>
          </cell>
          <cell r="W39">
            <v>22.6</v>
          </cell>
          <cell r="Y39">
            <v>100</v>
          </cell>
        </row>
        <row r="40">
          <cell r="C40" t="str">
            <v>Year for official Renewable Energy target</v>
          </cell>
          <cell r="D40">
            <v>2030</v>
          </cell>
          <cell r="G40">
            <v>2020</v>
          </cell>
          <cell r="H40">
            <v>2030</v>
          </cell>
          <cell r="I40">
            <v>2030</v>
          </cell>
          <cell r="J40">
            <v>2030</v>
          </cell>
          <cell r="K40">
            <v>2030</v>
          </cell>
          <cell r="L40">
            <v>2030</v>
          </cell>
          <cell r="N40">
            <v>2030</v>
          </cell>
          <cell r="O40">
            <v>2030</v>
          </cell>
          <cell r="P40">
            <v>2030</v>
          </cell>
          <cell r="R40">
            <v>2030</v>
          </cell>
          <cell r="S40">
            <v>2021</v>
          </cell>
          <cell r="T40">
            <v>2030</v>
          </cell>
          <cell r="U40">
            <v>2030</v>
          </cell>
          <cell r="V40">
            <v>2040</v>
          </cell>
          <cell r="W40">
            <v>2050</v>
          </cell>
          <cell r="X40">
            <v>2030</v>
          </cell>
          <cell r="Y40">
            <v>2035</v>
          </cell>
        </row>
        <row r="41">
          <cell r="C41" t="str">
            <v>Official Target Wind (reached is calculated from this number in row 103)</v>
          </cell>
          <cell r="D41">
            <v>17</v>
          </cell>
          <cell r="G41">
            <v>800000</v>
          </cell>
          <cell r="H41">
            <v>55</v>
          </cell>
          <cell r="I41">
            <v>9</v>
          </cell>
          <cell r="J41">
            <v>40000</v>
          </cell>
          <cell r="K41">
            <v>145000</v>
          </cell>
          <cell r="L41">
            <v>140000</v>
          </cell>
          <cell r="M41">
            <v>13200</v>
          </cell>
          <cell r="N41">
            <v>19800</v>
          </cell>
          <cell r="O41">
            <v>10000</v>
          </cell>
          <cell r="P41">
            <v>17700</v>
          </cell>
          <cell r="R41">
            <v>28000</v>
          </cell>
          <cell r="T41">
            <v>9300</v>
          </cell>
          <cell r="U41">
            <v>50000</v>
          </cell>
          <cell r="V41">
            <v>30</v>
          </cell>
          <cell r="W41">
            <v>0.3</v>
          </cell>
          <cell r="X41">
            <v>40000</v>
          </cell>
          <cell r="Y41">
            <v>30000</v>
          </cell>
        </row>
        <row r="42">
          <cell r="C42" t="str">
            <v>Year for official wind target</v>
          </cell>
          <cell r="D42">
            <v>2030</v>
          </cell>
          <cell r="G42">
            <v>2030</v>
          </cell>
          <cell r="H42">
            <v>2030</v>
          </cell>
          <cell r="I42">
            <v>2025</v>
          </cell>
          <cell r="J42">
            <v>2030</v>
          </cell>
          <cell r="K42">
            <v>2030</v>
          </cell>
          <cell r="L42">
            <v>2030</v>
          </cell>
          <cell r="M42">
            <v>2030</v>
          </cell>
          <cell r="N42">
            <v>2030</v>
          </cell>
          <cell r="O42">
            <v>2030</v>
          </cell>
          <cell r="P42">
            <v>2030</v>
          </cell>
          <cell r="R42">
            <v>2030</v>
          </cell>
          <cell r="T42">
            <v>2030</v>
          </cell>
          <cell r="U42">
            <v>2030</v>
          </cell>
          <cell r="V42">
            <v>2020</v>
          </cell>
          <cell r="W42">
            <v>2025</v>
          </cell>
          <cell r="X42">
            <v>2030</v>
          </cell>
          <cell r="Y42">
            <v>2030</v>
          </cell>
        </row>
        <row r="43">
          <cell r="D43" t="str">
            <v>+10 TWh 2030</v>
          </cell>
          <cell r="G43" t="str">
            <v>800GW 2030</v>
          </cell>
          <cell r="I43" t="str">
            <v>9 TWh 2025</v>
          </cell>
          <cell r="J43" t="str">
            <v>40 GW in 2030</v>
          </cell>
          <cell r="K43" t="str">
            <v>145 GW in 2030</v>
          </cell>
          <cell r="L43" t="str">
            <v>140 GW in 2030</v>
          </cell>
          <cell r="M43" t="str">
            <v>13.2 GW in 2030</v>
          </cell>
          <cell r="O43" t="str">
            <v>10 GW in 2030</v>
          </cell>
          <cell r="P43" t="str">
            <v>17.7 GW in 2030</v>
          </cell>
          <cell r="T43" t="str">
            <v>9.3 GW in 2030</v>
          </cell>
          <cell r="V43" t="str">
            <v>30 TWh in 2020</v>
          </cell>
          <cell r="W43" t="str">
            <v>TWh/a</v>
          </cell>
          <cell r="X43" t="str">
            <v>40 GW offshore in 2030</v>
          </cell>
          <cell r="Y43" t="str">
            <v>30 GW offshore in 2030</v>
          </cell>
        </row>
        <row r="44">
          <cell r="C44" t="str">
            <v>3.       Wind Resource Compared to Average</v>
          </cell>
          <cell r="D44">
            <v>2020</v>
          </cell>
          <cell r="E44">
            <v>2020</v>
          </cell>
          <cell r="F44">
            <v>2021</v>
          </cell>
          <cell r="G44">
            <v>2019</v>
          </cell>
          <cell r="H44">
            <v>2021</v>
          </cell>
          <cell r="I44">
            <v>2021</v>
          </cell>
          <cell r="J44">
            <v>2020</v>
          </cell>
          <cell r="K44">
            <v>2021</v>
          </cell>
          <cell r="M44">
            <v>2019</v>
          </cell>
          <cell r="N44">
            <v>2021</v>
          </cell>
          <cell r="O44">
            <v>2021</v>
          </cell>
          <cell r="P44">
            <v>2021</v>
          </cell>
          <cell r="R44">
            <v>2021</v>
          </cell>
          <cell r="S44">
            <v>2021</v>
          </cell>
          <cell r="T44">
            <v>2021</v>
          </cell>
          <cell r="U44">
            <v>2021</v>
          </cell>
          <cell r="V44">
            <v>2021</v>
          </cell>
          <cell r="W44">
            <v>2020</v>
          </cell>
          <cell r="X44">
            <v>2021</v>
          </cell>
          <cell r="Y44">
            <v>2021</v>
          </cell>
        </row>
        <row r="45">
          <cell r="A45">
            <v>0.95685714285714274</v>
          </cell>
          <cell r="C45" t="str">
            <v xml:space="preserve">Wind Resource average is 1 =  100% </v>
          </cell>
          <cell r="H45">
            <v>0.9</v>
          </cell>
          <cell r="I45">
            <v>0.98</v>
          </cell>
          <cell r="K45">
            <v>0.95199999999999996</v>
          </cell>
          <cell r="S45">
            <v>0.93600000000000005</v>
          </cell>
          <cell r="T45">
            <v>1.01</v>
          </cell>
          <cell r="V45">
            <v>0.92</v>
          </cell>
          <cell r="Y45">
            <v>1</v>
          </cell>
        </row>
        <row r="47">
          <cell r="C47" t="str">
            <v>4.       Potential Increases to Capacity IEA Wind Member Countries</v>
          </cell>
          <cell r="D47">
            <v>2021</v>
          </cell>
          <cell r="E47">
            <v>2020</v>
          </cell>
          <cell r="F47">
            <v>2021</v>
          </cell>
          <cell r="G47">
            <v>2019</v>
          </cell>
          <cell r="H47">
            <v>2021</v>
          </cell>
          <cell r="I47">
            <v>2021</v>
          </cell>
          <cell r="J47">
            <v>2020</v>
          </cell>
          <cell r="K47">
            <v>2021</v>
          </cell>
          <cell r="M47">
            <v>2019</v>
          </cell>
          <cell r="N47">
            <v>2021</v>
          </cell>
          <cell r="O47">
            <v>2021</v>
          </cell>
          <cell r="P47">
            <v>2021</v>
          </cell>
          <cell r="R47">
            <v>2021</v>
          </cell>
          <cell r="S47">
            <v>2021</v>
          </cell>
          <cell r="T47">
            <v>2021</v>
          </cell>
          <cell r="U47">
            <v>2021</v>
          </cell>
          <cell r="V47">
            <v>2021</v>
          </cell>
          <cell r="W47">
            <v>2020</v>
          </cell>
          <cell r="X47">
            <v>2021</v>
          </cell>
          <cell r="Y47">
            <v>2021</v>
          </cell>
        </row>
        <row r="48">
          <cell r="A48">
            <v>32144</v>
          </cell>
          <cell r="C48" t="str">
            <v>Projects approved by all planning bodies (land-based)</v>
          </cell>
          <cell r="F48">
            <v>2000</v>
          </cell>
          <cell r="I48">
            <v>2386</v>
          </cell>
          <cell r="K48">
            <v>4141</v>
          </cell>
          <cell r="P48">
            <v>10317</v>
          </cell>
          <cell r="R48">
            <v>827</v>
          </cell>
          <cell r="S48">
            <v>1201</v>
          </cell>
          <cell r="U48">
            <v>5549</v>
          </cell>
          <cell r="W48">
            <v>0</v>
          </cell>
          <cell r="X48">
            <v>5723</v>
          </cell>
        </row>
        <row r="49">
          <cell r="A49">
            <v>32624</v>
          </cell>
          <cell r="C49" t="str">
            <v>Projects approved by all planning bodies (offshore)</v>
          </cell>
          <cell r="K49">
            <v>958</v>
          </cell>
          <cell r="N49">
            <v>30</v>
          </cell>
          <cell r="P49">
            <v>13595</v>
          </cell>
          <cell r="R49">
            <v>1500</v>
          </cell>
          <cell r="W49">
            <v>0</v>
          </cell>
          <cell r="X49">
            <v>16541</v>
          </cell>
          <cell r="Y49">
            <v>0</v>
          </cell>
        </row>
        <row r="50">
          <cell r="A50">
            <v>20071</v>
          </cell>
          <cell r="C50" t="str">
            <v>Projects currently under construction (land-based)</v>
          </cell>
          <cell r="D50">
            <v>457</v>
          </cell>
          <cell r="I50">
            <v>1866</v>
          </cell>
          <cell r="P50">
            <v>902</v>
          </cell>
          <cell r="R50">
            <v>902</v>
          </cell>
          <cell r="S50">
            <v>625</v>
          </cell>
          <cell r="W50">
            <v>0</v>
          </cell>
          <cell r="X50">
            <v>1258</v>
          </cell>
          <cell r="Y50">
            <v>14061</v>
          </cell>
        </row>
        <row r="51">
          <cell r="A51">
            <v>9381</v>
          </cell>
          <cell r="C51" t="str">
            <v xml:space="preserve">Projects currently under construction (offshore) </v>
          </cell>
          <cell r="J51">
            <v>1473</v>
          </cell>
          <cell r="P51">
            <v>100</v>
          </cell>
          <cell r="R51">
            <v>2160</v>
          </cell>
          <cell r="W51">
            <v>0</v>
          </cell>
          <cell r="X51">
            <v>4716</v>
          </cell>
          <cell r="Y51">
            <v>932</v>
          </cell>
        </row>
        <row r="53">
          <cell r="C53" t="str">
            <v>5.       Estimated Average Turbine Cost and Average Total Installed Project Cost</v>
          </cell>
          <cell r="D53">
            <v>2020</v>
          </cell>
          <cell r="E53">
            <v>2020</v>
          </cell>
          <cell r="F53">
            <v>2021</v>
          </cell>
          <cell r="G53">
            <v>2019</v>
          </cell>
          <cell r="H53">
            <v>2021</v>
          </cell>
          <cell r="I53">
            <v>2021</v>
          </cell>
          <cell r="J53">
            <v>2020</v>
          </cell>
          <cell r="K53">
            <v>2021</v>
          </cell>
          <cell r="M53">
            <v>2019</v>
          </cell>
          <cell r="N53">
            <v>2021</v>
          </cell>
          <cell r="O53">
            <v>2021</v>
          </cell>
          <cell r="P53">
            <v>2021</v>
          </cell>
          <cell r="R53">
            <v>2021</v>
          </cell>
          <cell r="S53">
            <v>2021</v>
          </cell>
          <cell r="T53">
            <v>2021</v>
          </cell>
          <cell r="U53">
            <v>2021</v>
          </cell>
          <cell r="V53">
            <v>2021</v>
          </cell>
          <cell r="W53">
            <v>2020</v>
          </cell>
          <cell r="X53">
            <v>2020</v>
          </cell>
          <cell r="Y53">
            <v>2021</v>
          </cell>
        </row>
        <row r="54">
          <cell r="C54" t="str">
            <v>Average Turbine Cost (land-based) (EUR/kW)</v>
          </cell>
          <cell r="G54">
            <v>518.4</v>
          </cell>
          <cell r="P54">
            <v>950</v>
          </cell>
          <cell r="U54">
            <v>959</v>
          </cell>
          <cell r="Y54">
            <v>875</v>
          </cell>
        </row>
        <row r="55">
          <cell r="C55" t="str">
            <v>Average Turbine Cost (offshore) (EUR/kW)</v>
          </cell>
          <cell r="G55">
            <v>953.13599999999997</v>
          </cell>
          <cell r="P55">
            <v>1500</v>
          </cell>
        </row>
        <row r="56">
          <cell r="C56" t="str">
            <v>Average Total Installed Project Cost* (land-based) (EUR/kW)</v>
          </cell>
          <cell r="F56">
            <v>1464.4044350000001</v>
          </cell>
          <cell r="G56">
            <v>1007.9999999999999</v>
          </cell>
          <cell r="K56">
            <v>1679</v>
          </cell>
          <cell r="N56">
            <v>1061</v>
          </cell>
          <cell r="P56">
            <v>1700</v>
          </cell>
          <cell r="U56">
            <v>1144</v>
          </cell>
          <cell r="Y56">
            <v>1501</v>
          </cell>
        </row>
        <row r="57">
          <cell r="C57" t="str">
            <v>Average Total Installed Project Cost* (offshore)</v>
          </cell>
          <cell r="G57">
            <v>2160</v>
          </cell>
          <cell r="P57">
            <v>4160</v>
          </cell>
        </row>
        <row r="58">
          <cell r="C58" t="str">
            <v>*Include: costs for turbines, roads, electrical equipment, installation, development, and grid connection per kW of installed capacity.</v>
          </cell>
          <cell r="F58" t="str">
            <v>USD</v>
          </cell>
          <cell r="G58" t="str">
            <v>USD</v>
          </cell>
          <cell r="K58" t="str">
            <v>USD</v>
          </cell>
          <cell r="P58" t="str">
            <v>USD</v>
          </cell>
          <cell r="U58" t="str">
            <v>USD</v>
          </cell>
          <cell r="Y58" t="str">
            <v>USD</v>
          </cell>
        </row>
        <row r="60">
          <cell r="C60" t="str">
            <v>6.       Estimated Jobs and Economic Impact of Wind Development</v>
          </cell>
          <cell r="D60">
            <v>2020</v>
          </cell>
          <cell r="E60">
            <v>2020</v>
          </cell>
          <cell r="F60">
            <v>2021</v>
          </cell>
          <cell r="G60">
            <v>2021</v>
          </cell>
          <cell r="H60">
            <v>2021</v>
          </cell>
          <cell r="I60">
            <v>2021</v>
          </cell>
          <cell r="J60">
            <v>2020</v>
          </cell>
          <cell r="K60">
            <v>2021</v>
          </cell>
          <cell r="M60">
            <v>2019</v>
          </cell>
          <cell r="N60">
            <v>2021</v>
          </cell>
          <cell r="O60">
            <v>2021</v>
          </cell>
          <cell r="P60">
            <v>2021</v>
          </cell>
          <cell r="R60">
            <v>2021</v>
          </cell>
          <cell r="S60">
            <v>2021</v>
          </cell>
          <cell r="T60">
            <v>2021</v>
          </cell>
          <cell r="U60">
            <v>2021</v>
          </cell>
          <cell r="V60">
            <v>2021</v>
          </cell>
          <cell r="W60">
            <v>2020</v>
          </cell>
          <cell r="X60">
            <v>2020</v>
          </cell>
          <cell r="Y60">
            <v>2021</v>
          </cell>
        </row>
        <row r="61">
          <cell r="A61">
            <v>803690</v>
          </cell>
          <cell r="C61" t="str">
            <v>Estimated Number of Jobs (direct and indirect)</v>
          </cell>
          <cell r="D61">
            <v>3500</v>
          </cell>
          <cell r="G61">
            <v>559000</v>
          </cell>
          <cell r="H61">
            <v>32721</v>
          </cell>
          <cell r="J61">
            <v>20200</v>
          </cell>
          <cell r="N61">
            <v>16000</v>
          </cell>
          <cell r="P61">
            <v>1800</v>
          </cell>
          <cell r="U61">
            <v>30000</v>
          </cell>
          <cell r="X61">
            <v>15205</v>
          </cell>
          <cell r="Y61">
            <v>120164</v>
          </cell>
        </row>
        <row r="62">
          <cell r="A62">
            <v>26735200000</v>
          </cell>
          <cell r="C62" t="str">
            <v>Economic Impact (direct and indirect) EUR</v>
          </cell>
          <cell r="D62">
            <v>404000000</v>
          </cell>
          <cell r="H62">
            <v>13923000000</v>
          </cell>
          <cell r="K62">
            <v>6748000000</v>
          </cell>
          <cell r="N62">
            <v>4820300000</v>
          </cell>
          <cell r="P62">
            <v>820000000</v>
          </cell>
          <cell r="Y62">
            <v>19900000</v>
          </cell>
        </row>
        <row r="63">
          <cell r="D63" t="str">
            <v>export value 400 M€</v>
          </cell>
          <cell r="H63" t="str">
            <v>USD</v>
          </cell>
          <cell r="K63" t="str">
            <v>USD</v>
          </cell>
          <cell r="P63" t="str">
            <v>USD</v>
          </cell>
          <cell r="Y63" t="str">
            <v>USD</v>
          </cell>
        </row>
        <row r="64">
          <cell r="C64" t="str">
            <v>7.       National R&amp;D Budget</v>
          </cell>
          <cell r="D64">
            <v>2020</v>
          </cell>
          <cell r="E64">
            <v>2020</v>
          </cell>
          <cell r="F64">
            <v>2021</v>
          </cell>
          <cell r="G64">
            <v>2019</v>
          </cell>
          <cell r="H64">
            <v>2021</v>
          </cell>
          <cell r="I64">
            <v>2021</v>
          </cell>
          <cell r="J64">
            <v>2020</v>
          </cell>
          <cell r="K64">
            <v>2021</v>
          </cell>
          <cell r="M64">
            <v>2021</v>
          </cell>
          <cell r="N64">
            <v>2020</v>
          </cell>
          <cell r="O64">
            <v>2021</v>
          </cell>
          <cell r="P64">
            <v>2021</v>
          </cell>
          <cell r="R64">
            <v>2021</v>
          </cell>
          <cell r="S64">
            <v>2021</v>
          </cell>
          <cell r="T64">
            <v>2021</v>
          </cell>
          <cell r="U64">
            <v>2021</v>
          </cell>
          <cell r="V64">
            <v>2021</v>
          </cell>
          <cell r="W64">
            <v>2021</v>
          </cell>
          <cell r="X64">
            <v>2020</v>
          </cell>
          <cell r="Y64">
            <v>2021</v>
          </cell>
        </row>
        <row r="65">
          <cell r="A65">
            <v>398426779</v>
          </cell>
          <cell r="C65" t="str">
            <v>National R&amp;D Budget (EUR)</v>
          </cell>
          <cell r="F65">
            <v>6733000</v>
          </cell>
          <cell r="G65">
            <v>9360000</v>
          </cell>
          <cell r="H65">
            <v>18207000</v>
          </cell>
          <cell r="I65">
            <v>577701</v>
          </cell>
          <cell r="J65">
            <v>15000000</v>
          </cell>
          <cell r="K65">
            <v>61487278</v>
          </cell>
          <cell r="M65">
            <v>8910000</v>
          </cell>
          <cell r="O65">
            <v>62100000</v>
          </cell>
          <cell r="P65">
            <v>45000000</v>
          </cell>
          <cell r="R65">
            <v>21000000</v>
          </cell>
          <cell r="S65">
            <v>8400000</v>
          </cell>
          <cell r="U65">
            <v>16560000</v>
          </cell>
          <cell r="V65">
            <v>5860000</v>
          </cell>
          <cell r="W65">
            <v>7181800</v>
          </cell>
          <cell r="Y65">
            <v>110000000</v>
          </cell>
        </row>
        <row r="66">
          <cell r="F66" t="str">
            <v>USD</v>
          </cell>
          <cell r="H66" t="str">
            <v>USD</v>
          </cell>
          <cell r="J66" t="str">
            <v>2020 figure</v>
          </cell>
          <cell r="K66" t="str">
            <v>USD</v>
          </cell>
          <cell r="M66" t="str">
            <v xml:space="preserve">SEAI 19  projects, on foot of its 2021 R,D&amp;D call </v>
          </cell>
          <cell r="O66" t="str">
            <v>USD</v>
          </cell>
          <cell r="P66" t="str">
            <v>USD</v>
          </cell>
          <cell r="S66" t="str">
            <v>Research Council granted 84 million NOK to wind energy research in 2021</v>
          </cell>
          <cell r="U66" t="str">
            <v>USD</v>
          </cell>
          <cell r="V66" t="str">
            <v>USD</v>
          </cell>
          <cell r="W66" t="str">
            <v>7,45 mCHF 2020</v>
          </cell>
        </row>
        <row r="68">
          <cell r="C68" t="str">
            <v xml:space="preserve">(Mark all that apply; add a description in the blank row for any new incentive scheme not listed in this table.) </v>
          </cell>
          <cell r="D68" t="str">
            <v>Austria</v>
          </cell>
        </row>
        <row r="69">
          <cell r="C69" t="str">
            <v>8. Incentive Program</v>
          </cell>
          <cell r="D69">
            <v>2019</v>
          </cell>
          <cell r="E69">
            <v>2020</v>
          </cell>
          <cell r="F69">
            <v>2021</v>
          </cell>
          <cell r="G69">
            <v>2019</v>
          </cell>
          <cell r="H69">
            <v>2021</v>
          </cell>
          <cell r="I69">
            <v>2021</v>
          </cell>
          <cell r="J69">
            <v>2018</v>
          </cell>
          <cell r="K69">
            <v>2021</v>
          </cell>
          <cell r="M69">
            <v>2019</v>
          </cell>
          <cell r="N69">
            <v>2020</v>
          </cell>
          <cell r="O69">
            <v>2021</v>
          </cell>
          <cell r="P69">
            <v>2021</v>
          </cell>
          <cell r="R69">
            <v>2021</v>
          </cell>
          <cell r="S69">
            <v>2021</v>
          </cell>
          <cell r="T69">
            <v>2021</v>
          </cell>
          <cell r="U69">
            <v>2021</v>
          </cell>
          <cell r="V69">
            <v>2021</v>
          </cell>
          <cell r="W69">
            <v>2020</v>
          </cell>
          <cell r="X69">
            <v>2020</v>
          </cell>
          <cell r="Y69">
            <v>2021</v>
          </cell>
        </row>
        <row r="70">
          <cell r="C70" t="str">
            <v>Auctions for guaranteed price</v>
          </cell>
          <cell r="F70" t="str">
            <v>Yes</v>
          </cell>
          <cell r="G70" t="str">
            <v>Yes</v>
          </cell>
          <cell r="H70" t="str">
            <v>No</v>
          </cell>
          <cell r="K70" t="str">
            <v>Yes</v>
          </cell>
          <cell r="N70" t="str">
            <v>yes</v>
          </cell>
          <cell r="U70" t="str">
            <v>Yes</v>
          </cell>
          <cell r="X70" t="str">
            <v>Yes</v>
          </cell>
        </row>
        <row r="71">
          <cell r="C71" t="str">
            <v>Auctions for premium</v>
          </cell>
          <cell r="H71" t="str">
            <v>Yes</v>
          </cell>
          <cell r="Y71" t="str">
            <v>Yes</v>
          </cell>
        </row>
        <row r="72">
          <cell r="C72" t="str">
            <v>Capital subsidies</v>
          </cell>
          <cell r="F72" t="str">
            <v>Yes</v>
          </cell>
          <cell r="H72" t="str">
            <v>No</v>
          </cell>
        </row>
        <row r="73">
          <cell r="C73" t="str">
            <v xml:space="preserve">Feed-in tariff (FIT) </v>
          </cell>
          <cell r="D73" t="str">
            <v>Yes</v>
          </cell>
          <cell r="G73" t="str">
            <v>Yes</v>
          </cell>
          <cell r="H73" t="str">
            <v>No</v>
          </cell>
          <cell r="I73" t="str">
            <v>Yes</v>
          </cell>
          <cell r="M73" t="str">
            <v>Yes</v>
          </cell>
          <cell r="N73" t="str">
            <v>yes</v>
          </cell>
          <cell r="O73" t="str">
            <v>Yes</v>
          </cell>
          <cell r="P73" t="str">
            <v>Yes</v>
          </cell>
          <cell r="T73" t="str">
            <v>Yes</v>
          </cell>
          <cell r="W73" t="str">
            <v>Yes</v>
          </cell>
          <cell r="X73" t="str">
            <v>Yes</v>
          </cell>
          <cell r="Y73" t="str">
            <v>Yes</v>
          </cell>
        </row>
        <row r="74">
          <cell r="C74" t="str">
            <v>Variable premium over market price</v>
          </cell>
          <cell r="H74" t="str">
            <v>No</v>
          </cell>
          <cell r="J74" t="str">
            <v>Yes</v>
          </cell>
          <cell r="W74" t="str">
            <v>Yes</v>
          </cell>
          <cell r="X74" t="str">
            <v>Yes</v>
          </cell>
        </row>
        <row r="75">
          <cell r="C75" t="str">
            <v>Fixed premium over the market price</v>
          </cell>
          <cell r="H75" t="str">
            <v>No</v>
          </cell>
          <cell r="J75" t="str">
            <v>No</v>
          </cell>
        </row>
        <row r="76">
          <cell r="C76" t="str">
            <v>Income tax credits</v>
          </cell>
          <cell r="F76" t="str">
            <v>Yes</v>
          </cell>
          <cell r="G76" t="str">
            <v>Yes</v>
          </cell>
          <cell r="H76" t="str">
            <v>No</v>
          </cell>
          <cell r="Y76" t="str">
            <v>Yes</v>
          </cell>
        </row>
        <row r="77">
          <cell r="C77" t="str">
            <v>Relief from import tax</v>
          </cell>
          <cell r="G77" t="str">
            <v>Yes</v>
          </cell>
          <cell r="H77" t="str">
            <v>No</v>
          </cell>
        </row>
        <row r="78">
          <cell r="C78" t="str">
            <v>Renewable portfolio standards (RPS), renewables production obligation (RPO), or renewables obligation (RO)</v>
          </cell>
          <cell r="F78" t="str">
            <v>Yes</v>
          </cell>
          <cell r="H78" t="str">
            <v>No</v>
          </cell>
          <cell r="N78" t="str">
            <v>yes</v>
          </cell>
          <cell r="P78" t="str">
            <v>Yes</v>
          </cell>
          <cell r="S78" t="str">
            <v>Yes</v>
          </cell>
          <cell r="X78" t="str">
            <v>No</v>
          </cell>
          <cell r="Y78" t="str">
            <v>Yes</v>
          </cell>
        </row>
        <row r="79">
          <cell r="C79" t="str">
            <v>Green certificates</v>
          </cell>
          <cell r="G79" t="str">
            <v>Yes</v>
          </cell>
          <cell r="H79" t="str">
            <v>No</v>
          </cell>
          <cell r="N79" t="str">
            <v>yes</v>
          </cell>
          <cell r="S79" t="str">
            <v>Yes</v>
          </cell>
          <cell r="V79" t="str">
            <v>Yes</v>
          </cell>
          <cell r="Y79" t="str">
            <v>Yes</v>
          </cell>
        </row>
        <row r="80">
          <cell r="C80" t="str">
            <v>Green electricity schemes</v>
          </cell>
          <cell r="D80" t="str">
            <v>Yes</v>
          </cell>
          <cell r="H80" t="str">
            <v>Yes</v>
          </cell>
          <cell r="I80" t="str">
            <v>Yes</v>
          </cell>
          <cell r="M80" t="str">
            <v>Yes</v>
          </cell>
          <cell r="R80" t="str">
            <v>Yes</v>
          </cell>
          <cell r="S80" t="str">
            <v>Yes</v>
          </cell>
          <cell r="V80" t="str">
            <v>Yes</v>
          </cell>
          <cell r="Y80" t="str">
            <v>Yes</v>
          </cell>
        </row>
        <row r="81">
          <cell r="C81" t="str">
            <v>Carbon tax</v>
          </cell>
          <cell r="F81" t="str">
            <v>Yes</v>
          </cell>
          <cell r="H81" t="str">
            <v>No</v>
          </cell>
          <cell r="M81" t="str">
            <v>Yes</v>
          </cell>
          <cell r="S81" t="str">
            <v>Yes</v>
          </cell>
          <cell r="U81" t="str">
            <v>Yes</v>
          </cell>
          <cell r="V81" t="str">
            <v>Yes</v>
          </cell>
          <cell r="X81" t="str">
            <v>Yes</v>
          </cell>
        </row>
        <row r="82">
          <cell r="C82" t="str">
            <v>Investment funds for wind energy</v>
          </cell>
          <cell r="H82" t="str">
            <v>No</v>
          </cell>
          <cell r="M82" t="str">
            <v>Yes</v>
          </cell>
          <cell r="X82" t="str">
            <v>Yes</v>
          </cell>
          <cell r="Y82" t="str">
            <v>Yes</v>
          </cell>
        </row>
        <row r="83">
          <cell r="C83" t="str">
            <v>Spatial planning activities</v>
          </cell>
          <cell r="D83" t="str">
            <v>Yes</v>
          </cell>
          <cell r="G83" t="str">
            <v>Yes</v>
          </cell>
          <cell r="H83" t="str">
            <v>Yes</v>
          </cell>
          <cell r="I83" t="str">
            <v>Yes</v>
          </cell>
          <cell r="J83" t="str">
            <v>Yes</v>
          </cell>
          <cell r="M83" t="str">
            <v>Yes</v>
          </cell>
          <cell r="P83" t="str">
            <v>Yes</v>
          </cell>
          <cell r="R83" t="str">
            <v>Yes</v>
          </cell>
          <cell r="T83" t="str">
            <v>Yes</v>
          </cell>
          <cell r="U83" t="str">
            <v>Yes</v>
          </cell>
          <cell r="W83" t="str">
            <v>Yes</v>
          </cell>
          <cell r="X83" t="str">
            <v>Yes</v>
          </cell>
          <cell r="Y83" t="str">
            <v>Yes</v>
          </cell>
        </row>
        <row r="84">
          <cell r="C84" t="str">
            <v>Special incentives for small wind</v>
          </cell>
          <cell r="F84" t="str">
            <v>Yes</v>
          </cell>
          <cell r="H84" t="str">
            <v>No</v>
          </cell>
          <cell r="M84" t="str">
            <v>Yes</v>
          </cell>
          <cell r="N84" t="str">
            <v>yes</v>
          </cell>
          <cell r="P84" t="str">
            <v>No</v>
          </cell>
          <cell r="T84" t="str">
            <v>Yes</v>
          </cell>
          <cell r="U84" t="str">
            <v>Yes</v>
          </cell>
          <cell r="X84" t="str">
            <v>Yes</v>
          </cell>
          <cell r="Y84" t="str">
            <v>Yes</v>
          </cell>
        </row>
        <row r="85">
          <cell r="C85" t="str">
            <v xml:space="preserve">Other: </v>
          </cell>
          <cell r="Y85" t="str">
            <v>Yes</v>
          </cell>
        </row>
        <row r="86">
          <cell r="K86" t="str">
            <v>grid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>
            <v>-9.8441778166609706E-3</v>
          </cell>
          <cell r="E92" t="str">
            <v/>
          </cell>
          <cell r="F92" t="str">
            <v/>
          </cell>
          <cell r="G92">
            <v>1.517524923547045E-2</v>
          </cell>
          <cell r="H92" t="str">
            <v/>
          </cell>
          <cell r="I92">
            <v>1.0138666491614323E-2</v>
          </cell>
          <cell r="J92">
            <v>1.069107269053543E-3</v>
          </cell>
          <cell r="K92" t="str">
            <v/>
          </cell>
          <cell r="M92">
            <v>-1.9567468203836591E-3</v>
          </cell>
          <cell r="N92">
            <v>4.5720239734957646E-3</v>
          </cell>
          <cell r="O92" t="str">
            <v/>
          </cell>
          <cell r="P92" t="str">
            <v/>
          </cell>
          <cell r="Q92" t="str">
            <v/>
          </cell>
          <cell r="R92" t="str">
            <v/>
          </cell>
          <cell r="S92">
            <v>1.5317293247873398E-2</v>
          </cell>
          <cell r="T92">
            <v>-1.6208478463324683E-2</v>
          </cell>
          <cell r="U92" t="str">
            <v/>
          </cell>
          <cell r="V92" t="str">
            <v/>
          </cell>
          <cell r="W92">
            <v>9.5253648221427234E-4</v>
          </cell>
          <cell r="X92" t="str">
            <v/>
          </cell>
          <cell r="Y92">
            <v>1.6876037720800097E-2</v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 t="str">
            <v/>
          </cell>
          <cell r="H93" t="str">
            <v/>
          </cell>
          <cell r="I93" t="str">
            <v/>
          </cell>
          <cell r="J93" t="str">
            <v/>
          </cell>
          <cell r="K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 t="str">
            <v/>
          </cell>
          <cell r="R93" t="str">
            <v/>
          </cell>
          <cell r="S93" t="str">
            <v/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 t="str">
            <v/>
          </cell>
          <cell r="Y93">
            <v>1.3520036429872651E-3</v>
          </cell>
        </row>
        <row r="94">
          <cell r="C94" t="str">
            <v>Cap factor onshore : operating whole year minus calculated</v>
          </cell>
          <cell r="D94">
            <v>-9.8441778166609706E-3</v>
          </cell>
          <cell r="E94" t="str">
            <v/>
          </cell>
          <cell r="F94" t="str">
            <v/>
          </cell>
          <cell r="G94" t="str">
            <v/>
          </cell>
          <cell r="H94" t="str">
            <v/>
          </cell>
          <cell r="I94" t="str">
            <v/>
          </cell>
          <cell r="J94" t="str">
            <v/>
          </cell>
          <cell r="K94" t="str">
            <v/>
          </cell>
          <cell r="M94" t="str">
            <v/>
          </cell>
          <cell r="N94">
            <v>4.5720239734957646E-3</v>
          </cell>
          <cell r="O94" t="str">
            <v/>
          </cell>
          <cell r="P94" t="str">
            <v/>
          </cell>
          <cell r="Q94" t="str">
            <v/>
          </cell>
          <cell r="R94" t="str">
            <v/>
          </cell>
          <cell r="S94">
            <v>0.32900000000000001</v>
          </cell>
          <cell r="T94" t="str">
            <v/>
          </cell>
          <cell r="U94" t="str">
            <v/>
          </cell>
          <cell r="V94" t="str">
            <v/>
          </cell>
          <cell r="W94">
            <v>9.5253648221427234E-4</v>
          </cell>
          <cell r="X94" t="str">
            <v/>
          </cell>
          <cell r="Y94">
            <v>1.5061688539064422E-2</v>
          </cell>
        </row>
        <row r="95">
          <cell r="C95" t="str">
            <v>Calculated values for tables</v>
          </cell>
        </row>
        <row r="96">
          <cell r="A96" t="str">
            <v>T2 T6</v>
          </cell>
          <cell r="C96" t="str">
            <v>increase in capacity%</v>
          </cell>
          <cell r="D96">
            <v>6.0869565217391307E-2</v>
          </cell>
          <cell r="E96">
            <v>1.1653105450382305E-2</v>
          </cell>
          <cell r="F96">
            <v>4.9933618527806464E-2</v>
          </cell>
          <cell r="G96">
            <v>0.19232896642097769</v>
          </cell>
          <cell r="H96">
            <v>0.11703145742356763</v>
          </cell>
          <cell r="I96">
            <v>0.2594740912606342</v>
          </cell>
          <cell r="J96">
            <v>6.7796610169491525E-2</v>
          </cell>
          <cell r="K96">
            <v>2.7611063733929748E-2</v>
          </cell>
          <cell r="L96">
            <v>2.8281695882592744E-2</v>
          </cell>
          <cell r="M96">
            <v>2.1627906976744186E-3</v>
          </cell>
          <cell r="N96">
            <v>4.4308560677328315E-2</v>
          </cell>
          <cell r="O96">
            <v>3.2244980734131012E-2</v>
          </cell>
          <cell r="P96">
            <v>3.8544286536771617E-2</v>
          </cell>
          <cell r="R96">
            <v>0.1737878787878788</v>
          </cell>
          <cell r="S96">
            <v>0.16897158662308273</v>
          </cell>
          <cell r="T96">
            <v>2.2900763358778626E-2</v>
          </cell>
          <cell r="U96">
            <v>3.0847659910965324E-2</v>
          </cell>
          <cell r="V96">
            <v>0.20270001985308717</v>
          </cell>
          <cell r="W96">
            <v>0</v>
          </cell>
          <cell r="X96">
            <v>5.0724933632836429E-2</v>
          </cell>
          <cell r="Y96">
            <v>0.10786264022958518</v>
          </cell>
        </row>
        <row r="97">
          <cell r="A97" t="str">
            <v>T2 T6</v>
          </cell>
          <cell r="C97" t="str">
            <v>capacity relative to country size kW/km2</v>
          </cell>
          <cell r="D97">
            <v>39.214285714285715</v>
          </cell>
          <cell r="E97">
            <v>163.4214002642008</v>
          </cell>
          <cell r="F97">
            <v>1.565402654883314</v>
          </cell>
          <cell r="G97">
            <v>36.111048958333335</v>
          </cell>
          <cell r="H97">
            <v>159.46175390266299</v>
          </cell>
          <cell r="I97">
            <v>9.6240219369784654</v>
          </cell>
          <cell r="J97">
            <v>34.25805925375434</v>
          </cell>
          <cell r="K97">
            <v>178.59989317285024</v>
          </cell>
          <cell r="L97">
            <v>12.277082788934138</v>
          </cell>
          <cell r="M97">
            <v>61.322271711752734</v>
          </cell>
          <cell r="N97">
            <v>36.83903125394076</v>
          </cell>
          <cell r="O97">
            <v>12.566005129541496</v>
          </cell>
          <cell r="P97">
            <v>17.066085331920494</v>
          </cell>
          <cell r="R97">
            <v>186.48147702380666</v>
          </cell>
          <cell r="S97">
            <v>14.357184768845928</v>
          </cell>
          <cell r="T97">
            <v>61.033271157766883</v>
          </cell>
          <cell r="U97">
            <v>55.648945631336588</v>
          </cell>
          <cell r="V97">
            <v>27.078793567780796</v>
          </cell>
          <cell r="W97">
            <v>2.107302894513746</v>
          </cell>
          <cell r="X97">
            <v>106.09290913214706</v>
          </cell>
          <cell r="Y97">
            <v>13.785308075046062</v>
          </cell>
        </row>
        <row r="98">
          <cell r="A98" t="str">
            <v>T4 T8</v>
          </cell>
          <cell r="C98" t="str">
            <v>average capacity of all turbines MW</v>
          </cell>
          <cell r="D98">
            <v>2.520275439938791</v>
          </cell>
          <cell r="E98">
            <v>0</v>
          </cell>
          <cell r="F98">
            <v>2.0385221251611054</v>
          </cell>
          <cell r="G98">
            <v>2.0253208581143451</v>
          </cell>
          <cell r="H98">
            <v>1.1030894076544386</v>
          </cell>
          <cell r="I98">
            <v>3.3856548856548856</v>
          </cell>
          <cell r="J98">
            <v>0</v>
          </cell>
          <cell r="K98">
            <v>2.1480945814133396</v>
          </cell>
          <cell r="L98">
            <v>0</v>
          </cell>
          <cell r="M98">
            <v>1.9543310657596373</v>
          </cell>
          <cell r="N98">
            <v>1.5233978317551804</v>
          </cell>
          <cell r="O98">
            <v>1.7797202797202798</v>
          </cell>
          <cell r="P98">
            <v>2.2577733860342555</v>
          </cell>
          <cell r="R98">
            <v>2.7461892945763915</v>
          </cell>
          <cell r="S98">
            <v>3.5624521072796935</v>
          </cell>
          <cell r="T98">
            <v>2.0251889168765742</v>
          </cell>
          <cell r="U98">
            <v>1.3051733568183925</v>
          </cell>
          <cell r="V98">
            <v>2.5485906604964241</v>
          </cell>
          <cell r="W98">
            <v>2.0714285714285716</v>
          </cell>
          <cell r="X98">
            <v>2.3263405371190884</v>
          </cell>
          <cell r="Y98">
            <v>1.9604691760564397</v>
          </cell>
        </row>
        <row r="99">
          <cell r="A99" t="str">
            <v>T8</v>
          </cell>
          <cell r="C99" t="str">
            <v>average capacity of offshore turbines MW</v>
          </cell>
          <cell r="D99">
            <v>0</v>
          </cell>
          <cell r="E99">
            <v>0</v>
          </cell>
          <cell r="F99">
            <v>0</v>
          </cell>
          <cell r="G99">
            <v>4.8410349436700404</v>
          </cell>
          <cell r="H99">
            <v>3.6596825396825396</v>
          </cell>
          <cell r="I99">
            <v>3.6350000000000002</v>
          </cell>
          <cell r="J99">
            <v>0</v>
          </cell>
          <cell r="K99">
            <v>5.1952031978680884</v>
          </cell>
          <cell r="L99">
            <v>0</v>
          </cell>
          <cell r="M99">
            <v>3.6</v>
          </cell>
          <cell r="N99">
            <v>0</v>
          </cell>
          <cell r="O99">
            <v>1.9846153846153847</v>
          </cell>
          <cell r="P99">
            <v>2.9583333333333335</v>
          </cell>
          <cell r="R99">
            <v>5.4112554112554117</v>
          </cell>
          <cell r="S99">
            <v>2.95</v>
          </cell>
          <cell r="T99">
            <v>8.4</v>
          </cell>
          <cell r="U99">
            <v>5</v>
          </cell>
          <cell r="V99">
            <v>2.5733333333333333</v>
          </cell>
          <cell r="W99">
            <v>0</v>
          </cell>
          <cell r="X99">
            <v>4.9003047453199828</v>
          </cell>
          <cell r="Y99">
            <v>6</v>
          </cell>
        </row>
        <row r="100">
          <cell r="A100" t="str">
            <v>T4</v>
          </cell>
          <cell r="C100" t="str">
            <v>average capacity of land-based turbines MW</v>
          </cell>
          <cell r="D100">
            <v>2.520275439938791</v>
          </cell>
          <cell r="E100">
            <v>0</v>
          </cell>
          <cell r="F100">
            <v>2.0385221251611054</v>
          </cell>
          <cell r="G100">
            <v>1.9364521572479796</v>
          </cell>
          <cell r="H100">
            <v>0.81887312511028765</v>
          </cell>
          <cell r="I100">
            <v>3.3803609341825904</v>
          </cell>
          <cell r="J100">
            <v>0</v>
          </cell>
          <cell r="K100">
            <v>1.9860786397449521</v>
          </cell>
          <cell r="L100">
            <v>0</v>
          </cell>
          <cell r="M100">
            <v>1.9490900818926298</v>
          </cell>
          <cell r="N100">
            <v>1.5233978317551804</v>
          </cell>
          <cell r="O100">
            <v>1.7776295133437989</v>
          </cell>
          <cell r="P100">
            <v>2.2104781997187057</v>
          </cell>
          <cell r="R100">
            <v>2.2242475625264944</v>
          </cell>
          <cell r="S100">
            <v>3.5633921719109751</v>
          </cell>
          <cell r="T100">
            <v>2.0182997118155619</v>
          </cell>
          <cell r="U100">
            <v>1.3050020859407594</v>
          </cell>
          <cell r="V100">
            <v>2.5481940585595213</v>
          </cell>
          <cell r="W100">
            <v>2.0714285714285716</v>
          </cell>
          <cell r="X100">
            <v>1.6515635699611961</v>
          </cell>
          <cell r="Y100">
            <v>1.9600611779643897</v>
          </cell>
        </row>
      </sheetData>
      <sheetData sheetId="7">
        <row r="2">
          <cell r="A2" t="str">
            <v>Total</v>
          </cell>
          <cell r="C2" t="str">
            <v>Country name:</v>
          </cell>
          <cell r="D2" t="str">
            <v>Austria</v>
          </cell>
          <cell r="E2" t="str">
            <v>Belgium</v>
          </cell>
          <cell r="F2" t="str">
            <v>Canada</v>
          </cell>
          <cell r="G2" t="str">
            <v>China</v>
          </cell>
          <cell r="H2" t="str">
            <v>Denmark</v>
          </cell>
          <cell r="I2" t="str">
            <v>Finland</v>
          </cell>
          <cell r="J2" t="str">
            <v>France</v>
          </cell>
          <cell r="K2" t="str">
            <v>Germany</v>
          </cell>
          <cell r="L2" t="str">
            <v>India</v>
          </cell>
          <cell r="M2" t="str">
            <v>Ireland</v>
          </cell>
          <cell r="N2" t="str">
            <v>Italy</v>
          </cell>
          <cell r="O2" t="str">
            <v>Japan</v>
          </cell>
          <cell r="P2" t="str">
            <v>Korea</v>
          </cell>
          <cell r="Q2" t="str">
            <v>Mexico</v>
          </cell>
          <cell r="R2" t="str">
            <v>Netherlands</v>
          </cell>
          <cell r="S2" t="str">
            <v>Norway</v>
          </cell>
          <cell r="T2" t="str">
            <v>Portugal</v>
          </cell>
          <cell r="U2" t="str">
            <v>Spain</v>
          </cell>
          <cell r="V2" t="str">
            <v>Sweden</v>
          </cell>
          <cell r="W2" t="str">
            <v>Switzerland</v>
          </cell>
          <cell r="X2" t="str">
            <v>UK</v>
          </cell>
          <cell r="Y2" t="str">
            <v>USA</v>
          </cell>
        </row>
        <row r="3">
          <cell r="A3">
            <v>1.073</v>
          </cell>
          <cell r="B3" t="str">
            <v>US to EUR currency exchange</v>
          </cell>
          <cell r="H3" t="str">
            <v>without &lt;25kW</v>
          </cell>
          <cell r="L3" t="str">
            <v>From GWEC and All India electricity statistics 2021-22 March</v>
          </cell>
          <cell r="M3" t="str">
            <v>From country report fall2023</v>
          </cell>
          <cell r="W3" t="str">
            <v>From country chapter</v>
          </cell>
        </row>
        <row r="4">
          <cell r="C4" t="str">
            <v>1.       National Statistics of the IEA Wind Member Countries 2021</v>
          </cell>
          <cell r="D4">
            <v>2022</v>
          </cell>
          <cell r="E4">
            <v>2022</v>
          </cell>
          <cell r="F4">
            <v>2022</v>
          </cell>
          <cell r="G4">
            <v>2022</v>
          </cell>
          <cell r="H4">
            <v>2022</v>
          </cell>
          <cell r="I4">
            <v>2022</v>
          </cell>
          <cell r="J4">
            <v>2022</v>
          </cell>
          <cell r="K4">
            <v>2022</v>
          </cell>
          <cell r="L4">
            <v>2022</v>
          </cell>
          <cell r="M4">
            <v>2022</v>
          </cell>
          <cell r="N4">
            <v>2022</v>
          </cell>
          <cell r="O4">
            <v>2022</v>
          </cell>
          <cell r="P4">
            <v>2022</v>
          </cell>
          <cell r="Q4">
            <v>2021</v>
          </cell>
          <cell r="R4">
            <v>2022</v>
          </cell>
          <cell r="S4">
            <v>2022</v>
          </cell>
          <cell r="T4">
            <v>2022</v>
          </cell>
          <cell r="U4">
            <v>2022</v>
          </cell>
          <cell r="V4">
            <v>2022</v>
          </cell>
          <cell r="W4">
            <v>2022</v>
          </cell>
          <cell r="X4">
            <v>2022</v>
          </cell>
          <cell r="Y4">
            <v>2022</v>
          </cell>
        </row>
        <row r="5">
          <cell r="A5">
            <v>817098.81900000013</v>
          </cell>
          <cell r="C5" t="str">
            <v>Total Installed Wind Power Capacity (land-based+offshore)</v>
          </cell>
          <cell r="D5">
            <v>3560</v>
          </cell>
          <cell r="E5">
            <v>5236.3999999999996</v>
          </cell>
          <cell r="F5">
            <v>15309.9</v>
          </cell>
          <cell r="G5">
            <v>387215.45</v>
          </cell>
          <cell r="H5">
            <v>7026.0089999999991</v>
          </cell>
          <cell r="I5">
            <v>5678</v>
          </cell>
          <cell r="J5">
            <v>20917</v>
          </cell>
          <cell r="K5">
            <v>66344</v>
          </cell>
          <cell r="L5">
            <v>41930</v>
          </cell>
          <cell r="M5">
            <v>4473</v>
          </cell>
          <cell r="N5">
            <v>11521</v>
          </cell>
          <cell r="O5">
            <v>4802</v>
          </cell>
          <cell r="P5">
            <v>1809.2499999999998</v>
          </cell>
          <cell r="R5">
            <v>8747</v>
          </cell>
          <cell r="S5">
            <v>5073</v>
          </cell>
          <cell r="T5">
            <v>5671</v>
          </cell>
          <cell r="U5">
            <v>29827.81</v>
          </cell>
          <cell r="V5">
            <v>14279</v>
          </cell>
          <cell r="W5">
            <v>87</v>
          </cell>
          <cell r="X5">
            <v>28738</v>
          </cell>
          <cell r="Y5">
            <v>144173</v>
          </cell>
        </row>
        <row r="6">
          <cell r="A6">
            <v>60853.499999999993</v>
          </cell>
          <cell r="C6" t="str">
            <v>Total Installed Wind Power Capacity (offshore, subset of total capacity)</v>
          </cell>
          <cell r="D6">
            <v>0</v>
          </cell>
          <cell r="E6">
            <v>2261.8000000000002</v>
          </cell>
          <cell r="F6">
            <v>0</v>
          </cell>
          <cell r="G6">
            <v>30508.799999999999</v>
          </cell>
          <cell r="H6">
            <v>2305.6</v>
          </cell>
          <cell r="I6">
            <v>72.7</v>
          </cell>
          <cell r="J6">
            <v>482</v>
          </cell>
          <cell r="K6">
            <v>8116</v>
          </cell>
          <cell r="M6">
            <v>25.2</v>
          </cell>
          <cell r="N6">
            <v>30</v>
          </cell>
          <cell r="O6">
            <v>135</v>
          </cell>
          <cell r="P6">
            <v>146.30000000000001</v>
          </cell>
          <cell r="R6">
            <v>2571</v>
          </cell>
          <cell r="S6">
            <v>5.9</v>
          </cell>
          <cell r="T6">
            <v>25.2</v>
          </cell>
          <cell r="U6">
            <v>5</v>
          </cell>
          <cell r="V6">
            <v>193</v>
          </cell>
          <cell r="W6">
            <v>0</v>
          </cell>
          <cell r="X6">
            <v>13928</v>
          </cell>
          <cell r="Y6">
            <v>42</v>
          </cell>
        </row>
        <row r="7">
          <cell r="A7">
            <v>756245.31900000002</v>
          </cell>
          <cell r="C7" t="str">
            <v>Total Installed Wind Power Capacity (land-based)</v>
          </cell>
          <cell r="D7">
            <v>3560</v>
          </cell>
          <cell r="E7">
            <v>2974.5999999999995</v>
          </cell>
          <cell r="F7">
            <v>15309.9</v>
          </cell>
          <cell r="G7">
            <v>356706.65</v>
          </cell>
          <cell r="H7">
            <v>4720.4089999999997</v>
          </cell>
          <cell r="I7">
            <v>5605.3</v>
          </cell>
          <cell r="J7">
            <v>20435</v>
          </cell>
          <cell r="K7">
            <v>58228</v>
          </cell>
          <cell r="L7">
            <v>41930</v>
          </cell>
          <cell r="M7">
            <v>4447.8</v>
          </cell>
          <cell r="N7">
            <v>11491</v>
          </cell>
          <cell r="O7">
            <v>4667</v>
          </cell>
          <cell r="P7">
            <v>1662.9499999999998</v>
          </cell>
          <cell r="R7">
            <v>6176</v>
          </cell>
          <cell r="S7">
            <v>5067.1000000000004</v>
          </cell>
          <cell r="T7">
            <v>5645.8</v>
          </cell>
          <cell r="U7">
            <v>29822.81</v>
          </cell>
          <cell r="V7">
            <v>14086</v>
          </cell>
          <cell r="W7">
            <v>87</v>
          </cell>
          <cell r="X7">
            <v>14810</v>
          </cell>
          <cell r="Y7">
            <v>144131</v>
          </cell>
        </row>
        <row r="8">
          <cell r="A8">
            <v>78503.420000000013</v>
          </cell>
          <cell r="C8" t="str">
            <v>New wind power capacity installed (land-based+offshore)</v>
          </cell>
          <cell r="D8">
            <v>315</v>
          </cell>
          <cell r="E8">
            <v>288</v>
          </cell>
          <cell r="F8">
            <v>1005.9</v>
          </cell>
          <cell r="G8">
            <v>49829.58</v>
          </cell>
          <cell r="H8">
            <v>129.44</v>
          </cell>
          <cell r="I8">
            <v>2430</v>
          </cell>
          <cell r="J8">
            <v>1865</v>
          </cell>
          <cell r="K8">
            <v>2745</v>
          </cell>
          <cell r="L8">
            <v>1847</v>
          </cell>
          <cell r="M8">
            <v>164</v>
          </cell>
          <cell r="N8">
            <v>459</v>
          </cell>
          <cell r="O8">
            <v>232.9</v>
          </cell>
          <cell r="P8">
            <v>95.6</v>
          </cell>
          <cell r="R8">
            <v>1109</v>
          </cell>
          <cell r="S8">
            <v>374</v>
          </cell>
          <cell r="T8">
            <v>28</v>
          </cell>
          <cell r="U8">
            <v>1670</v>
          </cell>
          <cell r="V8">
            <v>2163</v>
          </cell>
          <cell r="W8">
            <v>0</v>
          </cell>
          <cell r="X8">
            <v>3012</v>
          </cell>
          <cell r="Y8">
            <v>8511</v>
          </cell>
        </row>
        <row r="9">
          <cell r="A9">
            <v>8839.9</v>
          </cell>
          <cell r="C9" t="str">
            <v>New wind power capacity installed (offshore)</v>
          </cell>
          <cell r="E9">
            <v>0</v>
          </cell>
          <cell r="G9">
            <v>5157.2</v>
          </cell>
          <cell r="H9">
            <v>0</v>
          </cell>
          <cell r="J9">
            <v>480</v>
          </cell>
          <cell r="K9">
            <v>342</v>
          </cell>
          <cell r="L9">
            <v>0</v>
          </cell>
          <cell r="M9">
            <v>0</v>
          </cell>
          <cell r="N9">
            <v>30</v>
          </cell>
          <cell r="O9">
            <v>83.4</v>
          </cell>
          <cell r="P9">
            <v>4.3</v>
          </cell>
          <cell r="R9">
            <v>71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2672</v>
          </cell>
          <cell r="Y9">
            <v>0</v>
          </cell>
        </row>
        <row r="10">
          <cell r="A10">
            <v>69663.520000000019</v>
          </cell>
          <cell r="C10" t="str">
            <v>New wind power capacity installed (land-based)</v>
          </cell>
          <cell r="D10">
            <v>315</v>
          </cell>
          <cell r="E10">
            <v>288</v>
          </cell>
          <cell r="F10">
            <v>1005.9</v>
          </cell>
          <cell r="G10">
            <v>44672.380000000005</v>
          </cell>
          <cell r="H10">
            <v>129.44</v>
          </cell>
          <cell r="I10">
            <v>2430</v>
          </cell>
          <cell r="J10">
            <v>1385</v>
          </cell>
          <cell r="K10">
            <v>2403</v>
          </cell>
          <cell r="L10">
            <v>1847</v>
          </cell>
          <cell r="M10">
            <v>164</v>
          </cell>
          <cell r="N10">
            <v>429</v>
          </cell>
          <cell r="O10">
            <v>149.5</v>
          </cell>
          <cell r="P10">
            <v>91.3</v>
          </cell>
          <cell r="R10">
            <v>1038</v>
          </cell>
          <cell r="S10">
            <v>374</v>
          </cell>
          <cell r="T10">
            <v>28</v>
          </cell>
          <cell r="U10">
            <v>1670</v>
          </cell>
          <cell r="V10">
            <v>2163</v>
          </cell>
          <cell r="W10">
            <v>0</v>
          </cell>
          <cell r="X10">
            <v>340</v>
          </cell>
          <cell r="Y10">
            <v>8511</v>
          </cell>
        </row>
        <row r="11">
          <cell r="A11">
            <v>9992.3849999999984</v>
          </cell>
          <cell r="C11" t="str">
            <v>Decommissioned capacity</v>
          </cell>
          <cell r="D11">
            <v>49</v>
          </cell>
          <cell r="F11">
            <v>0</v>
          </cell>
          <cell r="G11">
            <v>9280</v>
          </cell>
          <cell r="H11">
            <v>49.585000000000001</v>
          </cell>
          <cell r="I11">
            <v>9</v>
          </cell>
          <cell r="K11">
            <v>266</v>
          </cell>
          <cell r="M11">
            <v>0</v>
          </cell>
          <cell r="O11">
            <v>4.8</v>
          </cell>
          <cell r="P11">
            <v>0</v>
          </cell>
          <cell r="R11">
            <v>109</v>
          </cell>
          <cell r="S11">
            <v>0</v>
          </cell>
          <cell r="T11">
            <v>0</v>
          </cell>
          <cell r="X11">
            <v>1</v>
          </cell>
          <cell r="Y11">
            <v>224</v>
          </cell>
        </row>
        <row r="12">
          <cell r="A12">
            <v>68511.035000000003</v>
          </cell>
          <cell r="C12" t="str">
            <v>Net addition to capacity</v>
          </cell>
          <cell r="D12">
            <v>266</v>
          </cell>
          <cell r="E12">
            <v>288</v>
          </cell>
          <cell r="F12">
            <v>1005.9</v>
          </cell>
          <cell r="G12">
            <v>40549.58</v>
          </cell>
          <cell r="H12">
            <v>79.85499999999999</v>
          </cell>
          <cell r="I12">
            <v>2421</v>
          </cell>
          <cell r="J12">
            <v>1865</v>
          </cell>
          <cell r="K12">
            <v>2479</v>
          </cell>
          <cell r="L12">
            <v>1847</v>
          </cell>
          <cell r="M12">
            <v>164</v>
          </cell>
          <cell r="N12">
            <v>459</v>
          </cell>
          <cell r="O12">
            <v>228.1</v>
          </cell>
          <cell r="P12">
            <v>95.6</v>
          </cell>
          <cell r="R12">
            <v>1000</v>
          </cell>
          <cell r="S12">
            <v>374</v>
          </cell>
          <cell r="T12">
            <v>28</v>
          </cell>
          <cell r="U12">
            <v>1670</v>
          </cell>
          <cell r="V12">
            <v>2163</v>
          </cell>
          <cell r="W12">
            <v>0</v>
          </cell>
          <cell r="X12">
            <v>3011</v>
          </cell>
          <cell r="Y12">
            <v>8287</v>
          </cell>
        </row>
        <row r="13">
          <cell r="A13">
            <v>360992</v>
          </cell>
          <cell r="C13" t="str">
            <v>Total Number of Turbines (land-based+offshore)</v>
          </cell>
          <cell r="D13">
            <v>1366</v>
          </cell>
          <cell r="F13">
            <v>7204</v>
          </cell>
          <cell r="G13">
            <v>181660</v>
          </cell>
          <cell r="H13">
            <v>6986</v>
          </cell>
          <cell r="I13">
            <v>1393</v>
          </cell>
          <cell r="K13">
            <v>29982</v>
          </cell>
          <cell r="N13">
            <v>7427</v>
          </cell>
          <cell r="O13">
            <v>2622</v>
          </cell>
          <cell r="P13">
            <v>777</v>
          </cell>
          <cell r="R13">
            <v>3018</v>
          </cell>
          <cell r="S13">
            <v>1388</v>
          </cell>
          <cell r="T13">
            <v>2836</v>
          </cell>
          <cell r="U13">
            <v>22042</v>
          </cell>
          <cell r="V13">
            <v>5164</v>
          </cell>
          <cell r="W13">
            <v>42</v>
          </cell>
          <cell r="X13">
            <v>11523</v>
          </cell>
          <cell r="Y13">
            <v>72731</v>
          </cell>
        </row>
        <row r="14">
          <cell r="A14">
            <v>11438</v>
          </cell>
          <cell r="C14" t="str">
            <v xml:space="preserve">Total Number of Turbines (offshore) </v>
          </cell>
          <cell r="D14">
            <v>0</v>
          </cell>
          <cell r="G14">
            <v>5932</v>
          </cell>
          <cell r="H14">
            <v>630</v>
          </cell>
          <cell r="I14">
            <v>20</v>
          </cell>
          <cell r="K14">
            <v>1539</v>
          </cell>
          <cell r="N14">
            <v>10</v>
          </cell>
          <cell r="O14">
            <v>46</v>
          </cell>
          <cell r="P14">
            <v>49</v>
          </cell>
          <cell r="Q14">
            <v>0</v>
          </cell>
          <cell r="R14">
            <v>472</v>
          </cell>
          <cell r="S14">
            <v>2</v>
          </cell>
          <cell r="T14">
            <v>3</v>
          </cell>
          <cell r="U14">
            <v>1</v>
          </cell>
          <cell r="V14">
            <v>75</v>
          </cell>
          <cell r="W14">
            <v>0</v>
          </cell>
          <cell r="X14">
            <v>2652</v>
          </cell>
          <cell r="Y14">
            <v>7</v>
          </cell>
        </row>
        <row r="15">
          <cell r="A15">
            <v>349554</v>
          </cell>
          <cell r="C15" t="str">
            <v>Total Number of Turbines (land-based)</v>
          </cell>
          <cell r="D15">
            <v>1366</v>
          </cell>
          <cell r="F15">
            <v>7204</v>
          </cell>
          <cell r="G15">
            <v>175728</v>
          </cell>
          <cell r="H15">
            <v>6356</v>
          </cell>
          <cell r="I15">
            <v>1373</v>
          </cell>
          <cell r="J15">
            <v>0</v>
          </cell>
          <cell r="K15">
            <v>28443</v>
          </cell>
          <cell r="L15">
            <v>0</v>
          </cell>
          <cell r="N15">
            <v>7417</v>
          </cell>
          <cell r="O15">
            <v>2576</v>
          </cell>
          <cell r="P15">
            <v>728</v>
          </cell>
          <cell r="Q15">
            <v>0</v>
          </cell>
          <cell r="R15">
            <v>2546</v>
          </cell>
          <cell r="S15">
            <v>1386</v>
          </cell>
          <cell r="T15">
            <v>2833</v>
          </cell>
          <cell r="U15">
            <v>22041</v>
          </cell>
          <cell r="V15">
            <v>5089</v>
          </cell>
          <cell r="W15">
            <v>42</v>
          </cell>
          <cell r="X15">
            <v>8871</v>
          </cell>
          <cell r="Y15">
            <v>72724</v>
          </cell>
        </row>
        <row r="16">
          <cell r="A16">
            <v>16801</v>
          </cell>
          <cell r="C16" t="str">
            <v xml:space="preserve">Number of New Turbines (land-based+offshore) </v>
          </cell>
          <cell r="D16">
            <v>87</v>
          </cell>
          <cell r="F16">
            <v>221</v>
          </cell>
          <cell r="G16">
            <v>11098</v>
          </cell>
          <cell r="H16">
            <v>37</v>
          </cell>
          <cell r="I16">
            <v>437</v>
          </cell>
          <cell r="K16">
            <v>589</v>
          </cell>
          <cell r="N16">
            <v>140</v>
          </cell>
          <cell r="O16">
            <v>72</v>
          </cell>
          <cell r="P16">
            <v>18</v>
          </cell>
          <cell r="R16">
            <v>197</v>
          </cell>
          <cell r="S16">
            <v>83</v>
          </cell>
          <cell r="T16">
            <v>57</v>
          </cell>
          <cell r="U16">
            <v>395</v>
          </cell>
          <cell r="V16">
            <v>410</v>
          </cell>
          <cell r="W16">
            <v>0</v>
          </cell>
          <cell r="X16">
            <v>254</v>
          </cell>
          <cell r="Y16">
            <v>2638</v>
          </cell>
        </row>
        <row r="17">
          <cell r="A17">
            <v>931</v>
          </cell>
          <cell r="C17" t="str">
            <v xml:space="preserve">Number of New Turbines (offshore) </v>
          </cell>
          <cell r="G17">
            <v>695</v>
          </cell>
          <cell r="H17">
            <v>0</v>
          </cell>
          <cell r="I17">
            <v>0</v>
          </cell>
          <cell r="K17">
            <v>38</v>
          </cell>
          <cell r="N17">
            <v>30</v>
          </cell>
          <cell r="O17">
            <v>20</v>
          </cell>
          <cell r="P17">
            <v>1</v>
          </cell>
          <cell r="Q17">
            <v>0</v>
          </cell>
          <cell r="R17">
            <v>10</v>
          </cell>
          <cell r="S17">
            <v>0</v>
          </cell>
          <cell r="T17">
            <v>0</v>
          </cell>
          <cell r="W17">
            <v>0</v>
          </cell>
          <cell r="X17">
            <v>137</v>
          </cell>
          <cell r="Y17">
            <v>0</v>
          </cell>
        </row>
        <row r="18">
          <cell r="A18">
            <v>15870</v>
          </cell>
          <cell r="C18" t="str">
            <v xml:space="preserve">Number of New Turbines (land-based) </v>
          </cell>
          <cell r="D18">
            <v>87</v>
          </cell>
          <cell r="F18">
            <v>221</v>
          </cell>
          <cell r="G18">
            <v>10403</v>
          </cell>
          <cell r="H18">
            <v>37</v>
          </cell>
          <cell r="I18">
            <v>437</v>
          </cell>
          <cell r="J18">
            <v>0</v>
          </cell>
          <cell r="K18">
            <v>551</v>
          </cell>
          <cell r="N18">
            <v>110</v>
          </cell>
          <cell r="O18">
            <v>52</v>
          </cell>
          <cell r="P18">
            <v>17</v>
          </cell>
          <cell r="Q18">
            <v>0</v>
          </cell>
          <cell r="R18">
            <v>187</v>
          </cell>
          <cell r="S18">
            <v>83</v>
          </cell>
          <cell r="T18">
            <v>57</v>
          </cell>
          <cell r="U18">
            <v>395</v>
          </cell>
          <cell r="V18">
            <v>410</v>
          </cell>
          <cell r="W18">
            <v>0</v>
          </cell>
          <cell r="X18">
            <v>117</v>
          </cell>
          <cell r="Y18">
            <v>2638</v>
          </cell>
        </row>
        <row r="19">
          <cell r="A19">
            <v>4260.8652265096634</v>
          </cell>
          <cell r="C19" t="str">
            <v xml:space="preserve">Average Capacity of New Turbines (land-based+offshore) </v>
          </cell>
          <cell r="D19">
            <v>3620</v>
          </cell>
          <cell r="E19" t="str">
            <v/>
          </cell>
          <cell r="F19">
            <v>4551.5837104072398</v>
          </cell>
          <cell r="G19">
            <v>4489.9603532167957</v>
          </cell>
          <cell r="H19">
            <v>3498.3783783783783</v>
          </cell>
          <cell r="I19">
            <v>5560.6407322654459</v>
          </cell>
          <cell r="J19" t="str">
            <v/>
          </cell>
          <cell r="K19">
            <v>4660.4414261460106</v>
          </cell>
          <cell r="N19">
            <v>3278.5714285714284</v>
          </cell>
          <cell r="O19">
            <v>3234.7222222222222</v>
          </cell>
          <cell r="P19">
            <v>5311.1111111111113</v>
          </cell>
          <cell r="R19">
            <v>5629.4416243654823</v>
          </cell>
          <cell r="S19">
            <v>4506.0240963855422</v>
          </cell>
          <cell r="U19">
            <v>4227.8481012658231</v>
          </cell>
          <cell r="V19">
            <v>5275.6097560975613</v>
          </cell>
          <cell r="X19">
            <v>3720.8499335989377</v>
          </cell>
          <cell r="Y19">
            <v>3226.3078089461715</v>
          </cell>
        </row>
        <row r="20">
          <cell r="A20">
            <v>5327.2045220966083</v>
          </cell>
          <cell r="C20" t="str">
            <v xml:space="preserve">Average Capacity of New Turbines (offshore) </v>
          </cell>
          <cell r="D20" t="str">
            <v/>
          </cell>
          <cell r="E20" t="str">
            <v/>
          </cell>
          <cell r="F20" t="str">
            <v/>
          </cell>
          <cell r="G20">
            <v>7420.4316546762593</v>
          </cell>
          <cell r="H20" t="str">
            <v/>
          </cell>
          <cell r="I20" t="str">
            <v/>
          </cell>
          <cell r="J20" t="str">
            <v/>
          </cell>
          <cell r="K20">
            <v>9000</v>
          </cell>
          <cell r="N20">
            <v>1000</v>
          </cell>
          <cell r="O20">
            <v>4170</v>
          </cell>
          <cell r="P20">
            <v>0</v>
          </cell>
          <cell r="R20">
            <v>7100</v>
          </cell>
          <cell r="S20" t="str">
            <v/>
          </cell>
          <cell r="T20" t="str">
            <v/>
          </cell>
          <cell r="U20" t="str">
            <v/>
          </cell>
          <cell r="X20">
            <v>8600</v>
          </cell>
          <cell r="Y20" t="str">
            <v/>
          </cell>
        </row>
        <row r="21">
          <cell r="A21">
            <v>4206.2799919453773</v>
          </cell>
          <cell r="C21" t="str">
            <v>Average Capacity of New Turbines (land-based)</v>
          </cell>
          <cell r="D21">
            <v>3620</v>
          </cell>
          <cell r="E21" t="str">
            <v/>
          </cell>
          <cell r="F21">
            <v>4551.5837104072398</v>
          </cell>
          <cell r="G21">
            <v>4294.1824473709512</v>
          </cell>
          <cell r="H21">
            <v>3498.3783783783783</v>
          </cell>
          <cell r="I21">
            <v>5560.6407322654459</v>
          </cell>
          <cell r="J21" t="str">
            <v/>
          </cell>
          <cell r="K21">
            <v>4361.161524500907</v>
          </cell>
          <cell r="N21">
            <v>3900</v>
          </cell>
          <cell r="O21">
            <v>2875</v>
          </cell>
          <cell r="P21">
            <v>5370.588235294118</v>
          </cell>
          <cell r="R21">
            <v>5550.8021390374333</v>
          </cell>
          <cell r="S21">
            <v>4506.0240963855422</v>
          </cell>
          <cell r="U21">
            <v>4227.8481012658231</v>
          </cell>
          <cell r="V21">
            <v>5275.6097560975613</v>
          </cell>
          <cell r="X21">
            <v>3100</v>
          </cell>
          <cell r="Y21">
            <v>3226.3078089461715</v>
          </cell>
        </row>
        <row r="22">
          <cell r="A22">
            <v>1794.3929787411889</v>
          </cell>
          <cell r="C22" t="str">
            <v>Wind-Generated Electricity (TWh/yr)</v>
          </cell>
          <cell r="D22">
            <v>8.1999999999999993</v>
          </cell>
          <cell r="E22">
            <v>11.9711</v>
          </cell>
          <cell r="F22">
            <v>39.06</v>
          </cell>
          <cell r="G22">
            <v>759.9</v>
          </cell>
          <cell r="H22">
            <v>19.001878741189</v>
          </cell>
          <cell r="I22">
            <v>11.561999999999999</v>
          </cell>
          <cell r="J22">
            <v>37.9</v>
          </cell>
          <cell r="K22">
            <v>125.28700000000001</v>
          </cell>
          <cell r="L22">
            <v>68.64</v>
          </cell>
          <cell r="M22">
            <v>10.88</v>
          </cell>
          <cell r="N22">
            <v>20.399999999999999</v>
          </cell>
          <cell r="O22">
            <v>8.83</v>
          </cell>
          <cell r="P22">
            <v>3.3479999999999999</v>
          </cell>
          <cell r="R22">
            <v>21.36</v>
          </cell>
          <cell r="S22">
            <v>14.8</v>
          </cell>
          <cell r="T22">
            <v>13.27</v>
          </cell>
          <cell r="U22">
            <v>61.069000000000003</v>
          </cell>
          <cell r="V22">
            <v>33.088000000000001</v>
          </cell>
          <cell r="W22">
            <v>0.153</v>
          </cell>
          <cell r="X22">
            <v>80.162000000000006</v>
          </cell>
          <cell r="Y22">
            <v>434.81099999999998</v>
          </cell>
        </row>
        <row r="23">
          <cell r="A23">
            <v>164.86142865668097</v>
          </cell>
          <cell r="C23" t="str">
            <v>Wind-Generated Electricity (offshore)</v>
          </cell>
          <cell r="E23">
            <v>6.6517999999999997</v>
          </cell>
          <cell r="G23">
            <v>70.122</v>
          </cell>
          <cell r="H23">
            <v>8.74258165668099</v>
          </cell>
          <cell r="K23">
            <v>25.123000000000001</v>
          </cell>
          <cell r="M23">
            <v>7.6999999999999999E-2</v>
          </cell>
          <cell r="R23">
            <v>8.39</v>
          </cell>
          <cell r="V23">
            <v>0.55000000000000004</v>
          </cell>
          <cell r="W23">
            <v>0</v>
          </cell>
          <cell r="X23">
            <v>45.042999999999999</v>
          </cell>
          <cell r="Y23">
            <v>0.162047</v>
          </cell>
        </row>
        <row r="24">
          <cell r="A24">
            <v>1629.527550084508</v>
          </cell>
          <cell r="C24" t="str">
            <v>Wind-Generated Electricity (land-based)</v>
          </cell>
          <cell r="D24">
            <v>8.1999999999999993</v>
          </cell>
          <cell r="E24">
            <v>5.3193000000000001</v>
          </cell>
          <cell r="F24">
            <v>39.06</v>
          </cell>
          <cell r="G24">
            <v>689.77800000000002</v>
          </cell>
          <cell r="H24">
            <v>10.25929708450801</v>
          </cell>
          <cell r="I24">
            <v>11.561999999999999</v>
          </cell>
          <cell r="J24">
            <v>37.9</v>
          </cell>
          <cell r="K24">
            <v>100.164</v>
          </cell>
          <cell r="L24">
            <v>68.64</v>
          </cell>
          <cell r="M24">
            <v>10.8</v>
          </cell>
          <cell r="N24">
            <v>20.399999999999999</v>
          </cell>
          <cell r="O24">
            <v>8.83</v>
          </cell>
          <cell r="P24">
            <v>3.3479999999999999</v>
          </cell>
          <cell r="R24">
            <v>12.969999999999999</v>
          </cell>
          <cell r="S24">
            <v>14.8</v>
          </cell>
          <cell r="T24">
            <v>13.27</v>
          </cell>
          <cell r="U24">
            <v>61.069000000000003</v>
          </cell>
          <cell r="V24">
            <v>32.537000000000006</v>
          </cell>
          <cell r="W24">
            <v>0.153</v>
          </cell>
          <cell r="X24">
            <v>35.119000000000007</v>
          </cell>
          <cell r="Y24">
            <v>434.64895300000001</v>
          </cell>
        </row>
        <row r="25">
          <cell r="A25">
            <v>18778.962757999998</v>
          </cell>
          <cell r="C25" t="str">
            <v>National Electricity Demand (TWh/yr)</v>
          </cell>
          <cell r="D25">
            <v>76.599999999999994</v>
          </cell>
          <cell r="E25">
            <v>80.006399999999999</v>
          </cell>
          <cell r="F25">
            <v>590.38</v>
          </cell>
          <cell r="G25">
            <v>8637.2000000000007</v>
          </cell>
          <cell r="H25">
            <v>32.760357999999997</v>
          </cell>
          <cell r="I25">
            <v>81.697000000000003</v>
          </cell>
          <cell r="J25">
            <v>459</v>
          </cell>
          <cell r="K25">
            <v>549.6</v>
          </cell>
          <cell r="L25">
            <v>1484.46</v>
          </cell>
          <cell r="M25">
            <v>33</v>
          </cell>
          <cell r="N25">
            <v>316.8</v>
          </cell>
          <cell r="O25">
            <v>872.2</v>
          </cell>
          <cell r="P25">
            <v>550.69399999999996</v>
          </cell>
          <cell r="R25">
            <v>117.9</v>
          </cell>
          <cell r="S25">
            <v>133.4</v>
          </cell>
          <cell r="T25">
            <v>51.9</v>
          </cell>
          <cell r="U25">
            <v>235.62</v>
          </cell>
          <cell r="V25">
            <v>137</v>
          </cell>
          <cell r="W25">
            <v>55.4</v>
          </cell>
          <cell r="X25">
            <v>321.29199999999997</v>
          </cell>
          <cell r="Y25">
            <v>3909.0529999999999</v>
          </cell>
        </row>
        <row r="26">
          <cell r="A26">
            <v>9.555335946213335E-2</v>
          </cell>
          <cell r="C26" t="str">
            <v>Share of National Electricity Demand met by Wind</v>
          </cell>
          <cell r="D26">
            <v>0.10704960835509138</v>
          </cell>
          <cell r="E26">
            <v>0.14962677985761139</v>
          </cell>
          <cell r="F26">
            <v>6.6160777804126158E-2</v>
          </cell>
          <cell r="G26">
            <v>8.7979900893808166E-2</v>
          </cell>
          <cell r="H26">
            <v>0.58002659009980906</v>
          </cell>
          <cell r="I26">
            <v>0.14099999999999999</v>
          </cell>
          <cell r="J26">
            <v>8.2570806100217858E-2</v>
          </cell>
          <cell r="K26">
            <v>0.2279603347889374</v>
          </cell>
          <cell r="L26">
            <v>4.6239036417283053E-2</v>
          </cell>
          <cell r="M26">
            <v>0.34799999999999998</v>
          </cell>
          <cell r="N26">
            <v>6.4393939393939392E-2</v>
          </cell>
          <cell r="O26">
            <v>1.0123824810823205E-2</v>
          </cell>
          <cell r="P26">
            <v>6.0000000000000001E-3</v>
          </cell>
          <cell r="R26">
            <v>0.18117048346055978</v>
          </cell>
          <cell r="S26">
            <v>0.11094452773613193</v>
          </cell>
          <cell r="T26">
            <v>0.25568400770712907</v>
          </cell>
          <cell r="U26">
            <v>0.25918427977251507</v>
          </cell>
          <cell r="V26">
            <v>0.2415182481751825</v>
          </cell>
          <cell r="W26">
            <v>2E-3</v>
          </cell>
          <cell r="X26">
            <v>0.2494988981985235</v>
          </cell>
          <cell r="Y26">
            <v>0.11123179962001027</v>
          </cell>
        </row>
        <row r="27">
          <cell r="A27">
            <v>0.26531839473309166</v>
          </cell>
          <cell r="C27" t="str">
            <v>Average National Capacity Factor (land-based+offshore)</v>
          </cell>
          <cell r="D27">
            <v>0.27511331649103027</v>
          </cell>
          <cell r="E27">
            <v>0.26835361066307423</v>
          </cell>
          <cell r="F27">
            <v>0.30113589291441123</v>
          </cell>
          <cell r="G27">
            <v>0.23943256228808896</v>
          </cell>
          <cell r="H27">
            <v>0.3116038193302646</v>
          </cell>
          <cell r="I27">
            <v>0.29492646887768159</v>
          </cell>
          <cell r="J27">
            <v>0.21649198219944657</v>
          </cell>
          <cell r="K27">
            <v>0.2201298869469181</v>
          </cell>
          <cell r="L27">
            <v>0.19362706966011409</v>
          </cell>
          <cell r="M27">
            <v>0.28208054312119635</v>
          </cell>
          <cell r="N27">
            <v>0.20624072295865661</v>
          </cell>
          <cell r="O27">
            <v>0.21512754480902108</v>
          </cell>
          <cell r="P27">
            <v>0.21638283288404814</v>
          </cell>
          <cell r="R27">
            <v>0.29763273291224435</v>
          </cell>
          <cell r="S27">
            <v>0.34578340501329863</v>
          </cell>
          <cell r="T27">
            <v>0.26778154192123066</v>
          </cell>
          <cell r="U27">
            <v>0.24045089220270369</v>
          </cell>
          <cell r="V27">
            <v>0.28620336804483343</v>
          </cell>
          <cell r="W27">
            <v>0.2002072734124741</v>
          </cell>
          <cell r="X27">
            <v>0.33603529825239176</v>
          </cell>
          <cell r="Y27">
            <v>0.35475161365883173</v>
          </cell>
        </row>
        <row r="28">
          <cell r="A28">
            <v>0.1950502731757971</v>
          </cell>
          <cell r="C28" t="str">
            <v>Average National Capacity Factor (offshore)</v>
          </cell>
          <cell r="D28" t="str">
            <v/>
          </cell>
          <cell r="E28">
            <v>0.33572283117135865</v>
          </cell>
          <cell r="F28" t="str">
            <v/>
          </cell>
          <cell r="G28">
            <v>0.28659997137678733</v>
          </cell>
          <cell r="H28">
            <v>0.43286415884973484</v>
          </cell>
          <cell r="I28">
            <v>0</v>
          </cell>
          <cell r="J28">
            <v>0</v>
          </cell>
          <cell r="K28">
            <v>0.3609719791603806</v>
          </cell>
          <cell r="M28">
            <v>0.34785468528637931</v>
          </cell>
          <cell r="N28">
            <v>0</v>
          </cell>
          <cell r="O28">
            <v>0</v>
          </cell>
          <cell r="P28">
            <v>0</v>
          </cell>
          <cell r="Q28" t="str">
            <v/>
          </cell>
          <cell r="R28">
            <v>0.37774109922209648</v>
          </cell>
          <cell r="S28">
            <v>0</v>
          </cell>
          <cell r="T28">
            <v>0</v>
          </cell>
          <cell r="U28">
            <v>0</v>
          </cell>
          <cell r="V28">
            <v>0.32531289185416518</v>
          </cell>
          <cell r="W28" t="str">
            <v/>
          </cell>
          <cell r="X28">
            <v>0.4083461703596688</v>
          </cell>
          <cell r="Y28">
            <v>0.44044085670798</v>
          </cell>
        </row>
        <row r="29">
          <cell r="A29">
            <v>0.25606879319971448</v>
          </cell>
          <cell r="C29" t="str">
            <v>Average National Capacity Factor (land-based)</v>
          </cell>
          <cell r="D29">
            <v>0.27511331649103027</v>
          </cell>
          <cell r="E29">
            <v>0.21452201914691599</v>
          </cell>
          <cell r="F29">
            <v>0.30113589291441123</v>
          </cell>
          <cell r="G29">
            <v>0.2354926353898541</v>
          </cell>
          <cell r="H29">
            <v>0.25155302152222997</v>
          </cell>
          <cell r="I29">
            <v>0.29981022495070786</v>
          </cell>
          <cell r="J29">
            <v>0.21914570182422896</v>
          </cell>
          <cell r="K29">
            <v>0.20050759866627735</v>
          </cell>
          <cell r="L29">
            <v>0.19362706966011409</v>
          </cell>
          <cell r="M29">
            <v>0.2816226571811149</v>
          </cell>
          <cell r="N29">
            <v>0.20651506436284939</v>
          </cell>
          <cell r="O29">
            <v>0.21949825631877809</v>
          </cell>
          <cell r="P29">
            <v>0.23566904160242788</v>
          </cell>
          <cell r="R29">
            <v>0.26172770148593527</v>
          </cell>
          <cell r="S29">
            <v>0.34620145425195736</v>
          </cell>
          <cell r="T29">
            <v>0.26897975472289531</v>
          </cell>
          <cell r="U29">
            <v>0.24049236668666829</v>
          </cell>
          <cell r="V29">
            <v>0.28561416481930829</v>
          </cell>
          <cell r="W29">
            <v>0.2002072734124741</v>
          </cell>
          <cell r="X29">
            <v>0.27384004541258083</v>
          </cell>
          <cell r="Y29">
            <v>0.35472588400490329</v>
          </cell>
        </row>
        <row r="30">
          <cell r="A30">
            <v>0.25499378488077123</v>
          </cell>
          <cell r="C30" t="str">
            <v>Average National Capacity Factor (landbased+offshore, turbines in operation the whole year)</v>
          </cell>
          <cell r="G30">
            <v>0.2409627092846271</v>
          </cell>
          <cell r="I30">
            <v>0.33200000000000002</v>
          </cell>
          <cell r="M30">
            <v>0.27900000000000003</v>
          </cell>
          <cell r="N30">
            <v>0.20899999999999999</v>
          </cell>
          <cell r="T30">
            <v>0.26700000000000002</v>
          </cell>
          <cell r="W30">
            <v>0.20200000000000001</v>
          </cell>
        </row>
        <row r="31">
          <cell r="A31">
            <v>0.38642244690874827</v>
          </cell>
          <cell r="C31" t="str">
            <v>Average National Capacity Factor (offshore, turbines in operation the whole year)</v>
          </cell>
          <cell r="G31">
            <v>0.26682648401826486</v>
          </cell>
          <cell r="S31">
            <v>0.45200000000000001</v>
          </cell>
          <cell r="Y31">
            <v>0.44044085670798</v>
          </cell>
        </row>
        <row r="32">
          <cell r="A32">
            <v>0.24936232184862323</v>
          </cell>
          <cell r="C32" t="str">
            <v>Average National Capacity Factor (landbased, turbines in operation the whole year)</v>
          </cell>
          <cell r="G32">
            <v>0.23944928739449287</v>
          </cell>
          <cell r="N32">
            <v>0.20899999999999999</v>
          </cell>
          <cell r="S32">
            <v>0.35699999999999998</v>
          </cell>
          <cell r="W32">
            <v>0.192</v>
          </cell>
        </row>
        <row r="33">
          <cell r="A33">
            <v>56.767656543230004</v>
          </cell>
          <cell r="C33" t="str">
            <v>Curtailed Electricity (estimate) TWh</v>
          </cell>
          <cell r="G33">
            <v>25.04</v>
          </cell>
          <cell r="K33">
            <v>5.4180000000000001</v>
          </cell>
          <cell r="M33">
            <v>0.90304000000000006</v>
          </cell>
          <cell r="S33">
            <v>0</v>
          </cell>
          <cell r="T33">
            <v>0</v>
          </cell>
          <cell r="U33">
            <v>0.36299999999999999</v>
          </cell>
          <cell r="X33">
            <v>3.9</v>
          </cell>
          <cell r="Y33">
            <v>21.143616543229999</v>
          </cell>
        </row>
        <row r="34">
          <cell r="A34">
            <v>35981178.600000001</v>
          </cell>
          <cell r="C34" t="str">
            <v>Land area (km2)</v>
          </cell>
          <cell r="D34">
            <v>84000</v>
          </cell>
          <cell r="E34">
            <v>30280</v>
          </cell>
          <cell r="F34">
            <v>9093507</v>
          </cell>
          <cell r="G34">
            <v>9600000</v>
          </cell>
          <cell r="H34">
            <v>42951</v>
          </cell>
          <cell r="I34">
            <v>338424</v>
          </cell>
          <cell r="J34">
            <v>551695</v>
          </cell>
          <cell r="K34">
            <v>357587</v>
          </cell>
          <cell r="L34">
            <v>3287263</v>
          </cell>
          <cell r="M34">
            <v>70273</v>
          </cell>
          <cell r="N34">
            <v>301338</v>
          </cell>
          <cell r="O34">
            <v>377975</v>
          </cell>
          <cell r="P34">
            <v>100412.6</v>
          </cell>
          <cell r="R34">
            <v>41543</v>
          </cell>
          <cell r="S34">
            <v>385207</v>
          </cell>
          <cell r="T34">
            <v>92212</v>
          </cell>
          <cell r="U34">
            <v>505990</v>
          </cell>
          <cell r="V34">
            <v>447435</v>
          </cell>
          <cell r="W34">
            <v>41285</v>
          </cell>
          <cell r="X34">
            <v>242495</v>
          </cell>
          <cell r="Y34">
            <v>9857306</v>
          </cell>
        </row>
        <row r="35">
          <cell r="A35">
            <v>3738732254</v>
          </cell>
          <cell r="C35" t="str">
            <v>Population check some report in millions some total</v>
          </cell>
          <cell r="D35">
            <v>8000000</v>
          </cell>
          <cell r="E35">
            <v>11429336</v>
          </cell>
          <cell r="F35">
            <v>39566248</v>
          </cell>
          <cell r="G35">
            <v>1411770000</v>
          </cell>
          <cell r="H35">
            <v>5932654</v>
          </cell>
          <cell r="I35">
            <v>5559198</v>
          </cell>
          <cell r="J35">
            <v>66890000</v>
          </cell>
          <cell r="K35">
            <v>84270624</v>
          </cell>
          <cell r="L35">
            <v>1352620000</v>
          </cell>
          <cell r="M35">
            <v>4986000</v>
          </cell>
          <cell r="N35">
            <v>58851000</v>
          </cell>
          <cell r="O35">
            <v>127000000</v>
          </cell>
          <cell r="P35">
            <v>51638809</v>
          </cell>
          <cell r="R35">
            <v>17800000</v>
          </cell>
          <cell r="S35">
            <v>5475240</v>
          </cell>
          <cell r="T35">
            <v>10347892</v>
          </cell>
          <cell r="U35">
            <v>47435597</v>
          </cell>
          <cell r="V35">
            <v>10521556</v>
          </cell>
          <cell r="W35">
            <v>8667100</v>
          </cell>
          <cell r="X35">
            <v>67081000</v>
          </cell>
          <cell r="Y35">
            <v>331890000</v>
          </cell>
        </row>
        <row r="36">
          <cell r="A36">
            <v>4.250469138313942E-2</v>
          </cell>
          <cell r="C36" t="str">
            <v>Curtailed Electricity (estimate) %</v>
          </cell>
          <cell r="G36">
            <v>3.1900527428848066E-2</v>
          </cell>
          <cell r="K36">
            <v>4.1452125014345281E-2</v>
          </cell>
          <cell r="M36">
            <v>8.3000000000000004E-2</v>
          </cell>
          <cell r="U36">
            <v>5.9089725224638623E-3</v>
          </cell>
          <cell r="X36">
            <v>4.6394327996002946E-2</v>
          </cell>
          <cell r="Y36">
            <v>4.6372195337176347E-2</v>
          </cell>
        </row>
        <row r="37">
          <cell r="Y37">
            <v>938</v>
          </cell>
        </row>
        <row r="38">
          <cell r="C38" t="str">
            <v>2.       Renewable Energy and Wind Targets for Member Countries</v>
          </cell>
          <cell r="D38">
            <v>2020</v>
          </cell>
          <cell r="E38">
            <v>2020</v>
          </cell>
          <cell r="F38">
            <v>2022</v>
          </cell>
          <cell r="G38">
            <v>2020</v>
          </cell>
          <cell r="H38">
            <v>2021</v>
          </cell>
          <cell r="I38">
            <v>2022</v>
          </cell>
          <cell r="J38">
            <v>2022</v>
          </cell>
          <cell r="K38">
            <v>2022</v>
          </cell>
          <cell r="L38">
            <v>2021</v>
          </cell>
          <cell r="M38">
            <v>2021</v>
          </cell>
          <cell r="N38">
            <v>2022</v>
          </cell>
          <cell r="O38">
            <v>2022</v>
          </cell>
          <cell r="P38">
            <v>2022</v>
          </cell>
          <cell r="Q38">
            <v>2019</v>
          </cell>
          <cell r="R38">
            <v>2022</v>
          </cell>
          <cell r="S38">
            <v>2022</v>
          </cell>
          <cell r="T38">
            <v>2022</v>
          </cell>
          <cell r="U38">
            <v>2022</v>
          </cell>
          <cell r="V38">
            <v>2022</v>
          </cell>
          <cell r="W38">
            <v>2022</v>
          </cell>
          <cell r="X38">
            <v>2022</v>
          </cell>
        </row>
        <row r="39">
          <cell r="C39" t="str">
            <v>Official Target Renewable Energy Sources</v>
          </cell>
          <cell r="H39">
            <v>0.55000000000000004</v>
          </cell>
          <cell r="I39">
            <v>0.51</v>
          </cell>
          <cell r="J39">
            <v>0.33</v>
          </cell>
          <cell r="K39">
            <v>0.8</v>
          </cell>
          <cell r="L39">
            <v>500000</v>
          </cell>
          <cell r="N39">
            <v>0.3</v>
          </cell>
          <cell r="O39">
            <v>0.22</v>
          </cell>
          <cell r="P39">
            <v>0.216</v>
          </cell>
          <cell r="R39">
            <v>0.7</v>
          </cell>
          <cell r="T39">
            <v>0.47</v>
          </cell>
          <cell r="U39">
            <v>0.55000000000000004</v>
          </cell>
          <cell r="V39">
            <v>1</v>
          </cell>
          <cell r="W39">
            <v>22.6</v>
          </cell>
        </row>
        <row r="40">
          <cell r="C40" t="str">
            <v>Year for official Renewable Energy target</v>
          </cell>
          <cell r="H40">
            <v>2030</v>
          </cell>
          <cell r="I40">
            <v>2030</v>
          </cell>
          <cell r="J40">
            <v>2030</v>
          </cell>
          <cell r="K40">
            <v>2030</v>
          </cell>
          <cell r="L40">
            <v>2030</v>
          </cell>
          <cell r="N40">
            <v>2030</v>
          </cell>
          <cell r="O40">
            <v>2030</v>
          </cell>
          <cell r="P40">
            <v>2030</v>
          </cell>
          <cell r="R40">
            <v>2030</v>
          </cell>
          <cell r="T40">
            <v>2030</v>
          </cell>
          <cell r="U40">
            <v>2030</v>
          </cell>
          <cell r="V40">
            <v>2040</v>
          </cell>
          <cell r="W40">
            <v>2050</v>
          </cell>
          <cell r="X40">
            <v>2030</v>
          </cell>
          <cell r="Y40">
            <v>0.84214520587044517</v>
          </cell>
        </row>
        <row r="41">
          <cell r="C41" t="str">
            <v>Official Target Wind (reached is calculated from this number in row 103)</v>
          </cell>
          <cell r="H41">
            <v>55</v>
          </cell>
          <cell r="J41">
            <v>38400</v>
          </cell>
          <cell r="K41" t="str">
            <v>see comment</v>
          </cell>
          <cell r="L41">
            <v>140000</v>
          </cell>
          <cell r="M41">
            <v>13200</v>
          </cell>
          <cell r="N41">
            <v>19800</v>
          </cell>
          <cell r="O41">
            <v>10000</v>
          </cell>
          <cell r="P41">
            <v>19300</v>
          </cell>
          <cell r="R41">
            <v>28000</v>
          </cell>
          <cell r="T41">
            <v>9300</v>
          </cell>
          <cell r="U41">
            <v>50000</v>
          </cell>
          <cell r="V41">
            <v>30</v>
          </cell>
          <cell r="W41">
            <v>0.3</v>
          </cell>
          <cell r="X41">
            <v>50000</v>
          </cell>
        </row>
        <row r="42">
          <cell r="C42" t="str">
            <v>Year for official wind target</v>
          </cell>
          <cell r="H42">
            <v>2030</v>
          </cell>
          <cell r="J42">
            <v>2028</v>
          </cell>
          <cell r="K42" t="str">
            <v>see comment</v>
          </cell>
          <cell r="L42">
            <v>2030</v>
          </cell>
          <cell r="M42">
            <v>2030</v>
          </cell>
          <cell r="N42">
            <v>2030</v>
          </cell>
          <cell r="O42">
            <v>2030</v>
          </cell>
          <cell r="P42">
            <v>2030</v>
          </cell>
          <cell r="R42">
            <v>2030</v>
          </cell>
          <cell r="T42">
            <v>2030</v>
          </cell>
          <cell r="U42">
            <v>2030</v>
          </cell>
          <cell r="V42">
            <v>2020</v>
          </cell>
          <cell r="W42">
            <v>2025</v>
          </cell>
          <cell r="X42">
            <v>2030</v>
          </cell>
          <cell r="Y42">
            <v>41</v>
          </cell>
        </row>
        <row r="43">
          <cell r="J43" t="str">
            <v>40 GW 2030</v>
          </cell>
          <cell r="L43" t="str">
            <v>140 GW in 2030</v>
          </cell>
          <cell r="M43" t="str">
            <v>13.2 GW in 2030</v>
          </cell>
          <cell r="W43" t="str">
            <v>TWh/a</v>
          </cell>
          <cell r="Y43">
            <v>134</v>
          </cell>
        </row>
        <row r="44">
          <cell r="C44" t="str">
            <v>3.       Wind Resource Compared to Average</v>
          </cell>
          <cell r="D44">
            <v>2020</v>
          </cell>
          <cell r="E44">
            <v>2020</v>
          </cell>
          <cell r="F44">
            <v>2022</v>
          </cell>
          <cell r="G44">
            <v>2022</v>
          </cell>
          <cell r="H44">
            <v>2021</v>
          </cell>
          <cell r="I44">
            <v>2022</v>
          </cell>
          <cell r="J44">
            <v>2022</v>
          </cell>
          <cell r="K44">
            <v>2022</v>
          </cell>
          <cell r="M44">
            <v>2019</v>
          </cell>
          <cell r="N44">
            <v>2022</v>
          </cell>
          <cell r="O44">
            <v>2022</v>
          </cell>
          <cell r="P44">
            <v>2022</v>
          </cell>
          <cell r="R44">
            <v>2022</v>
          </cell>
          <cell r="S44">
            <v>2022</v>
          </cell>
          <cell r="T44">
            <v>2022</v>
          </cell>
          <cell r="U44">
            <v>2022</v>
          </cell>
          <cell r="V44">
            <v>2022</v>
          </cell>
          <cell r="W44">
            <v>2020</v>
          </cell>
          <cell r="X44">
            <v>2022</v>
          </cell>
        </row>
        <row r="45">
          <cell r="A45">
            <v>25.3675</v>
          </cell>
          <cell r="C45" t="str">
            <v xml:space="preserve">Wind Resource average is 1 =  100% </v>
          </cell>
          <cell r="H45">
            <v>0.9</v>
          </cell>
          <cell r="I45">
            <v>1</v>
          </cell>
          <cell r="K45">
            <v>98.6</v>
          </cell>
          <cell r="V45">
            <v>0.97</v>
          </cell>
        </row>
        <row r="47">
          <cell r="C47" t="str">
            <v>4.       Potential Increases to Capacity IEA Wind Member Countries</v>
          </cell>
          <cell r="D47">
            <v>2019</v>
          </cell>
          <cell r="E47">
            <v>2020</v>
          </cell>
          <cell r="F47">
            <v>2022</v>
          </cell>
          <cell r="G47">
            <v>2020</v>
          </cell>
          <cell r="H47">
            <v>2021</v>
          </cell>
          <cell r="I47">
            <v>2022</v>
          </cell>
          <cell r="J47">
            <v>2022</v>
          </cell>
          <cell r="K47">
            <v>2022</v>
          </cell>
          <cell r="M47">
            <v>2019</v>
          </cell>
          <cell r="N47">
            <v>2022</v>
          </cell>
          <cell r="O47">
            <v>2022</v>
          </cell>
          <cell r="P47">
            <v>2022</v>
          </cell>
          <cell r="R47">
            <v>2022</v>
          </cell>
          <cell r="S47">
            <v>2022</v>
          </cell>
          <cell r="T47">
            <v>2022</v>
          </cell>
          <cell r="U47">
            <v>2022</v>
          </cell>
          <cell r="V47">
            <v>2022</v>
          </cell>
          <cell r="W47">
            <v>2020</v>
          </cell>
          <cell r="X47">
            <v>2022</v>
          </cell>
          <cell r="Y47">
            <v>2022</v>
          </cell>
        </row>
        <row r="48">
          <cell r="A48">
            <v>38511</v>
          </cell>
          <cell r="C48" t="str">
            <v>Projects approved by all planning bodies (land-based)</v>
          </cell>
          <cell r="F48">
            <v>3100</v>
          </cell>
          <cell r="I48">
            <v>3454</v>
          </cell>
          <cell r="J48">
            <v>2200</v>
          </cell>
          <cell r="K48">
            <v>4243</v>
          </cell>
          <cell r="P48">
            <v>10454</v>
          </cell>
          <cell r="R48">
            <v>376</v>
          </cell>
          <cell r="S48">
            <v>297</v>
          </cell>
          <cell r="U48">
            <v>2797</v>
          </cell>
          <cell r="V48">
            <v>5093</v>
          </cell>
          <cell r="W48">
            <v>0</v>
          </cell>
          <cell r="X48">
            <v>6497</v>
          </cell>
        </row>
        <row r="49">
          <cell r="A49">
            <v>49391</v>
          </cell>
          <cell r="C49" t="str">
            <v>Projects approved by all planning bodies (offshore)</v>
          </cell>
          <cell r="I49">
            <v>400</v>
          </cell>
          <cell r="J49">
            <v>2530</v>
          </cell>
          <cell r="K49">
            <v>5630</v>
          </cell>
          <cell r="P49">
            <v>21274</v>
          </cell>
          <cell r="R49">
            <v>2300</v>
          </cell>
          <cell r="S49">
            <v>0</v>
          </cell>
          <cell r="V49">
            <v>639</v>
          </cell>
          <cell r="W49">
            <v>0</v>
          </cell>
          <cell r="X49">
            <v>16618</v>
          </cell>
        </row>
        <row r="50">
          <cell r="A50">
            <v>19153</v>
          </cell>
          <cell r="C50" t="str">
            <v>Projects currently under construction (land-based)</v>
          </cell>
          <cell r="I50">
            <v>3065</v>
          </cell>
          <cell r="P50">
            <v>485</v>
          </cell>
          <cell r="R50">
            <v>687</v>
          </cell>
          <cell r="S50">
            <v>0</v>
          </cell>
          <cell r="V50">
            <v>4279</v>
          </cell>
          <cell r="W50">
            <v>0</v>
          </cell>
          <cell r="X50">
            <v>1276</v>
          </cell>
          <cell r="Y50">
            <v>8511</v>
          </cell>
        </row>
        <row r="51">
          <cell r="A51">
            <v>5009</v>
          </cell>
          <cell r="C51" t="str">
            <v xml:space="preserve">Projects currently under construction (offshore) </v>
          </cell>
          <cell r="I51">
            <v>0</v>
          </cell>
          <cell r="K51">
            <v>86</v>
          </cell>
          <cell r="P51">
            <v>100</v>
          </cell>
          <cell r="R51">
            <v>2100</v>
          </cell>
          <cell r="S51">
            <v>0</v>
          </cell>
          <cell r="V51">
            <v>0</v>
          </cell>
          <cell r="W51">
            <v>0</v>
          </cell>
          <cell r="X51">
            <v>2723</v>
          </cell>
        </row>
        <row r="53">
          <cell r="C53" t="str">
            <v>5.       Estimated Average Turbine Cost and Average Total Installed Project Cost</v>
          </cell>
          <cell r="D53">
            <v>2022</v>
          </cell>
          <cell r="E53">
            <v>2020</v>
          </cell>
          <cell r="F53">
            <v>2022</v>
          </cell>
          <cell r="G53">
            <v>2020</v>
          </cell>
          <cell r="H53">
            <v>2021</v>
          </cell>
          <cell r="J53">
            <v>2022</v>
          </cell>
          <cell r="K53">
            <v>2022</v>
          </cell>
          <cell r="M53">
            <v>2019</v>
          </cell>
          <cell r="N53">
            <v>2022</v>
          </cell>
          <cell r="O53">
            <v>2022</v>
          </cell>
          <cell r="P53">
            <v>2022</v>
          </cell>
          <cell r="R53">
            <v>2020</v>
          </cell>
          <cell r="S53">
            <v>2022</v>
          </cell>
          <cell r="T53">
            <v>2022</v>
          </cell>
          <cell r="U53">
            <v>2022</v>
          </cell>
          <cell r="V53">
            <v>2022</v>
          </cell>
          <cell r="W53">
            <v>2020</v>
          </cell>
          <cell r="X53">
            <v>2022</v>
          </cell>
          <cell r="Y53">
            <v>2022</v>
          </cell>
        </row>
        <row r="54">
          <cell r="C54" t="str">
            <v>Average Turbine Cost (land-based) (EUR/kW)</v>
          </cell>
          <cell r="P54">
            <v>950</v>
          </cell>
          <cell r="U54">
            <v>1150</v>
          </cell>
          <cell r="Y54">
            <v>991.44039103335763</v>
          </cell>
        </row>
        <row r="55">
          <cell r="C55" t="str">
            <v>Average Turbine Cost (offshore) (EUR/kW)</v>
          </cell>
          <cell r="P55">
            <v>1500</v>
          </cell>
        </row>
        <row r="56">
          <cell r="C56" t="str">
            <v>Average Total Installed Project Cost* (land-based) (EUR/kW)</v>
          </cell>
          <cell r="F56">
            <v>1311.73</v>
          </cell>
          <cell r="K56">
            <v>1896</v>
          </cell>
          <cell r="N56">
            <v>1121</v>
          </cell>
          <cell r="P56">
            <v>1700</v>
          </cell>
          <cell r="U56">
            <v>1470</v>
          </cell>
          <cell r="Y56">
            <v>1366.7786653731723</v>
          </cell>
        </row>
        <row r="57">
          <cell r="C57" t="str">
            <v>Average Total Installed Project Cost* (offshore)</v>
          </cell>
          <cell r="P57">
            <v>4160</v>
          </cell>
        </row>
        <row r="58">
          <cell r="C58" t="str">
            <v>*Include: costs for turbines, roads, electrical equipment, installation, development, and grid connection per kW of installed capacity.</v>
          </cell>
        </row>
        <row r="60">
          <cell r="C60" t="str">
            <v>6.       Estimated Jobs and Economic Impact of Wind Development</v>
          </cell>
          <cell r="D60">
            <v>2022</v>
          </cell>
          <cell r="E60">
            <v>2020</v>
          </cell>
          <cell r="F60">
            <v>2022</v>
          </cell>
          <cell r="G60">
            <v>2022</v>
          </cell>
          <cell r="H60">
            <v>2021</v>
          </cell>
          <cell r="J60">
            <v>2022</v>
          </cell>
          <cell r="K60">
            <v>2022</v>
          </cell>
          <cell r="M60">
            <v>2019</v>
          </cell>
          <cell r="N60">
            <v>2022</v>
          </cell>
          <cell r="O60">
            <v>2022</v>
          </cell>
          <cell r="P60">
            <v>2022</v>
          </cell>
          <cell r="R60">
            <v>2020</v>
          </cell>
          <cell r="S60">
            <v>2022</v>
          </cell>
          <cell r="T60">
            <v>2022</v>
          </cell>
          <cell r="U60">
            <v>2022</v>
          </cell>
          <cell r="V60">
            <v>2022</v>
          </cell>
          <cell r="W60">
            <v>2020</v>
          </cell>
          <cell r="X60">
            <v>2022</v>
          </cell>
          <cell r="Y60">
            <v>2022</v>
          </cell>
        </row>
        <row r="61">
          <cell r="A61">
            <v>831147</v>
          </cell>
          <cell r="C61" t="str">
            <v>Estimated Number of Jobs (direct and indirect)</v>
          </cell>
          <cell r="D61">
            <v>5950</v>
          </cell>
          <cell r="F61">
            <v>4462</v>
          </cell>
          <cell r="G61">
            <v>610000</v>
          </cell>
          <cell r="H61">
            <v>32721</v>
          </cell>
          <cell r="J61">
            <v>25500</v>
          </cell>
          <cell r="N61">
            <v>16000</v>
          </cell>
          <cell r="P61">
            <v>1800</v>
          </cell>
          <cell r="T61">
            <v>3250</v>
          </cell>
          <cell r="Y61">
            <v>125164</v>
          </cell>
        </row>
        <row r="62">
          <cell r="A62">
            <v>40625490000</v>
          </cell>
          <cell r="C62" t="str">
            <v>Economic Impact (direct and indirect) EUR</v>
          </cell>
          <cell r="H62">
            <v>13923000000</v>
          </cell>
          <cell r="K62">
            <v>8359000000</v>
          </cell>
          <cell r="N62">
            <v>4523490000</v>
          </cell>
          <cell r="P62">
            <v>820000000</v>
          </cell>
          <cell r="Y62">
            <v>13000000000</v>
          </cell>
        </row>
        <row r="63">
          <cell r="H63" t="str">
            <v>USD</v>
          </cell>
          <cell r="Y63" t="str">
            <v>USD 13 Billion</v>
          </cell>
        </row>
        <row r="64">
          <cell r="C64" t="str">
            <v>7.       National R&amp;D Budget</v>
          </cell>
          <cell r="D64">
            <v>2022</v>
          </cell>
          <cell r="E64">
            <v>2020</v>
          </cell>
          <cell r="F64">
            <v>2022</v>
          </cell>
          <cell r="G64">
            <v>2019</v>
          </cell>
          <cell r="H64">
            <v>2021</v>
          </cell>
          <cell r="I64">
            <v>2022</v>
          </cell>
          <cell r="J64">
            <v>2022</v>
          </cell>
          <cell r="K64">
            <v>2022</v>
          </cell>
          <cell r="M64">
            <v>2021</v>
          </cell>
          <cell r="N64">
            <v>2022</v>
          </cell>
          <cell r="O64">
            <v>2022</v>
          </cell>
          <cell r="P64">
            <v>2022</v>
          </cell>
          <cell r="R64">
            <v>2022</v>
          </cell>
          <cell r="S64">
            <v>2022</v>
          </cell>
          <cell r="T64">
            <v>2022</v>
          </cell>
          <cell r="U64">
            <v>2022</v>
          </cell>
          <cell r="V64">
            <v>2022</v>
          </cell>
          <cell r="W64">
            <v>2021</v>
          </cell>
          <cell r="X64">
            <v>2022</v>
          </cell>
          <cell r="Y64">
            <v>2022</v>
          </cell>
        </row>
        <row r="65">
          <cell r="A65">
            <v>383007800</v>
          </cell>
          <cell r="C65" t="str">
            <v>National R&amp;D Budget (EUR)</v>
          </cell>
          <cell r="F65">
            <v>9678000</v>
          </cell>
          <cell r="G65">
            <v>9360000</v>
          </cell>
          <cell r="H65">
            <v>18207000</v>
          </cell>
          <cell r="I65">
            <v>974000</v>
          </cell>
          <cell r="K65">
            <v>68657000</v>
          </cell>
          <cell r="M65">
            <v>8910000</v>
          </cell>
          <cell r="O65">
            <v>55200000</v>
          </cell>
          <cell r="P65">
            <v>45000000</v>
          </cell>
          <cell r="R65">
            <v>30000000</v>
          </cell>
          <cell r="S65">
            <v>12000000</v>
          </cell>
          <cell r="V65">
            <v>3840000</v>
          </cell>
          <cell r="W65">
            <v>7181800</v>
          </cell>
          <cell r="Y65">
            <v>114000000</v>
          </cell>
        </row>
        <row r="66">
          <cell r="H66" t="str">
            <v>USD</v>
          </cell>
          <cell r="M66" t="str">
            <v xml:space="preserve">SEAI 19  projects, on foot of its 2021 R,D&amp;D call </v>
          </cell>
          <cell r="P66" t="str">
            <v>USD</v>
          </cell>
          <cell r="W66" t="str">
            <v>7,45 mCHF 2020</v>
          </cell>
        </row>
        <row r="68">
          <cell r="C68" t="str">
            <v xml:space="preserve">(Mark all that apply; add a description in the blank row for any new incentive scheme not listed in this table.) </v>
          </cell>
        </row>
        <row r="69">
          <cell r="C69" t="str">
            <v>8. Incentive Program</v>
          </cell>
          <cell r="D69">
            <v>2022</v>
          </cell>
          <cell r="F69">
            <v>2022</v>
          </cell>
          <cell r="G69">
            <v>2019</v>
          </cell>
          <cell r="H69">
            <v>2021</v>
          </cell>
          <cell r="I69">
            <v>2022</v>
          </cell>
          <cell r="J69">
            <v>2018</v>
          </cell>
          <cell r="K69">
            <v>2022</v>
          </cell>
          <cell r="M69">
            <v>2019</v>
          </cell>
          <cell r="N69">
            <v>2022</v>
          </cell>
          <cell r="O69">
            <v>2022</v>
          </cell>
          <cell r="P69">
            <v>2022</v>
          </cell>
          <cell r="R69">
            <v>2021</v>
          </cell>
          <cell r="S69">
            <v>2022</v>
          </cell>
          <cell r="T69">
            <v>2021</v>
          </cell>
          <cell r="U69">
            <v>2022</v>
          </cell>
          <cell r="V69">
            <v>2022</v>
          </cell>
          <cell r="W69">
            <v>2020</v>
          </cell>
          <cell r="X69">
            <v>2022</v>
          </cell>
          <cell r="Y69">
            <v>2022</v>
          </cell>
        </row>
        <row r="70">
          <cell r="C70" t="str">
            <v>Auctions for guaranteed price</v>
          </cell>
          <cell r="D70" t="str">
            <v>No</v>
          </cell>
          <cell r="F70" t="str">
            <v>Yes</v>
          </cell>
          <cell r="G70" t="str">
            <v>Yes</v>
          </cell>
          <cell r="H70" t="str">
            <v>No</v>
          </cell>
          <cell r="K70" t="str">
            <v>Yes</v>
          </cell>
          <cell r="N70" t="str">
            <v>No</v>
          </cell>
          <cell r="P70" t="str">
            <v>Yes</v>
          </cell>
          <cell r="U70" t="str">
            <v>Yes</v>
          </cell>
          <cell r="X70" t="str">
            <v>Yes</v>
          </cell>
        </row>
        <row r="71">
          <cell r="C71" t="str">
            <v>Auctions for premium</v>
          </cell>
          <cell r="D71" t="str">
            <v>yes</v>
          </cell>
          <cell r="H71" t="str">
            <v>Yes</v>
          </cell>
          <cell r="Y71" t="str">
            <v>Yes</v>
          </cell>
        </row>
        <row r="72">
          <cell r="C72" t="str">
            <v>Capital subsidies</v>
          </cell>
          <cell r="D72" t="str">
            <v>No</v>
          </cell>
          <cell r="F72" t="str">
            <v>Yes</v>
          </cell>
          <cell r="H72" t="str">
            <v>No</v>
          </cell>
        </row>
        <row r="73">
          <cell r="C73" t="str">
            <v xml:space="preserve">Feed-in tariff (FIT) </v>
          </cell>
          <cell r="D73" t="str">
            <v>No</v>
          </cell>
          <cell r="G73" t="str">
            <v>Yes</v>
          </cell>
          <cell r="H73" t="str">
            <v>No</v>
          </cell>
          <cell r="M73" t="str">
            <v>Yes</v>
          </cell>
          <cell r="N73" t="str">
            <v>Yes</v>
          </cell>
          <cell r="O73" t="str">
            <v>Yes</v>
          </cell>
          <cell r="P73" t="str">
            <v>Yes</v>
          </cell>
          <cell r="T73" t="str">
            <v>Yes</v>
          </cell>
          <cell r="W73" t="str">
            <v>Yes</v>
          </cell>
          <cell r="X73" t="str">
            <v>Yes</v>
          </cell>
          <cell r="Y73" t="str">
            <v>Yes</v>
          </cell>
        </row>
        <row r="74">
          <cell r="C74" t="str">
            <v>Variable premium over market price</v>
          </cell>
          <cell r="D74" t="str">
            <v>Yes</v>
          </cell>
          <cell r="H74" t="str">
            <v>No</v>
          </cell>
          <cell r="I74" t="str">
            <v>Yes</v>
          </cell>
          <cell r="J74" t="str">
            <v>Yes</v>
          </cell>
          <cell r="W74" t="str">
            <v>Yes</v>
          </cell>
          <cell r="X74" t="str">
            <v>Yes</v>
          </cell>
        </row>
        <row r="75">
          <cell r="C75" t="str">
            <v>Fixed premium over the market price</v>
          </cell>
          <cell r="D75" t="str">
            <v>No</v>
          </cell>
          <cell r="H75" t="str">
            <v>No</v>
          </cell>
          <cell r="J75" t="str">
            <v>No</v>
          </cell>
        </row>
        <row r="76">
          <cell r="C76" t="str">
            <v>Income tax credits</v>
          </cell>
          <cell r="D76" t="str">
            <v>No</v>
          </cell>
          <cell r="F76" t="str">
            <v>Yes</v>
          </cell>
          <cell r="G76" t="str">
            <v>Yes</v>
          </cell>
          <cell r="H76" t="str">
            <v>No</v>
          </cell>
          <cell r="Y76" t="str">
            <v>Yes</v>
          </cell>
        </row>
        <row r="77">
          <cell r="C77" t="str">
            <v>Relief from import tax</v>
          </cell>
          <cell r="D77" t="str">
            <v>No</v>
          </cell>
          <cell r="G77" t="str">
            <v>Yes</v>
          </cell>
          <cell r="H77" t="str">
            <v>No</v>
          </cell>
        </row>
        <row r="78">
          <cell r="C78" t="str">
            <v>Renewable portfolio standards (RPS), renewables production obligation (RPO), or renewables obligation (RO)</v>
          </cell>
          <cell r="D78" t="str">
            <v>No</v>
          </cell>
          <cell r="F78" t="str">
            <v>Yes</v>
          </cell>
          <cell r="H78" t="str">
            <v>No</v>
          </cell>
          <cell r="N78" t="str">
            <v>Yes</v>
          </cell>
          <cell r="P78" t="str">
            <v>Yes</v>
          </cell>
          <cell r="S78" t="str">
            <v>Yes</v>
          </cell>
          <cell r="X78" t="str">
            <v>No</v>
          </cell>
          <cell r="Y78" t="str">
            <v>Yes</v>
          </cell>
        </row>
        <row r="79">
          <cell r="C79" t="str">
            <v>Green certificates</v>
          </cell>
          <cell r="D79" t="str">
            <v>No</v>
          </cell>
          <cell r="G79" t="str">
            <v>Yes</v>
          </cell>
          <cell r="H79" t="str">
            <v>No</v>
          </cell>
          <cell r="N79" t="str">
            <v>Yes</v>
          </cell>
          <cell r="S79" t="str">
            <v>No</v>
          </cell>
          <cell r="V79" t="str">
            <v>No</v>
          </cell>
          <cell r="Y79" t="str">
            <v>Yes</v>
          </cell>
        </row>
        <row r="80">
          <cell r="C80" t="str">
            <v>Green electricity schemes</v>
          </cell>
          <cell r="D80" t="str">
            <v>Yes</v>
          </cell>
          <cell r="H80" t="str">
            <v>Yes</v>
          </cell>
          <cell r="I80" t="str">
            <v>Yes</v>
          </cell>
          <cell r="M80" t="str">
            <v>Yes</v>
          </cell>
          <cell r="R80" t="str">
            <v>Yes</v>
          </cell>
          <cell r="S80" t="str">
            <v>No</v>
          </cell>
          <cell r="V80" t="str">
            <v>No</v>
          </cell>
          <cell r="Y80" t="str">
            <v>Yes</v>
          </cell>
        </row>
        <row r="81">
          <cell r="C81" t="str">
            <v>Carbon tax</v>
          </cell>
          <cell r="D81" t="str">
            <v>Yes</v>
          </cell>
          <cell r="F81" t="str">
            <v>Yes</v>
          </cell>
          <cell r="H81" t="str">
            <v>No</v>
          </cell>
          <cell r="M81" t="str">
            <v>Yes</v>
          </cell>
          <cell r="S81" t="str">
            <v>Yes</v>
          </cell>
          <cell r="U81" t="str">
            <v>Yes</v>
          </cell>
          <cell r="V81" t="str">
            <v>Yes</v>
          </cell>
          <cell r="X81" t="str">
            <v>Yes</v>
          </cell>
        </row>
        <row r="82">
          <cell r="C82" t="str">
            <v>Investment funds for wind energy</v>
          </cell>
          <cell r="D82" t="str">
            <v>No</v>
          </cell>
          <cell r="H82" t="str">
            <v>No</v>
          </cell>
          <cell r="M82" t="str">
            <v>Yes</v>
          </cell>
          <cell r="V82" t="str">
            <v>No</v>
          </cell>
          <cell r="X82" t="str">
            <v>Yes</v>
          </cell>
          <cell r="Y82" t="str">
            <v>Yes</v>
          </cell>
        </row>
        <row r="83">
          <cell r="C83" t="str">
            <v>Spatial planning activities</v>
          </cell>
          <cell r="D83" t="str">
            <v>Yes</v>
          </cell>
          <cell r="G83" t="str">
            <v>Yes</v>
          </cell>
          <cell r="H83" t="str">
            <v>Yes</v>
          </cell>
          <cell r="I83" t="str">
            <v>Yes</v>
          </cell>
          <cell r="J83" t="str">
            <v>Yes</v>
          </cell>
          <cell r="M83" t="str">
            <v>Yes</v>
          </cell>
          <cell r="P83" t="str">
            <v>Yes</v>
          </cell>
          <cell r="R83" t="str">
            <v>Yes</v>
          </cell>
          <cell r="T83" t="str">
            <v>Yes</v>
          </cell>
          <cell r="U83" t="str">
            <v>Yes</v>
          </cell>
          <cell r="V83" t="str">
            <v>Yes</v>
          </cell>
          <cell r="W83" t="str">
            <v>Yes</v>
          </cell>
          <cell r="X83" t="str">
            <v>Yes</v>
          </cell>
          <cell r="Y83" t="str">
            <v>Yes</v>
          </cell>
        </row>
        <row r="84">
          <cell r="C84" t="str">
            <v>Special incentives for small wind</v>
          </cell>
          <cell r="D84" t="str">
            <v>No</v>
          </cell>
          <cell r="F84" t="str">
            <v>Yes</v>
          </cell>
          <cell r="H84" t="str">
            <v>No</v>
          </cell>
          <cell r="M84" t="str">
            <v>Yes</v>
          </cell>
          <cell r="N84" t="str">
            <v>Yes</v>
          </cell>
          <cell r="P84" t="str">
            <v>No</v>
          </cell>
          <cell r="T84" t="str">
            <v>Yes</v>
          </cell>
          <cell r="U84" t="str">
            <v>Yes</v>
          </cell>
          <cell r="V84" t="str">
            <v>No</v>
          </cell>
          <cell r="X84" t="str">
            <v>Yes</v>
          </cell>
          <cell r="Y84" t="str">
            <v>Yes</v>
          </cell>
        </row>
        <row r="85">
          <cell r="C85" t="str">
            <v xml:space="preserve">Other: </v>
          </cell>
          <cell r="D85" t="str">
            <v>Yes</v>
          </cell>
          <cell r="K85" t="str">
            <v>Yes</v>
          </cell>
          <cell r="Y85" t="str">
            <v>Yes</v>
          </cell>
        </row>
        <row r="86">
          <cell r="D86" t="str">
            <v>Note: include comment (which year it was updated)</v>
          </cell>
          <cell r="K86" t="str">
            <v>grid</v>
          </cell>
        </row>
        <row r="87">
          <cell r="C87" t="str">
            <v xml:space="preserve">Color Key: </v>
          </cell>
        </row>
        <row r="88">
          <cell r="C88" t="str">
            <v>Fiscal incentives</v>
          </cell>
        </row>
        <row r="89">
          <cell r="C89" t="str">
            <v>Market-oriented regulatory policy standards</v>
          </cell>
        </row>
        <row r="90">
          <cell r="C90" t="str">
            <v>Planning and policy</v>
          </cell>
        </row>
        <row r="91">
          <cell r="C91" t="str">
            <v>Small / embedded wind</v>
          </cell>
        </row>
        <row r="92">
          <cell r="C92" t="str">
            <v>Cap factor all : operating whole year minus calculated</v>
          </cell>
          <cell r="D92" t="str">
            <v/>
          </cell>
          <cell r="E92" t="str">
            <v/>
          </cell>
          <cell r="F92" t="str">
            <v/>
          </cell>
          <cell r="G92">
            <v>1.5301469965381398E-3</v>
          </cell>
          <cell r="H92" t="str">
            <v/>
          </cell>
          <cell r="I92">
            <v>3.7073531122318426E-2</v>
          </cell>
          <cell r="J92" t="str">
            <v/>
          </cell>
          <cell r="K92" t="str">
            <v/>
          </cell>
          <cell r="M92">
            <v>-3.0805431211963219E-3</v>
          </cell>
          <cell r="N92">
            <v>2.7592770413433776E-3</v>
          </cell>
          <cell r="O92" t="str">
            <v/>
          </cell>
          <cell r="P92" t="str">
            <v/>
          </cell>
          <cell r="Q92" t="str">
            <v/>
          </cell>
          <cell r="R92" t="str">
            <v/>
          </cell>
          <cell r="S92" t="str">
            <v/>
          </cell>
          <cell r="T92">
            <v>-7.8154192123064403E-4</v>
          </cell>
          <cell r="U92" t="str">
            <v/>
          </cell>
          <cell r="V92" t="str">
            <v/>
          </cell>
          <cell r="W92">
            <v>1.7927265875259113E-3</v>
          </cell>
          <cell r="X92" t="str">
            <v/>
          </cell>
          <cell r="Y92" t="str">
            <v/>
          </cell>
        </row>
        <row r="93">
          <cell r="C93" t="str">
            <v>Cap factor offshore : operating whole year minus calculated</v>
          </cell>
          <cell r="D93" t="str">
            <v/>
          </cell>
          <cell r="E93" t="str">
            <v/>
          </cell>
          <cell r="F93" t="str">
            <v/>
          </cell>
          <cell r="G93">
            <v>-1.9773487358522468E-2</v>
          </cell>
          <cell r="H93" t="str">
            <v/>
          </cell>
          <cell r="I93" t="str">
            <v/>
          </cell>
          <cell r="J93" t="str">
            <v/>
          </cell>
          <cell r="K93" t="str">
            <v/>
          </cell>
          <cell r="M93" t="str">
            <v/>
          </cell>
          <cell r="N93" t="str">
            <v/>
          </cell>
          <cell r="O93" t="str">
            <v/>
          </cell>
          <cell r="P93" t="str">
            <v/>
          </cell>
          <cell r="Q93" t="str">
            <v/>
          </cell>
          <cell r="R93" t="str">
            <v/>
          </cell>
          <cell r="S93">
            <v>0.45200000000000001</v>
          </cell>
          <cell r="T93" t="str">
            <v/>
          </cell>
          <cell r="U93" t="str">
            <v/>
          </cell>
          <cell r="V93" t="str">
            <v/>
          </cell>
          <cell r="W93" t="str">
            <v/>
          </cell>
          <cell r="X93" t="str">
            <v/>
          </cell>
          <cell r="Y93">
            <v>0</v>
          </cell>
        </row>
        <row r="94">
          <cell r="C94" t="str">
            <v>Cap factor onshore : operating whole year minus calculated</v>
          </cell>
          <cell r="D94" t="str">
            <v/>
          </cell>
          <cell r="E94" t="str">
            <v/>
          </cell>
          <cell r="F94" t="str">
            <v/>
          </cell>
          <cell r="G94">
            <v>3.9566520046387665E-3</v>
          </cell>
          <cell r="H94" t="str">
            <v/>
          </cell>
          <cell r="I94" t="str">
            <v/>
          </cell>
          <cell r="J94" t="str">
            <v/>
          </cell>
          <cell r="K94" t="str">
            <v/>
          </cell>
          <cell r="M94" t="str">
            <v/>
          </cell>
          <cell r="N94">
            <v>2.4849356371506037E-3</v>
          </cell>
          <cell r="O94" t="str">
            <v/>
          </cell>
          <cell r="P94" t="str">
            <v/>
          </cell>
          <cell r="Q94" t="str">
            <v/>
          </cell>
          <cell r="R94" t="str">
            <v/>
          </cell>
          <cell r="S94">
            <v>1.0798545748042621E-2</v>
          </cell>
          <cell r="T94" t="str">
            <v/>
          </cell>
          <cell r="U94" t="str">
            <v/>
          </cell>
          <cell r="V94" t="str">
            <v/>
          </cell>
          <cell r="W94">
            <v>-8.2072734124740976E-3</v>
          </cell>
          <cell r="X94" t="str">
            <v/>
          </cell>
          <cell r="Y94" t="str">
            <v/>
          </cell>
        </row>
        <row r="95">
          <cell r="C95" t="str">
            <v>Calculated values for tables</v>
          </cell>
        </row>
        <row r="96">
          <cell r="A96" t="str">
            <v>T2 T6</v>
          </cell>
          <cell r="C96" t="str">
            <v>increase in capacity%</v>
          </cell>
          <cell r="D96">
            <v>8.0752884031572561E-2</v>
          </cell>
          <cell r="E96">
            <v>5.8200630506830497E-2</v>
          </cell>
          <cell r="F96">
            <v>7.032298657718121E-2</v>
          </cell>
          <cell r="G96">
            <v>0.11697021111423517</v>
          </cell>
          <cell r="H96">
            <v>1.14962898893402E-2</v>
          </cell>
          <cell r="I96">
            <v>0.74332207552962848</v>
          </cell>
          <cell r="J96">
            <v>9.7889985303380223E-2</v>
          </cell>
          <cell r="K96">
            <v>3.8816253033743052E-2</v>
          </cell>
          <cell r="L96">
            <v>4.6079385275553227E-2</v>
          </cell>
          <cell r="M96">
            <v>3.8059874680900441E-2</v>
          </cell>
          <cell r="N96">
            <v>4.1493400831676006E-2</v>
          </cell>
          <cell r="O96">
            <v>4.9869914077701742E-2</v>
          </cell>
          <cell r="P96">
            <v>5.5787354477285327E-2</v>
          </cell>
          <cell r="R96">
            <v>0.1290822253775655</v>
          </cell>
          <cell r="S96">
            <v>7.9591402426048091E-2</v>
          </cell>
          <cell r="T96">
            <v>4.9618996987418037E-3</v>
          </cell>
          <cell r="U96">
            <v>5.930858969500824E-2</v>
          </cell>
          <cell r="V96">
            <v>0.17852426543413669</v>
          </cell>
          <cell r="W96">
            <v>0</v>
          </cell>
          <cell r="X96">
            <v>0.11703657635946671</v>
          </cell>
          <cell r="Y96">
            <v>6.0984943261263115E-2</v>
          </cell>
        </row>
        <row r="97">
          <cell r="A97" t="str">
            <v>T2 T6</v>
          </cell>
          <cell r="C97" t="str">
            <v>capacity relative to country size kW/km2</v>
          </cell>
          <cell r="D97">
            <v>42.38095238095238</v>
          </cell>
          <cell r="E97">
            <v>172.93262879788639</v>
          </cell>
          <cell r="F97">
            <v>1.6836078753774535</v>
          </cell>
          <cell r="G97">
            <v>40.334942708333337</v>
          </cell>
          <cell r="H97">
            <v>163.5819654955647</v>
          </cell>
          <cell r="I97">
            <v>16.777769898115974</v>
          </cell>
          <cell r="J97">
            <v>37.91406483654918</v>
          </cell>
          <cell r="K97">
            <v>185.53247181804707</v>
          </cell>
          <cell r="L97">
            <v>12.755292168591318</v>
          </cell>
          <cell r="M97">
            <v>63.651758143241359</v>
          </cell>
          <cell r="N97">
            <v>38.232814978529092</v>
          </cell>
          <cell r="O97">
            <v>12.704543951319531</v>
          </cell>
          <cell r="P97">
            <v>18.018157083871941</v>
          </cell>
          <cell r="R97">
            <v>210.55292106973496</v>
          </cell>
          <cell r="S97">
            <v>13.169542609557977</v>
          </cell>
          <cell r="T97">
            <v>61.499587906129356</v>
          </cell>
          <cell r="U97">
            <v>58.949406114745351</v>
          </cell>
          <cell r="V97">
            <v>31.913015298311485</v>
          </cell>
          <cell r="W97">
            <v>2.107302894513746</v>
          </cell>
          <cell r="X97">
            <v>118.50965999298954</v>
          </cell>
          <cell r="Y97">
            <v>14.626004305841779</v>
          </cell>
        </row>
        <row r="98">
          <cell r="A98" t="str">
            <v>T4 T8</v>
          </cell>
          <cell r="C98" t="str">
            <v>average capacity of all turbines MW</v>
          </cell>
          <cell r="D98">
            <v>2.6061493411420207</v>
          </cell>
          <cell r="E98">
            <v>0</v>
          </cell>
          <cell r="F98">
            <v>2.1251943364797334</v>
          </cell>
          <cell r="G98">
            <v>2.1315394142904327</v>
          </cell>
          <cell r="H98">
            <v>1.0057270254795303</v>
          </cell>
          <cell r="I98">
            <v>4.0760947595118449</v>
          </cell>
          <cell r="J98">
            <v>0</v>
          </cell>
          <cell r="K98">
            <v>2.21279434327263</v>
          </cell>
          <cell r="L98">
            <v>0</v>
          </cell>
          <cell r="M98">
            <v>0</v>
          </cell>
          <cell r="N98">
            <v>1.5512319913827926</v>
          </cell>
          <cell r="O98">
            <v>1.8314263920671243</v>
          </cell>
          <cell r="P98">
            <v>2.3285070785070783</v>
          </cell>
          <cell r="R98">
            <v>2.8982770046388335</v>
          </cell>
          <cell r="S98">
            <v>3.6548991354466858</v>
          </cell>
          <cell r="T98">
            <v>1.9996473906911143</v>
          </cell>
          <cell r="U98">
            <v>1.3532261137827784</v>
          </cell>
          <cell r="V98">
            <v>2.7651045701006973</v>
          </cell>
          <cell r="W98">
            <v>2.0714285714285716</v>
          </cell>
          <cell r="X98">
            <v>2.4939685845699904</v>
          </cell>
          <cell r="Y98">
            <v>1.9822771582956373</v>
          </cell>
        </row>
        <row r="99">
          <cell r="A99" t="str">
            <v>T8</v>
          </cell>
          <cell r="C99" t="str">
            <v>average capacity of offshore turbines MW</v>
          </cell>
          <cell r="D99">
            <v>0</v>
          </cell>
          <cell r="E99">
            <v>0</v>
          </cell>
          <cell r="F99">
            <v>0</v>
          </cell>
          <cell r="G99">
            <v>5.1430883344571816</v>
          </cell>
          <cell r="H99">
            <v>3.6596825396825396</v>
          </cell>
          <cell r="I99">
            <v>3.6350000000000002</v>
          </cell>
          <cell r="J99">
            <v>0</v>
          </cell>
          <cell r="K99">
            <v>5.2735542560103967</v>
          </cell>
          <cell r="L99">
            <v>0</v>
          </cell>
          <cell r="M99">
            <v>0</v>
          </cell>
          <cell r="N99">
            <v>3</v>
          </cell>
          <cell r="O99">
            <v>2.9347826086956523</v>
          </cell>
          <cell r="P99">
            <v>2.9857142857142858</v>
          </cell>
          <cell r="R99">
            <v>5.4470338983050848</v>
          </cell>
          <cell r="S99">
            <v>2.95</v>
          </cell>
          <cell r="T99">
            <v>8.4</v>
          </cell>
          <cell r="U99">
            <v>5</v>
          </cell>
          <cell r="V99">
            <v>2.5733333333333333</v>
          </cell>
          <cell r="W99">
            <v>0</v>
          </cell>
          <cell r="X99">
            <v>5.2518853695324283</v>
          </cell>
          <cell r="Y99">
            <v>6</v>
          </cell>
        </row>
        <row r="100">
          <cell r="A100" t="str">
            <v>T4</v>
          </cell>
          <cell r="C100" t="str">
            <v>average capacity of land-based turbines MW</v>
          </cell>
          <cell r="D100">
            <v>2.6061493411420207</v>
          </cell>
          <cell r="E100">
            <v>0</v>
          </cell>
          <cell r="F100">
            <v>2.1251943364797334</v>
          </cell>
          <cell r="G100">
            <v>2.0298794159155058</v>
          </cell>
          <cell r="H100">
            <v>0.7426697608558841</v>
          </cell>
          <cell r="I100">
            <v>4.0825200291332848</v>
          </cell>
          <cell r="J100">
            <v>0</v>
          </cell>
          <cell r="K100">
            <v>2.0471820834651759</v>
          </cell>
          <cell r="L100">
            <v>0</v>
          </cell>
          <cell r="M100">
            <v>0</v>
          </cell>
          <cell r="N100">
            <v>1.5492786841040853</v>
          </cell>
          <cell r="O100">
            <v>1.8117236024844721</v>
          </cell>
          <cell r="P100">
            <v>2.2842719780219776</v>
          </cell>
          <cell r="R100">
            <v>2.4257659073055775</v>
          </cell>
          <cell r="S100">
            <v>3.655916305916306</v>
          </cell>
          <cell r="T100">
            <v>1.9928697493822802</v>
          </cell>
          <cell r="U100">
            <v>1.3530606596796879</v>
          </cell>
          <cell r="V100">
            <v>2.7679308312045587</v>
          </cell>
          <cell r="W100">
            <v>2.0714285714285716</v>
          </cell>
          <cell r="X100">
            <v>1.6694848382369518</v>
          </cell>
          <cell r="Y100">
            <v>1.9818904350695781</v>
          </cell>
        </row>
      </sheetData>
      <sheetData sheetId="8"/>
      <sheetData sheetId="9"/>
      <sheetData sheetId="10"/>
      <sheetData sheetId="11"/>
      <sheetData sheetId="12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drawing" Target="../drawings/drawing5.xml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inflation.eu/en/inflation-rates/europe/historic-inflation/hicp-inflation-europe-2020.aspx" TargetMode="External"/><Relationship Id="rId2" Type="http://schemas.openxmlformats.org/officeDocument/2006/relationships/hyperlink" Target="https://www.inflation.eu/inflation-rates/europe/historic-inflation/hicp-inflation-europe-2019.aspx" TargetMode="External"/><Relationship Id="rId1" Type="http://schemas.openxmlformats.org/officeDocument/2006/relationships/hyperlink" Target="http://www.inflation.eu/inflation-rates/europe/historic-inflation/hicp-inflation-europe-2018.aspx" TargetMode="External"/><Relationship Id="rId6" Type="http://schemas.openxmlformats.org/officeDocument/2006/relationships/drawing" Target="../drawings/drawing6.xml"/><Relationship Id="rId5" Type="http://schemas.openxmlformats.org/officeDocument/2006/relationships/hyperlink" Target="https://www.inflation.eu/en/inflation-rates/europe/historic-inflation/hicp-inflation-europe-2022.aspx" TargetMode="External"/><Relationship Id="rId4" Type="http://schemas.openxmlformats.org/officeDocument/2006/relationships/hyperlink" Target="https://www.inflation.eu/en/inflation-rates/europe/historic-inflation/hicp-inflation-europe-2021.aspx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hyperlink" Target="https://gwec.net/global-wind-report-2022/" TargetMode="Externa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hyperlink" Target="https://gwec.net/market-intelligence/resources/" TargetMode="External"/><Relationship Id="rId4" Type="http://schemas.openxmlformats.org/officeDocument/2006/relationships/comments" Target="../comments1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7BA2AD-ADA3-46F3-B10C-BA94C0FC0D06}">
  <dimension ref="A1:C27"/>
  <sheetViews>
    <sheetView tabSelected="1" zoomScale="91" workbookViewId="0">
      <selection activeCell="D6" sqref="D6"/>
    </sheetView>
  </sheetViews>
  <sheetFormatPr defaultColWidth="11.54296875" defaultRowHeight="14.5" x14ac:dyDescent="0.35"/>
  <sheetData>
    <row r="1" spans="1:3" ht="26" x14ac:dyDescent="0.6">
      <c r="A1" s="73" t="s">
        <v>273</v>
      </c>
    </row>
    <row r="3" spans="1:3" x14ac:dyDescent="0.35">
      <c r="B3" s="16" t="s">
        <v>182</v>
      </c>
      <c r="C3" t="s">
        <v>276</v>
      </c>
    </row>
    <row r="4" spans="1:3" x14ac:dyDescent="0.35">
      <c r="B4" s="16" t="s">
        <v>183</v>
      </c>
      <c r="C4" t="s">
        <v>274</v>
      </c>
    </row>
    <row r="5" spans="1:3" x14ac:dyDescent="0.35">
      <c r="B5" s="16" t="s">
        <v>184</v>
      </c>
      <c r="C5" t="s">
        <v>278</v>
      </c>
    </row>
    <row r="6" spans="1:3" x14ac:dyDescent="0.35">
      <c r="B6" s="16" t="s">
        <v>185</v>
      </c>
      <c r="C6" t="s">
        <v>275</v>
      </c>
    </row>
    <row r="7" spans="1:3" x14ac:dyDescent="0.35">
      <c r="B7" s="16" t="s">
        <v>186</v>
      </c>
      <c r="C7" t="s">
        <v>277</v>
      </c>
    </row>
    <row r="8" spans="1:3" x14ac:dyDescent="0.35">
      <c r="B8" s="16" t="s">
        <v>237</v>
      </c>
      <c r="C8" t="s">
        <v>272</v>
      </c>
    </row>
    <row r="9" spans="1:3" x14ac:dyDescent="0.35">
      <c r="B9" s="16"/>
    </row>
    <row r="10" spans="1:3" x14ac:dyDescent="0.35">
      <c r="B10" s="16" t="s">
        <v>187</v>
      </c>
      <c r="C10" t="s">
        <v>188</v>
      </c>
    </row>
    <row r="11" spans="1:3" x14ac:dyDescent="0.35">
      <c r="B11" s="16" t="s">
        <v>189</v>
      </c>
      <c r="C11" t="s">
        <v>190</v>
      </c>
    </row>
    <row r="12" spans="1:3" x14ac:dyDescent="0.35">
      <c r="B12" s="16" t="s">
        <v>191</v>
      </c>
      <c r="C12" t="s">
        <v>192</v>
      </c>
    </row>
    <row r="13" spans="1:3" x14ac:dyDescent="0.35">
      <c r="B13" s="16" t="s">
        <v>193</v>
      </c>
      <c r="C13" t="s">
        <v>194</v>
      </c>
    </row>
    <row r="14" spans="1:3" x14ac:dyDescent="0.35">
      <c r="B14" s="16" t="s">
        <v>195</v>
      </c>
      <c r="C14" t="s">
        <v>196</v>
      </c>
    </row>
    <row r="15" spans="1:3" x14ac:dyDescent="0.35">
      <c r="B15" s="16" t="s">
        <v>197</v>
      </c>
      <c r="C15" t="s">
        <v>198</v>
      </c>
    </row>
    <row r="16" spans="1:3" x14ac:dyDescent="0.35">
      <c r="B16" s="16"/>
    </row>
    <row r="17" spans="2:2" x14ac:dyDescent="0.35">
      <c r="B17" s="2"/>
    </row>
    <row r="18" spans="2:2" x14ac:dyDescent="0.35">
      <c r="B18" s="16"/>
    </row>
    <row r="19" spans="2:2" x14ac:dyDescent="0.35">
      <c r="B19" s="16"/>
    </row>
    <row r="20" spans="2:2" x14ac:dyDescent="0.35">
      <c r="B20" s="16"/>
    </row>
    <row r="21" spans="2:2" x14ac:dyDescent="0.35">
      <c r="B21" s="16"/>
    </row>
    <row r="22" spans="2:2" x14ac:dyDescent="0.35">
      <c r="B22" s="16"/>
    </row>
    <row r="23" spans="2:2" x14ac:dyDescent="0.35">
      <c r="B23" s="16"/>
    </row>
    <row r="24" spans="2:2" x14ac:dyDescent="0.35">
      <c r="B24" s="16"/>
    </row>
    <row r="25" spans="2:2" x14ac:dyDescent="0.35">
      <c r="B25" s="16"/>
    </row>
    <row r="26" spans="2:2" x14ac:dyDescent="0.35">
      <c r="B26" s="16"/>
    </row>
    <row r="27" spans="2:2" x14ac:dyDescent="0.35">
      <c r="B27" s="16"/>
    </row>
  </sheetData>
  <hyperlinks>
    <hyperlink ref="B3" location="'T1 stats'!A1" display="Table 1" xr:uid="{C3E19F95-CC4C-4415-BEA8-0F6AD71C5DB8}"/>
    <hyperlink ref="B4" location="'T2 ranking'!A1" display="Table 2" xr:uid="{52FAE31F-64D6-403E-BBF8-458491528260}"/>
    <hyperlink ref="B10" location="'Fig1 IEA cap'!A1" display="Figure 1" xr:uid="{27823B9A-CA91-45A6-B7B9-9520D0C22349}"/>
    <hyperlink ref="B11" location="'Fig2 Offshore'!A1" display="Figure 2" xr:uid="{F31FABB2-4F0E-4B7B-AF3F-348522AB89FD}"/>
    <hyperlink ref="B12" location="'Fig3 Wind share'!A1" display="Figure 3" xr:uid="{F36856BC-F7A7-4EFD-95BF-D6323B9B0FF4}"/>
    <hyperlink ref="B13" location="'Figs4 Ave size of turbines'!A1" display="Figure 4" xr:uid="{700725D8-97FE-467C-BA4E-1FA3D00B510B}"/>
    <hyperlink ref="B14" location="'Fig5 CF'!A1" display="Figure 5" xr:uid="{BDD553D7-2D1C-4E55-BCEF-0058D5F6C3FF}"/>
    <hyperlink ref="B15" location="'Fig6 Cost'!A1" display="Figure 6" xr:uid="{1CEB6331-5C79-492C-B019-44964EC3815B}"/>
    <hyperlink ref="B5" location="'T3 next term'!A1" display="Table 3" xr:uid="{3C1D2BA3-14EB-417C-9B6B-A362744685C3}"/>
    <hyperlink ref="B6" location="'T4 benefit'!A1" display="Table 4" xr:uid="{E833DBB9-DE22-4DC5-9C51-863865F353C3}"/>
    <hyperlink ref="B7" location="'T5 RDD'!A1" display="Table 5" xr:uid="{610BA805-7FC0-45AB-BD4D-6AA181E4A8C8}"/>
    <hyperlink ref="B8" location="'T6. Subsidies'!A1" display="Table 6" xr:uid="{407A0DB9-1F49-46E7-8543-94C7B476AFBB}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9F049E-E170-43BC-A171-561BD5E1FC91}">
  <sheetPr>
    <tabColor theme="9"/>
  </sheetPr>
  <dimension ref="A1:AD68"/>
  <sheetViews>
    <sheetView topLeftCell="A45" zoomScale="87" zoomScaleNormal="61" workbookViewId="0">
      <selection activeCell="C63" sqref="C63"/>
    </sheetView>
  </sheetViews>
  <sheetFormatPr defaultColWidth="9.08984375" defaultRowHeight="14.5" x14ac:dyDescent="0.35"/>
  <cols>
    <col min="1" max="1" width="14.81640625" customWidth="1"/>
    <col min="2" max="2" width="26" customWidth="1"/>
    <col min="3" max="3" width="14.36328125" customWidth="1"/>
    <col min="19" max="19" width="15.1796875" bestFit="1" customWidth="1"/>
  </cols>
  <sheetData>
    <row r="1" spans="1:19" x14ac:dyDescent="0.35">
      <c r="A1" s="16" t="s">
        <v>217</v>
      </c>
      <c r="I1" s="2"/>
      <c r="N1" s="2"/>
    </row>
    <row r="2" spans="1:19" x14ac:dyDescent="0.35">
      <c r="P2" s="2"/>
    </row>
    <row r="3" spans="1:19" x14ac:dyDescent="0.35">
      <c r="B3" s="83"/>
      <c r="N3" s="2"/>
    </row>
    <row r="4" spans="1:19" x14ac:dyDescent="0.35">
      <c r="A4" s="83"/>
      <c r="B4" s="1"/>
      <c r="C4" s="82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2"/>
    </row>
    <row r="5" spans="1:19" x14ac:dyDescent="0.35">
      <c r="D5" s="49"/>
      <c r="J5" s="79"/>
      <c r="K5" s="81"/>
      <c r="L5" s="81"/>
      <c r="M5" s="81"/>
      <c r="N5" s="81"/>
    </row>
    <row r="6" spans="1:19" x14ac:dyDescent="0.35">
      <c r="S6" s="2"/>
    </row>
    <row r="8" spans="1:19" x14ac:dyDescent="0.35">
      <c r="S8" s="2"/>
    </row>
    <row r="35" spans="1:30" x14ac:dyDescent="0.35">
      <c r="A35" s="80"/>
      <c r="B35" s="75"/>
    </row>
    <row r="36" spans="1:30" ht="15" thickBot="1" x14ac:dyDescent="0.4">
      <c r="A36" s="2"/>
    </row>
    <row r="37" spans="1:30" ht="15" thickBot="1" x14ac:dyDescent="0.4">
      <c r="A37" s="172" t="s">
        <v>25</v>
      </c>
      <c r="B37" s="173" t="s">
        <v>220</v>
      </c>
      <c r="C37" s="173">
        <v>2009</v>
      </c>
      <c r="D37" s="173">
        <v>2010</v>
      </c>
      <c r="E37" s="173">
        <v>2011</v>
      </c>
      <c r="F37" s="173">
        <v>2012</v>
      </c>
      <c r="G37" s="173">
        <v>2013</v>
      </c>
      <c r="H37" s="173">
        <v>2014</v>
      </c>
      <c r="I37" s="173">
        <v>2015</v>
      </c>
      <c r="J37" s="173">
        <v>2016</v>
      </c>
      <c r="K37" s="173">
        <v>2017</v>
      </c>
      <c r="L37" s="173">
        <v>2018</v>
      </c>
      <c r="M37" s="173">
        <v>2019</v>
      </c>
      <c r="N37" s="173">
        <v>2020</v>
      </c>
      <c r="O37" s="173">
        <v>2021</v>
      </c>
      <c r="P37" s="174">
        <v>2022</v>
      </c>
      <c r="R37" s="496" t="s">
        <v>127</v>
      </c>
      <c r="S37" s="497"/>
      <c r="T37" s="498"/>
      <c r="AD37" s="2"/>
    </row>
    <row r="38" spans="1:30" x14ac:dyDescent="0.35">
      <c r="A38" s="183" t="s">
        <v>0</v>
      </c>
      <c r="B38" s="184" t="s">
        <v>0</v>
      </c>
      <c r="C38" s="184">
        <v>2.9000000000000004</v>
      </c>
      <c r="D38" s="184">
        <v>3</v>
      </c>
      <c r="E38" s="184">
        <v>3.6</v>
      </c>
      <c r="F38" s="184">
        <v>5</v>
      </c>
      <c r="G38" s="184">
        <v>5.8</v>
      </c>
      <c r="H38" s="184">
        <v>7.2</v>
      </c>
      <c r="I38" s="185">
        <v>8.6666666666666679</v>
      </c>
      <c r="J38" s="186">
        <v>9.5</v>
      </c>
      <c r="K38" s="186">
        <v>10.6</v>
      </c>
      <c r="L38" s="186">
        <v>11.5</v>
      </c>
      <c r="M38" s="186">
        <v>11.111111111111111</v>
      </c>
      <c r="N38" s="186">
        <v>11.666666666666666</v>
      </c>
      <c r="O38" s="186">
        <v>11</v>
      </c>
      <c r="P38" s="187">
        <v>10.704960835509137</v>
      </c>
      <c r="R38" s="51">
        <v>1</v>
      </c>
      <c r="S38" s="52" t="s">
        <v>4</v>
      </c>
      <c r="T38" s="53">
        <v>58.002659009980903</v>
      </c>
    </row>
    <row r="39" spans="1:30" x14ac:dyDescent="0.35">
      <c r="A39" s="188" t="s">
        <v>1</v>
      </c>
      <c r="B39" s="56" t="s">
        <v>1</v>
      </c>
      <c r="C39" s="41">
        <v>1.0900000000000001</v>
      </c>
      <c r="D39" s="41">
        <v>1.36</v>
      </c>
      <c r="E39" s="41">
        <v>2.56</v>
      </c>
      <c r="F39" s="41">
        <v>3.32</v>
      </c>
      <c r="G39" s="41">
        <v>4.41</v>
      </c>
      <c r="H39" s="41">
        <v>6.35</v>
      </c>
      <c r="I39" s="179">
        <v>6.736230027225802</v>
      </c>
      <c r="J39" s="180">
        <v>6.5318481669730728</v>
      </c>
      <c r="K39" s="104">
        <v>7.7863660082798898</v>
      </c>
      <c r="L39" s="104">
        <v>8.9696523269391566</v>
      </c>
      <c r="M39" s="104">
        <v>11.680595799707849</v>
      </c>
      <c r="N39" s="104">
        <v>15.916213464451564</v>
      </c>
      <c r="O39" s="104">
        <v>14.26286874477487</v>
      </c>
      <c r="P39" s="44">
        <v>14.962677985761138</v>
      </c>
      <c r="R39" s="43">
        <v>2</v>
      </c>
      <c r="S39" s="41" t="s">
        <v>9</v>
      </c>
      <c r="T39" s="44">
        <v>28.869696969696967</v>
      </c>
    </row>
    <row r="40" spans="1:30" x14ac:dyDescent="0.35">
      <c r="A40" s="189" t="s">
        <v>2</v>
      </c>
      <c r="B40" s="41" t="s">
        <v>2</v>
      </c>
      <c r="C40" s="41">
        <v>1.7999999999999998</v>
      </c>
      <c r="D40" s="41">
        <v>1.8</v>
      </c>
      <c r="E40" s="41">
        <v>2.2999999999999998</v>
      </c>
      <c r="F40" s="41">
        <v>2.8</v>
      </c>
      <c r="G40" s="41">
        <v>3.1</v>
      </c>
      <c r="H40" s="41">
        <v>3.8</v>
      </c>
      <c r="I40" s="179">
        <v>4.9565217391304346</v>
      </c>
      <c r="J40" s="180">
        <v>5.2105573753666947</v>
      </c>
      <c r="K40" s="104">
        <v>5.2439639762920898</v>
      </c>
      <c r="L40" s="104">
        <v>5.3565422132526068</v>
      </c>
      <c r="M40" s="104">
        <v>5.5276466621712741</v>
      </c>
      <c r="N40" s="104">
        <v>6.2744419449731792</v>
      </c>
      <c r="O40" s="104">
        <v>6.2363179613640227</v>
      </c>
      <c r="P40" s="44">
        <v>6.6160777804126161</v>
      </c>
      <c r="R40" s="45">
        <v>3</v>
      </c>
      <c r="S40" s="41" t="s">
        <v>17</v>
      </c>
      <c r="T40" s="44">
        <v>25.918427977251508</v>
      </c>
    </row>
    <row r="41" spans="1:30" x14ac:dyDescent="0.35">
      <c r="A41" s="189" t="s">
        <v>3</v>
      </c>
      <c r="B41" s="41" t="s">
        <v>3</v>
      </c>
      <c r="C41" s="41">
        <v>0</v>
      </c>
      <c r="D41" s="41">
        <v>1.2</v>
      </c>
      <c r="E41" s="41">
        <v>1.6</v>
      </c>
      <c r="F41" s="41">
        <v>2</v>
      </c>
      <c r="G41" s="41">
        <v>2.6</v>
      </c>
      <c r="H41" s="41">
        <v>2.8</v>
      </c>
      <c r="I41" s="179">
        <v>3.2947792869269952</v>
      </c>
      <c r="J41" s="104">
        <v>4.0710834825500868</v>
      </c>
      <c r="K41" s="104">
        <v>4.8464575043201163</v>
      </c>
      <c r="L41" s="104">
        <v>5.2325332037113812</v>
      </c>
      <c r="M41" s="104">
        <v>5.6148363435056394</v>
      </c>
      <c r="N41" s="104">
        <v>6.1381578947368416</v>
      </c>
      <c r="O41" s="104">
        <v>7.8866326628813406</v>
      </c>
      <c r="P41" s="44">
        <v>8.7979900893808161</v>
      </c>
      <c r="R41" s="43">
        <v>4</v>
      </c>
      <c r="S41" s="41" t="s">
        <v>16</v>
      </c>
      <c r="T41" s="44">
        <v>25.568400770712906</v>
      </c>
    </row>
    <row r="42" spans="1:30" x14ac:dyDescent="0.35">
      <c r="A42" s="189" t="s">
        <v>4</v>
      </c>
      <c r="B42" s="41" t="s">
        <v>4</v>
      </c>
      <c r="C42" s="41">
        <v>19.3</v>
      </c>
      <c r="D42" s="41">
        <v>21.9</v>
      </c>
      <c r="E42" s="41">
        <v>28</v>
      </c>
      <c r="F42" s="41">
        <v>29.9</v>
      </c>
      <c r="G42" s="41">
        <v>32.700000000000003</v>
      </c>
      <c r="H42" s="41">
        <v>39.1</v>
      </c>
      <c r="I42" s="179">
        <v>41.964285714285708</v>
      </c>
      <c r="J42" s="104">
        <v>37.647058823529413</v>
      </c>
      <c r="K42" s="104">
        <v>43.310790943840047</v>
      </c>
      <c r="L42" s="104">
        <v>41.462686567164184</v>
      </c>
      <c r="M42" s="104">
        <v>47.190164700385473</v>
      </c>
      <c r="N42" s="104">
        <v>46.873509789491834</v>
      </c>
      <c r="O42" s="104">
        <v>45.330251176951478</v>
      </c>
      <c r="P42" s="44">
        <v>58.002659009980903</v>
      </c>
      <c r="R42" s="43">
        <v>5</v>
      </c>
      <c r="S42" s="41" t="s">
        <v>32</v>
      </c>
      <c r="T42" s="44">
        <v>24.949889819852348</v>
      </c>
    </row>
    <row r="43" spans="1:30" x14ac:dyDescent="0.35">
      <c r="A43" s="189" t="s">
        <v>5</v>
      </c>
      <c r="B43" s="41" t="s">
        <v>5</v>
      </c>
      <c r="C43" s="41">
        <v>0.3</v>
      </c>
      <c r="D43" s="41">
        <v>0.3</v>
      </c>
      <c r="E43" s="41">
        <v>0.6</v>
      </c>
      <c r="F43" s="41">
        <v>0.6</v>
      </c>
      <c r="G43" s="41">
        <v>0.9</v>
      </c>
      <c r="H43" s="41">
        <v>1.3</v>
      </c>
      <c r="I43" s="179">
        <v>2.7710843373493974</v>
      </c>
      <c r="J43" s="104">
        <v>3.6470588235294117</v>
      </c>
      <c r="K43" s="104">
        <v>5.6163742690058482</v>
      </c>
      <c r="L43" s="104">
        <v>6.7321839080459771</v>
      </c>
      <c r="M43" s="104">
        <v>6.9578348240213739</v>
      </c>
      <c r="N43" s="104">
        <v>9.6229767074615093</v>
      </c>
      <c r="O43" s="104">
        <v>9.3000000000000007</v>
      </c>
      <c r="P43" s="44">
        <v>14.099999999999998</v>
      </c>
      <c r="R43" s="45">
        <v>6</v>
      </c>
      <c r="S43" s="41" t="s">
        <v>18</v>
      </c>
      <c r="T43" s="44">
        <v>24.15182481751825</v>
      </c>
    </row>
    <row r="44" spans="1:30" x14ac:dyDescent="0.35">
      <c r="A44" s="189" t="s">
        <v>6</v>
      </c>
      <c r="B44" s="41" t="s">
        <v>6</v>
      </c>
      <c r="C44" s="41" t="s">
        <v>57</v>
      </c>
      <c r="D44" s="41" t="s">
        <v>57</v>
      </c>
      <c r="E44" s="41">
        <v>2.2000000000000002</v>
      </c>
      <c r="F44" s="41">
        <v>3.1</v>
      </c>
      <c r="G44" s="41">
        <v>3.3</v>
      </c>
      <c r="H44" s="41">
        <v>3.6</v>
      </c>
      <c r="I44" s="179">
        <v>4.2410245643501998</v>
      </c>
      <c r="J44" s="104">
        <v>4.0999999999999996</v>
      </c>
      <c r="K44" s="104">
        <v>4.8</v>
      </c>
      <c r="L44" s="104">
        <v>5.6850715746421265</v>
      </c>
      <c r="M44" s="104">
        <v>6.9734151329243366</v>
      </c>
      <c r="N44" s="104">
        <v>8.8418708240534514</v>
      </c>
      <c r="O44" s="104">
        <v>7.8</v>
      </c>
      <c r="P44" s="44">
        <v>8.2570806100217862</v>
      </c>
      <c r="R44" s="43">
        <v>7</v>
      </c>
      <c r="S44" s="41" t="s">
        <v>7</v>
      </c>
      <c r="T44" s="44">
        <v>22.79603347889374</v>
      </c>
    </row>
    <row r="45" spans="1:30" x14ac:dyDescent="0.35">
      <c r="A45" s="189" t="s">
        <v>7</v>
      </c>
      <c r="B45" s="41" t="s">
        <v>7</v>
      </c>
      <c r="C45" s="41">
        <v>6.5</v>
      </c>
      <c r="D45" s="41">
        <v>6.1</v>
      </c>
      <c r="E45" s="41">
        <v>8.1</v>
      </c>
      <c r="F45" s="41">
        <v>8.3000000000000007</v>
      </c>
      <c r="G45" s="41">
        <v>8.6999999999999993</v>
      </c>
      <c r="H45" s="41">
        <v>9.6</v>
      </c>
      <c r="I45" s="179">
        <v>14.663333333333334</v>
      </c>
      <c r="J45" s="104">
        <v>13.016983352951067</v>
      </c>
      <c r="K45" s="104">
        <v>17.577415599534344</v>
      </c>
      <c r="L45" s="104">
        <v>18.215262535877088</v>
      </c>
      <c r="M45" s="104">
        <v>21.478616133518774</v>
      </c>
      <c r="N45" s="104">
        <v>23.346659463353145</v>
      </c>
      <c r="O45" s="104">
        <v>19.643811533052041</v>
      </c>
      <c r="P45" s="44">
        <v>22.79603347889374</v>
      </c>
      <c r="R45" s="43">
        <v>8</v>
      </c>
      <c r="S45" s="41" t="s">
        <v>22</v>
      </c>
      <c r="T45" s="44">
        <v>20.188679245283016</v>
      </c>
    </row>
    <row r="46" spans="1:30" x14ac:dyDescent="0.35">
      <c r="A46" s="189" t="s">
        <v>22</v>
      </c>
      <c r="B46" s="41" t="s">
        <v>22</v>
      </c>
      <c r="C46" s="181">
        <v>5</v>
      </c>
      <c r="D46" s="41">
        <v>4</v>
      </c>
      <c r="E46" s="41">
        <v>5.8</v>
      </c>
      <c r="F46" s="41">
        <v>5.8</v>
      </c>
      <c r="G46" s="41">
        <v>5.8</v>
      </c>
      <c r="H46" s="41">
        <v>6.1</v>
      </c>
      <c r="I46" s="179">
        <v>7.2265625</v>
      </c>
      <c r="J46" s="180">
        <v>7.6</v>
      </c>
      <c r="K46" s="104">
        <v>8.3000000000000007</v>
      </c>
      <c r="L46" s="104">
        <v>12.236837198461719</v>
      </c>
      <c r="M46" s="104">
        <v>12.508650519031143</v>
      </c>
      <c r="N46" s="104">
        <v>16.945454545454545</v>
      </c>
      <c r="O46" s="104">
        <v>18.884892086330936</v>
      </c>
      <c r="P46" s="44">
        <v>20.188679245283016</v>
      </c>
      <c r="R46" s="45">
        <v>9</v>
      </c>
      <c r="S46" s="41" t="s">
        <v>14</v>
      </c>
      <c r="T46" s="44">
        <v>18.117048346055977</v>
      </c>
    </row>
    <row r="47" spans="1:30" x14ac:dyDescent="0.35">
      <c r="A47" s="189" t="s">
        <v>9</v>
      </c>
      <c r="B47" s="41" t="s">
        <v>9</v>
      </c>
      <c r="C47" s="41">
        <v>10.8</v>
      </c>
      <c r="D47" s="41">
        <v>10.5</v>
      </c>
      <c r="E47" s="41">
        <v>15.6</v>
      </c>
      <c r="F47" s="41">
        <v>14.5</v>
      </c>
      <c r="G47" s="41">
        <v>16.3</v>
      </c>
      <c r="H47" s="41">
        <v>18.3</v>
      </c>
      <c r="I47" s="179">
        <v>22.602739726027394</v>
      </c>
      <c r="J47" s="104">
        <v>20.918367346938776</v>
      </c>
      <c r="K47" s="104">
        <v>24.803333333333299</v>
      </c>
      <c r="L47" s="104">
        <v>27.988954549622726</v>
      </c>
      <c r="M47" s="104">
        <v>30.745274556094465</v>
      </c>
      <c r="N47" s="104">
        <v>36.268567660082276</v>
      </c>
      <c r="O47" s="104">
        <v>28.869696969696967</v>
      </c>
      <c r="P47" s="44">
        <v>34.799999999999997</v>
      </c>
      <c r="R47" s="43">
        <v>10</v>
      </c>
      <c r="S47" s="42" t="s">
        <v>1</v>
      </c>
      <c r="T47" s="44">
        <v>14.962677985761138</v>
      </c>
    </row>
    <row r="48" spans="1:30" x14ac:dyDescent="0.35">
      <c r="A48" s="189" t="s">
        <v>10</v>
      </c>
      <c r="B48" s="41" t="s">
        <v>10</v>
      </c>
      <c r="C48" s="41">
        <v>2.1</v>
      </c>
      <c r="D48" s="41">
        <v>2.6</v>
      </c>
      <c r="E48" s="41">
        <v>3</v>
      </c>
      <c r="F48" s="41">
        <v>4</v>
      </c>
      <c r="G48" s="41">
        <v>4.7</v>
      </c>
      <c r="H48" s="41">
        <v>4.9000000000000004</v>
      </c>
      <c r="I48" s="179">
        <v>4.6319796954314718</v>
      </c>
      <c r="J48" s="104">
        <v>5.6397035127296169</v>
      </c>
      <c r="K48" s="104">
        <v>5.4619225967540572</v>
      </c>
      <c r="L48" s="104">
        <v>5.4</v>
      </c>
      <c r="M48" s="104">
        <v>6.2989658414290188</v>
      </c>
      <c r="N48" s="104">
        <v>6.1116617112652794</v>
      </c>
      <c r="O48" s="104">
        <v>6.4759509588179816</v>
      </c>
      <c r="P48" s="44">
        <v>6.4393939393939394</v>
      </c>
      <c r="R48" s="43">
        <v>11</v>
      </c>
      <c r="S48" s="41" t="s">
        <v>5</v>
      </c>
      <c r="T48" s="44">
        <v>14.099999999999998</v>
      </c>
    </row>
    <row r="49" spans="1:20" x14ac:dyDescent="0.35">
      <c r="A49" s="189" t="s">
        <v>11</v>
      </c>
      <c r="B49" s="41" t="s">
        <v>11</v>
      </c>
      <c r="C49" s="41">
        <v>0.4</v>
      </c>
      <c r="D49" s="41">
        <v>0.4</v>
      </c>
      <c r="E49" s="41">
        <v>0.5</v>
      </c>
      <c r="F49" s="41">
        <v>0.5</v>
      </c>
      <c r="G49" s="41">
        <v>0.5</v>
      </c>
      <c r="H49" s="41">
        <v>0.5</v>
      </c>
      <c r="I49" s="179">
        <v>0.55249082328264287</v>
      </c>
      <c r="J49" s="104">
        <v>0.57974185079851226</v>
      </c>
      <c r="K49" s="104">
        <v>0.64003531229309196</v>
      </c>
      <c r="L49" s="104">
        <v>0.71342067598810965</v>
      </c>
      <c r="M49" s="104">
        <v>0.7597373188405796</v>
      </c>
      <c r="N49" s="104">
        <v>0.89065050128235013</v>
      </c>
      <c r="O49" s="104">
        <v>0.9699954191479615</v>
      </c>
      <c r="P49" s="44">
        <v>1.0123824810823205</v>
      </c>
      <c r="R49" s="45">
        <v>12</v>
      </c>
      <c r="S49" s="41" t="s">
        <v>33</v>
      </c>
      <c r="T49" s="44">
        <v>11.123179962001027</v>
      </c>
    </row>
    <row r="50" spans="1:20" x14ac:dyDescent="0.35">
      <c r="A50" s="189" t="s">
        <v>12</v>
      </c>
      <c r="B50" s="41" t="s">
        <v>12</v>
      </c>
      <c r="C50" s="41">
        <v>0.2</v>
      </c>
      <c r="D50" s="41">
        <v>0.2</v>
      </c>
      <c r="E50" s="41">
        <v>0.2</v>
      </c>
      <c r="F50" s="41">
        <v>0.2</v>
      </c>
      <c r="G50" s="41">
        <v>0.2</v>
      </c>
      <c r="H50" s="41">
        <v>0.2</v>
      </c>
      <c r="I50" s="179">
        <v>0.21025641025641026</v>
      </c>
      <c r="J50" s="104">
        <v>0.23921568627450984</v>
      </c>
      <c r="K50" s="104">
        <v>0.41650671785028787</v>
      </c>
      <c r="L50" s="104">
        <v>0.45735567970204838</v>
      </c>
      <c r="M50" s="104">
        <v>0.51002378200781273</v>
      </c>
      <c r="N50" s="104">
        <v>0.6071858399533322</v>
      </c>
      <c r="O50" s="104">
        <v>0.5889976797625387</v>
      </c>
      <c r="P50" s="44">
        <v>0.6</v>
      </c>
      <c r="R50" s="43">
        <v>13</v>
      </c>
      <c r="S50" s="41" t="s">
        <v>15</v>
      </c>
      <c r="T50" s="44">
        <v>11.094452773613193</v>
      </c>
    </row>
    <row r="51" spans="1:20" x14ac:dyDescent="0.35">
      <c r="A51" s="189" t="s">
        <v>13</v>
      </c>
      <c r="B51" s="41" t="s">
        <v>31</v>
      </c>
      <c r="C51" s="41">
        <v>0.2</v>
      </c>
      <c r="D51" s="41">
        <v>0.6</v>
      </c>
      <c r="E51" s="41">
        <v>0.6</v>
      </c>
      <c r="F51" s="41">
        <v>1.2</v>
      </c>
      <c r="G51" s="41">
        <v>1.5</v>
      </c>
      <c r="H51" s="41">
        <v>2</v>
      </c>
      <c r="I51" s="179">
        <v>3.2</v>
      </c>
      <c r="J51" s="104">
        <v>4.7766682772319751</v>
      </c>
      <c r="K51" s="104">
        <v>3.6278132348001342</v>
      </c>
      <c r="L51" s="104">
        <v>3.9157252100575892</v>
      </c>
      <c r="M51" s="104">
        <v>5.2693252693252699</v>
      </c>
      <c r="N51" s="180" t="s">
        <v>23</v>
      </c>
      <c r="O51" s="104" t="s">
        <v>23</v>
      </c>
      <c r="P51" s="44" t="s">
        <v>23</v>
      </c>
      <c r="R51" s="43">
        <v>14</v>
      </c>
      <c r="S51" s="41" t="s">
        <v>0</v>
      </c>
      <c r="T51" s="44">
        <v>10.704960835509137</v>
      </c>
    </row>
    <row r="52" spans="1:20" x14ac:dyDescent="0.35">
      <c r="A52" s="189" t="s">
        <v>14</v>
      </c>
      <c r="B52" s="41" t="s">
        <v>14</v>
      </c>
      <c r="C52" s="41">
        <v>4</v>
      </c>
      <c r="D52" s="41">
        <v>4</v>
      </c>
      <c r="E52" s="41">
        <v>4.2</v>
      </c>
      <c r="F52" s="41">
        <v>4.0999999999999996</v>
      </c>
      <c r="G52" s="41">
        <v>4.7</v>
      </c>
      <c r="H52" s="41">
        <v>4.8</v>
      </c>
      <c r="I52" s="179">
        <v>6.3266116428577464</v>
      </c>
      <c r="J52" s="104">
        <v>6.8221915631924421</v>
      </c>
      <c r="K52" s="104">
        <v>8.8191143357518147</v>
      </c>
      <c r="L52" s="104">
        <v>8.2277752187931839</v>
      </c>
      <c r="M52" s="104">
        <v>8.8400108617838011</v>
      </c>
      <c r="N52" s="104">
        <v>13.099547511312219</v>
      </c>
      <c r="O52" s="104">
        <v>16.808071543224031</v>
      </c>
      <c r="P52" s="44">
        <v>18.117048346055977</v>
      </c>
      <c r="R52" s="43">
        <v>16</v>
      </c>
      <c r="S52" s="41" t="s">
        <v>3</v>
      </c>
      <c r="T52" s="44">
        <v>8.7979900893808161</v>
      </c>
    </row>
    <row r="53" spans="1:20" x14ac:dyDescent="0.35">
      <c r="A53" s="189" t="s">
        <v>15</v>
      </c>
      <c r="B53" s="41" t="s">
        <v>15</v>
      </c>
      <c r="C53" s="41">
        <v>0.8</v>
      </c>
      <c r="D53" s="41">
        <v>0.7</v>
      </c>
      <c r="E53" s="41">
        <v>1</v>
      </c>
      <c r="F53" s="41">
        <v>1.1000000000000001</v>
      </c>
      <c r="G53" s="41">
        <v>1.4</v>
      </c>
      <c r="H53" s="41">
        <v>1.7</v>
      </c>
      <c r="I53" s="179">
        <v>1.9171779141104295</v>
      </c>
      <c r="J53" s="104">
        <v>1.5777610818933134</v>
      </c>
      <c r="K53" s="104">
        <v>2.1252796420581657</v>
      </c>
      <c r="L53" s="104">
        <v>2.8581979320531756</v>
      </c>
      <c r="M53" s="104">
        <v>4.0770941438102293</v>
      </c>
      <c r="N53" s="104">
        <v>7.4046372475691857</v>
      </c>
      <c r="O53" s="104">
        <v>8.4587813620071692</v>
      </c>
      <c r="P53" s="44">
        <v>11.094452773613193</v>
      </c>
      <c r="R53" s="43">
        <v>17</v>
      </c>
      <c r="S53" s="41" t="s">
        <v>6</v>
      </c>
      <c r="T53" s="44">
        <v>8.2570806100217862</v>
      </c>
    </row>
    <row r="54" spans="1:20" x14ac:dyDescent="0.35">
      <c r="A54" s="189" t="s">
        <v>16</v>
      </c>
      <c r="B54" s="41" t="s">
        <v>16</v>
      </c>
      <c r="C54" s="41">
        <v>15</v>
      </c>
      <c r="D54" s="41">
        <v>17</v>
      </c>
      <c r="E54" s="41">
        <v>18</v>
      </c>
      <c r="F54" s="41">
        <v>20</v>
      </c>
      <c r="G54" s="41">
        <v>23.5</v>
      </c>
      <c r="H54" s="41">
        <v>24</v>
      </c>
      <c r="I54" s="179">
        <v>23.015873015873016</v>
      </c>
      <c r="J54" s="182">
        <v>24.6</v>
      </c>
      <c r="K54" s="104">
        <v>23.95588801560573</v>
      </c>
      <c r="L54" s="104">
        <v>24.045801526717558</v>
      </c>
      <c r="M54" s="104">
        <v>27</v>
      </c>
      <c r="N54" s="104">
        <v>24.523809523809522</v>
      </c>
      <c r="O54" s="104">
        <v>26.019607843137255</v>
      </c>
      <c r="P54" s="44">
        <v>25.568400770712906</v>
      </c>
      <c r="R54" s="45">
        <v>18</v>
      </c>
      <c r="S54" s="41" t="s">
        <v>2</v>
      </c>
      <c r="T54" s="44">
        <v>6.6160777804126161</v>
      </c>
    </row>
    <row r="55" spans="1:20" x14ac:dyDescent="0.35">
      <c r="A55" s="189" t="s">
        <v>17</v>
      </c>
      <c r="B55" s="41" t="s">
        <v>17</v>
      </c>
      <c r="C55" s="41">
        <v>14.399999999999999</v>
      </c>
      <c r="D55" s="41">
        <v>16.399999999999999</v>
      </c>
      <c r="E55" s="41">
        <v>16.3</v>
      </c>
      <c r="F55" s="41">
        <v>17.8</v>
      </c>
      <c r="G55" s="41">
        <v>20.9</v>
      </c>
      <c r="H55" s="41">
        <v>20.399999999999999</v>
      </c>
      <c r="I55" s="179">
        <v>19.470182456426794</v>
      </c>
      <c r="J55" s="104">
        <v>19.30236322434445</v>
      </c>
      <c r="K55" s="104">
        <v>18.2</v>
      </c>
      <c r="L55" s="104">
        <v>19.027237354085603</v>
      </c>
      <c r="M55" s="104">
        <v>20.8</v>
      </c>
      <c r="N55" s="104">
        <v>22.423745887900083</v>
      </c>
      <c r="O55" s="104">
        <v>23.629847899829613</v>
      </c>
      <c r="P55" s="44">
        <v>25.918427977251508</v>
      </c>
      <c r="R55" s="43">
        <v>19</v>
      </c>
      <c r="S55" s="41" t="s">
        <v>10</v>
      </c>
      <c r="T55" s="44">
        <v>6.4393939393939394</v>
      </c>
    </row>
    <row r="56" spans="1:20" x14ac:dyDescent="0.35">
      <c r="A56" s="189" t="s">
        <v>18</v>
      </c>
      <c r="B56" s="41" t="s">
        <v>18</v>
      </c>
      <c r="C56" s="41">
        <v>1.7999999999999998</v>
      </c>
      <c r="D56" s="41">
        <v>2.6</v>
      </c>
      <c r="E56" s="41">
        <v>4.4000000000000004</v>
      </c>
      <c r="F56" s="41">
        <v>5</v>
      </c>
      <c r="G56" s="41">
        <v>7</v>
      </c>
      <c r="H56" s="41">
        <v>8</v>
      </c>
      <c r="I56" s="179">
        <v>12.205882352941178</v>
      </c>
      <c r="J56" s="104">
        <v>12.279411764705882</v>
      </c>
      <c r="K56" s="104">
        <v>12.421227171382247</v>
      </c>
      <c r="L56" s="104">
        <v>11.774101707923283</v>
      </c>
      <c r="M56" s="104">
        <v>14.340323479914296</v>
      </c>
      <c r="N56" s="104">
        <v>20.235294117647058</v>
      </c>
      <c r="O56" s="104">
        <v>21.515873015873016</v>
      </c>
      <c r="P56" s="44">
        <v>24.15182481751825</v>
      </c>
      <c r="R56" s="43">
        <v>20</v>
      </c>
      <c r="S56" s="41" t="s">
        <v>11</v>
      </c>
      <c r="T56" s="44">
        <v>1.0123824810823205</v>
      </c>
    </row>
    <row r="57" spans="1:20" x14ac:dyDescent="0.35">
      <c r="A57" s="189" t="s">
        <v>19</v>
      </c>
      <c r="B57" s="41" t="s">
        <v>19</v>
      </c>
      <c r="C57" s="41">
        <v>0.04</v>
      </c>
      <c r="D57" s="41">
        <v>0.05</v>
      </c>
      <c r="E57" s="41">
        <v>0.1</v>
      </c>
      <c r="F57" s="41">
        <v>0.1</v>
      </c>
      <c r="G57" s="41">
        <v>0.2</v>
      </c>
      <c r="H57" s="41">
        <v>0.2</v>
      </c>
      <c r="I57" s="179">
        <v>0.1757469244288225</v>
      </c>
      <c r="J57" s="104">
        <v>0.18900343642611683</v>
      </c>
      <c r="K57" s="104">
        <v>0.22602739726027399</v>
      </c>
      <c r="L57" s="104">
        <v>0.21180555555555552</v>
      </c>
      <c r="M57" s="104">
        <v>0.25524475524475521</v>
      </c>
      <c r="N57" s="104">
        <v>0.27075812274368227</v>
      </c>
      <c r="O57" s="104">
        <v>0.2</v>
      </c>
      <c r="P57" s="44">
        <v>0.2</v>
      </c>
      <c r="R57" s="45">
        <v>21</v>
      </c>
      <c r="S57" s="41" t="s">
        <v>12</v>
      </c>
      <c r="T57" s="44">
        <v>0.6</v>
      </c>
    </row>
    <row r="58" spans="1:20" ht="15" thickBot="1" x14ac:dyDescent="0.4">
      <c r="A58" s="189" t="s">
        <v>20</v>
      </c>
      <c r="B58" s="41" t="s">
        <v>32</v>
      </c>
      <c r="C58" s="41">
        <v>1.7000000000000002</v>
      </c>
      <c r="D58" s="41">
        <v>2.6</v>
      </c>
      <c r="E58" s="41">
        <v>4.2</v>
      </c>
      <c r="F58" s="41">
        <v>5</v>
      </c>
      <c r="G58" s="41">
        <v>5</v>
      </c>
      <c r="H58" s="41">
        <v>9</v>
      </c>
      <c r="I58" s="179">
        <v>9.7294046903187006</v>
      </c>
      <c r="J58" s="104">
        <v>11.075014766686355</v>
      </c>
      <c r="K58" s="104">
        <v>14.000000000000002</v>
      </c>
      <c r="L58" s="104">
        <v>16.128556852964518</v>
      </c>
      <c r="M58" s="104">
        <v>18.441378991368296</v>
      </c>
      <c r="N58" s="104">
        <v>22.84497522089023</v>
      </c>
      <c r="O58" s="104">
        <v>19.275912286525102</v>
      </c>
      <c r="P58" s="44">
        <v>24.949889819852348</v>
      </c>
      <c r="R58" s="46">
        <v>22</v>
      </c>
      <c r="S58" s="47" t="s">
        <v>19</v>
      </c>
      <c r="T58" s="48">
        <v>0.2</v>
      </c>
    </row>
    <row r="59" spans="1:20" ht="15" thickBot="1" x14ac:dyDescent="0.4">
      <c r="A59" s="190" t="s">
        <v>21</v>
      </c>
      <c r="B59" s="47" t="s">
        <v>33</v>
      </c>
      <c r="C59" s="47">
        <v>1.9</v>
      </c>
      <c r="D59" s="47">
        <v>2.2999999999999998</v>
      </c>
      <c r="E59" s="47">
        <v>2.9</v>
      </c>
      <c r="F59" s="47">
        <v>3.5</v>
      </c>
      <c r="G59" s="47">
        <v>4.0999999999999996</v>
      </c>
      <c r="H59" s="47">
        <v>4.4000000000000004</v>
      </c>
      <c r="I59" s="191">
        <v>5.1040408108470938</v>
      </c>
      <c r="J59" s="192">
        <v>5.5532400029421138</v>
      </c>
      <c r="K59" s="192">
        <v>6.332911893083697</v>
      </c>
      <c r="L59" s="192">
        <v>6.6000000000000005</v>
      </c>
      <c r="M59" s="192">
        <v>7.8716397937630367</v>
      </c>
      <c r="N59" s="192">
        <v>9.1999999999999993</v>
      </c>
      <c r="O59" s="192">
        <v>9.2015579357351509</v>
      </c>
      <c r="P59" s="48">
        <v>11.123179962001027</v>
      </c>
    </row>
    <row r="60" spans="1:20" ht="15" thickBot="1" x14ac:dyDescent="0.4">
      <c r="A60" s="140" t="s">
        <v>61</v>
      </c>
      <c r="B60" s="175" t="s">
        <v>124</v>
      </c>
      <c r="C60" s="175">
        <v>2.5</v>
      </c>
      <c r="D60" s="175">
        <v>2.2999999999999998</v>
      </c>
      <c r="E60" s="175">
        <v>2.8</v>
      </c>
      <c r="F60" s="175">
        <v>3.3</v>
      </c>
      <c r="G60" s="175">
        <v>3.8</v>
      </c>
      <c r="H60" s="175">
        <v>4.0999999999999996</v>
      </c>
      <c r="I60" s="176">
        <v>4.8</v>
      </c>
      <c r="J60" s="177">
        <v>4.7698865363049681</v>
      </c>
      <c r="K60" s="177">
        <v>6.0781722864902497</v>
      </c>
      <c r="L60" s="177">
        <v>6.3631243523191285</v>
      </c>
      <c r="M60" s="177">
        <v>7.1986497525420567</v>
      </c>
      <c r="N60" s="177">
        <v>7.7990403543816855</v>
      </c>
      <c r="O60" s="177">
        <v>8.4474924308702981</v>
      </c>
      <c r="P60" s="178">
        <v>9.5553359462133347</v>
      </c>
    </row>
    <row r="61" spans="1:20" ht="53.4" customHeight="1" thickBot="1" x14ac:dyDescent="0.4">
      <c r="A61" s="499" t="s">
        <v>284</v>
      </c>
      <c r="B61" s="499"/>
      <c r="C61" s="499"/>
      <c r="D61" s="499"/>
      <c r="E61" s="499"/>
      <c r="F61" s="499"/>
      <c r="G61" s="499"/>
      <c r="H61" s="499"/>
      <c r="I61" s="499"/>
      <c r="J61" s="499"/>
      <c r="K61" s="499"/>
      <c r="L61" s="499"/>
      <c r="M61" s="499"/>
      <c r="N61" s="499"/>
      <c r="O61" s="499"/>
      <c r="P61" s="500"/>
    </row>
    <row r="62" spans="1:20" ht="69" customHeight="1" x14ac:dyDescent="0.35">
      <c r="B62" s="171" t="s">
        <v>125</v>
      </c>
      <c r="C62" s="28"/>
      <c r="D62" s="28"/>
      <c r="E62" s="28"/>
      <c r="F62" s="28"/>
      <c r="G62" s="28"/>
      <c r="H62" s="28"/>
      <c r="I62" s="28"/>
      <c r="J62" s="102"/>
      <c r="K62" s="28"/>
      <c r="L62" s="28"/>
      <c r="M62" s="28"/>
      <c r="N62" s="419"/>
      <c r="O62" s="167"/>
      <c r="P62" s="168"/>
    </row>
    <row r="63" spans="1:20" ht="15" thickBot="1" x14ac:dyDescent="0.4">
      <c r="B63" s="140" t="s">
        <v>126</v>
      </c>
      <c r="C63" s="169">
        <f t="shared" ref="C63:P63" si="0">AVERAGE(C38:C59)</f>
        <v>4.2966666666666669</v>
      </c>
      <c r="D63" s="169">
        <f t="shared" si="0"/>
        <v>4.7433333333333323</v>
      </c>
      <c r="E63" s="169">
        <f t="shared" si="0"/>
        <v>5.7163636363636368</v>
      </c>
      <c r="F63" s="169">
        <f t="shared" si="0"/>
        <v>6.2645454545454529</v>
      </c>
      <c r="G63" s="169">
        <f t="shared" si="0"/>
        <v>7.1504545454545445</v>
      </c>
      <c r="H63" s="169">
        <f t="shared" si="0"/>
        <v>8.1022727272727266</v>
      </c>
      <c r="I63" s="169">
        <f t="shared" si="0"/>
        <v>9.2574033923668271</v>
      </c>
      <c r="J63" s="169">
        <f t="shared" si="0"/>
        <v>9.3126032972301704</v>
      </c>
      <c r="K63" s="169">
        <f t="shared" si="0"/>
        <v>10.414155815974777</v>
      </c>
      <c r="L63" s="169">
        <f t="shared" si="0"/>
        <v>11.033622808707163</v>
      </c>
      <c r="M63" s="169">
        <f t="shared" si="0"/>
        <v>12.465995000907208</v>
      </c>
      <c r="N63" s="169">
        <f t="shared" si="0"/>
        <v>14.738418316433235</v>
      </c>
      <c r="O63" s="169">
        <f t="shared" si="0"/>
        <v>14.398050813291022</v>
      </c>
      <c r="P63" s="170">
        <f t="shared" si="0"/>
        <v>16.590531424891644</v>
      </c>
    </row>
    <row r="64" spans="1:20" x14ac:dyDescent="0.35">
      <c r="B64" s="7"/>
    </row>
    <row r="65" spans="2:13" x14ac:dyDescent="0.35">
      <c r="B65" s="7"/>
    </row>
    <row r="67" spans="2:13" x14ac:dyDescent="0.35">
      <c r="B67" t="s">
        <v>262</v>
      </c>
      <c r="C67">
        <f t="shared" ref="C67:M67" si="1">COUNTIF(F38:F60,"&gt;10")</f>
        <v>4</v>
      </c>
      <c r="D67">
        <f t="shared" si="1"/>
        <v>4</v>
      </c>
      <c r="E67">
        <f t="shared" si="1"/>
        <v>4</v>
      </c>
      <c r="F67">
        <f t="shared" si="1"/>
        <v>6</v>
      </c>
      <c r="G67">
        <f t="shared" si="1"/>
        <v>7</v>
      </c>
      <c r="H67">
        <f t="shared" si="1"/>
        <v>8</v>
      </c>
      <c r="I67">
        <f t="shared" si="1"/>
        <v>9</v>
      </c>
      <c r="J67">
        <f t="shared" si="1"/>
        <v>10</v>
      </c>
      <c r="K67">
        <f t="shared" si="1"/>
        <v>11</v>
      </c>
      <c r="L67">
        <f t="shared" si="1"/>
        <v>11</v>
      </c>
      <c r="M67">
        <f t="shared" si="1"/>
        <v>14</v>
      </c>
    </row>
    <row r="68" spans="2:13" x14ac:dyDescent="0.35">
      <c r="B68" t="s">
        <v>263</v>
      </c>
      <c r="C68">
        <f t="shared" ref="C68:M68" si="2">COUNTIF(F38:F60,"&gt;20")</f>
        <v>1</v>
      </c>
      <c r="D68">
        <f t="shared" si="2"/>
        <v>3</v>
      </c>
      <c r="E68">
        <f t="shared" si="2"/>
        <v>3</v>
      </c>
      <c r="F68">
        <f t="shared" si="2"/>
        <v>3</v>
      </c>
      <c r="G68">
        <f t="shared" si="2"/>
        <v>3</v>
      </c>
      <c r="H68">
        <f t="shared" si="2"/>
        <v>3</v>
      </c>
      <c r="I68">
        <f t="shared" si="2"/>
        <v>3</v>
      </c>
      <c r="J68">
        <f t="shared" si="2"/>
        <v>5</v>
      </c>
      <c r="K68">
        <f t="shared" si="2"/>
        <v>7</v>
      </c>
      <c r="L68">
        <f t="shared" si="2"/>
        <v>5</v>
      </c>
      <c r="M68">
        <f t="shared" si="2"/>
        <v>8</v>
      </c>
    </row>
  </sheetData>
  <mergeCells count="2">
    <mergeCell ref="R37:T37"/>
    <mergeCell ref="A61:P61"/>
  </mergeCells>
  <hyperlinks>
    <hyperlink ref="A1" location="CONTENTS!A1" display="TO CONTENTS" xr:uid="{D91DBE82-250E-4011-8C60-3F655287102D}"/>
  </hyperlinks>
  <pageMargins left="0.7" right="0.7" top="0.75" bottom="0.75" header="0.3" footer="0.3"/>
  <pageSetup paperSize="9" orientation="portrait"/>
  <drawing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43048CB-64F5-4E57-8E15-5BA89D67C436}">
  <sheetPr>
    <tabColor theme="9"/>
  </sheetPr>
  <dimension ref="A1:AM16349"/>
  <sheetViews>
    <sheetView topLeftCell="A22" zoomScale="74" zoomScaleNormal="90" workbookViewId="0">
      <selection activeCell="P77" sqref="P77"/>
    </sheetView>
  </sheetViews>
  <sheetFormatPr defaultColWidth="11.453125" defaultRowHeight="14.5" x14ac:dyDescent="0.35"/>
  <cols>
    <col min="2" max="2" width="20.6328125" customWidth="1"/>
    <col min="3" max="4" width="6.6328125" customWidth="1"/>
    <col min="5" max="5" width="8.36328125" customWidth="1"/>
    <col min="6" max="6" width="7.08984375" customWidth="1"/>
    <col min="7" max="8" width="8.08984375" customWidth="1"/>
    <col min="9" max="9" width="7.08984375" customWidth="1"/>
    <col min="10" max="10" width="6.81640625" customWidth="1"/>
    <col min="11" max="11" width="7.36328125" customWidth="1"/>
    <col min="12" max="12" width="7.6328125" customWidth="1"/>
    <col min="13" max="17" width="8.453125" customWidth="1"/>
    <col min="18" max="18" width="7.08984375" customWidth="1"/>
    <col min="20" max="22" width="7.08984375" customWidth="1"/>
    <col min="23" max="29" width="8.453125" customWidth="1"/>
    <col min="30" max="30" width="11" customWidth="1"/>
    <col min="32" max="34" width="7.08984375" customWidth="1"/>
    <col min="35" max="35" width="18" customWidth="1"/>
    <col min="36" max="36" width="7.81640625" customWidth="1"/>
    <col min="38" max="38" width="7.81640625" customWidth="1"/>
    <col min="39" max="39" width="11" customWidth="1"/>
  </cols>
  <sheetData>
    <row r="1" spans="1:35" x14ac:dyDescent="0.35">
      <c r="A1" s="16" t="s">
        <v>217</v>
      </c>
      <c r="F1" s="75"/>
      <c r="G1" s="76"/>
      <c r="H1" s="75"/>
      <c r="I1" s="75"/>
      <c r="J1" s="75"/>
      <c r="K1" s="75"/>
      <c r="L1" s="75"/>
      <c r="M1" s="75"/>
      <c r="N1" s="75"/>
      <c r="O1" s="75"/>
      <c r="P1" s="75"/>
      <c r="Y1" s="54"/>
      <c r="Z1" s="54"/>
      <c r="AA1" s="1"/>
      <c r="AC1" s="1"/>
      <c r="AD1" s="1"/>
      <c r="AE1" s="1"/>
      <c r="AF1" s="1"/>
    </row>
    <row r="2" spans="1:35" x14ac:dyDescent="0.35">
      <c r="C2" s="1" t="s">
        <v>266</v>
      </c>
      <c r="F2" s="75"/>
      <c r="G2" s="75"/>
      <c r="H2" s="75"/>
      <c r="I2" s="75"/>
      <c r="J2" s="75"/>
      <c r="K2" s="75"/>
      <c r="L2" s="75"/>
      <c r="M2" s="75"/>
      <c r="N2" s="75"/>
      <c r="O2" s="76"/>
      <c r="P2" s="75"/>
      <c r="S2" s="1" t="s">
        <v>171</v>
      </c>
      <c r="AG2" s="27"/>
      <c r="AI2" s="2"/>
    </row>
    <row r="3" spans="1:35" s="1" customFormat="1" ht="35.5" customHeight="1" x14ac:dyDescent="0.35">
      <c r="AF3"/>
      <c r="AI3" s="74"/>
    </row>
    <row r="30" spans="35:39" ht="14.75" customHeight="1" x14ac:dyDescent="0.35"/>
    <row r="31" spans="35:39" x14ac:dyDescent="0.35">
      <c r="AI31" s="92"/>
      <c r="AM31" s="92"/>
    </row>
    <row r="32" spans="35:39" x14ac:dyDescent="0.35">
      <c r="AI32" s="92"/>
      <c r="AM32" s="92"/>
    </row>
    <row r="33" spans="1:39" ht="15" thickBot="1" x14ac:dyDescent="0.4">
      <c r="AI33" s="92"/>
      <c r="AM33" s="92"/>
    </row>
    <row r="34" spans="1:39" ht="15" thickBot="1" x14ac:dyDescent="0.4">
      <c r="B34" s="193" t="s">
        <v>265</v>
      </c>
      <c r="C34" s="167"/>
      <c r="D34" s="167"/>
      <c r="E34" s="167"/>
      <c r="F34" s="167"/>
      <c r="G34" s="167"/>
      <c r="H34" s="167"/>
      <c r="I34" s="167"/>
      <c r="J34" s="167"/>
      <c r="K34" s="167"/>
      <c r="L34" s="167"/>
      <c r="M34" s="167"/>
      <c r="N34" s="167"/>
      <c r="O34" s="167"/>
      <c r="P34" s="194"/>
      <c r="Q34" s="194"/>
      <c r="R34" s="194"/>
      <c r="S34" s="194"/>
      <c r="T34" s="195"/>
      <c r="U34" s="195"/>
      <c r="V34" s="167"/>
      <c r="W34" s="196"/>
      <c r="X34" s="196"/>
      <c r="Y34" s="197"/>
      <c r="Z34" s="198"/>
      <c r="AA34" s="28"/>
      <c r="AB34" s="199"/>
      <c r="AC34" s="28"/>
      <c r="AD34" s="29"/>
      <c r="AM34" s="89"/>
    </row>
    <row r="35" spans="1:39" x14ac:dyDescent="0.35">
      <c r="A35" s="1"/>
      <c r="B35" s="210"/>
      <c r="C35" s="213">
        <v>1995</v>
      </c>
      <c r="D35" s="214">
        <v>1996</v>
      </c>
      <c r="E35" s="214">
        <v>1997</v>
      </c>
      <c r="F35" s="214">
        <v>1998</v>
      </c>
      <c r="G35" s="214">
        <v>1999</v>
      </c>
      <c r="H35" s="214">
        <v>2000</v>
      </c>
      <c r="I35" s="214">
        <v>2001</v>
      </c>
      <c r="J35" s="214">
        <v>2002</v>
      </c>
      <c r="K35" s="214">
        <v>2003</v>
      </c>
      <c r="L35" s="214">
        <v>2004</v>
      </c>
      <c r="M35" s="214">
        <v>2005</v>
      </c>
      <c r="N35" s="214">
        <v>2006</v>
      </c>
      <c r="O35" s="214">
        <v>2007</v>
      </c>
      <c r="P35" s="214">
        <v>2008</v>
      </c>
      <c r="Q35" s="214">
        <v>2009</v>
      </c>
      <c r="R35" s="214">
        <v>2010</v>
      </c>
      <c r="S35" s="214">
        <v>2011</v>
      </c>
      <c r="T35" s="214">
        <v>2012</v>
      </c>
      <c r="U35" s="214">
        <v>2013</v>
      </c>
      <c r="V35" s="214">
        <v>2014</v>
      </c>
      <c r="W35" s="214">
        <v>2015</v>
      </c>
      <c r="X35" s="215">
        <v>2016</v>
      </c>
      <c r="Y35" s="215">
        <v>2017</v>
      </c>
      <c r="Z35" s="214">
        <v>2018</v>
      </c>
      <c r="AA35" s="215">
        <v>2019</v>
      </c>
      <c r="AB35" s="215">
        <v>2020</v>
      </c>
      <c r="AC35" s="215">
        <v>2021</v>
      </c>
      <c r="AD35" s="216">
        <v>2022</v>
      </c>
      <c r="AM35" s="89"/>
    </row>
    <row r="36" spans="1:39" x14ac:dyDescent="0.35">
      <c r="A36" s="77" t="s">
        <v>0</v>
      </c>
      <c r="B36" s="211" t="s">
        <v>0</v>
      </c>
      <c r="C36" s="208"/>
      <c r="D36" s="57"/>
      <c r="E36" s="57"/>
      <c r="F36" s="57"/>
      <c r="G36" s="57"/>
      <c r="H36" s="57"/>
      <c r="I36" s="57"/>
      <c r="J36" s="57"/>
      <c r="K36" s="57"/>
      <c r="L36" s="57"/>
      <c r="M36" s="58"/>
      <c r="N36" s="58"/>
      <c r="O36" s="58"/>
      <c r="P36" s="59">
        <v>2000</v>
      </c>
      <c r="Q36" s="59">
        <v>2000</v>
      </c>
      <c r="R36" s="59">
        <v>2000</v>
      </c>
      <c r="S36" s="59">
        <v>2220</v>
      </c>
      <c r="T36" s="59">
        <v>2740</v>
      </c>
      <c r="U36" s="59">
        <v>2730</v>
      </c>
      <c r="V36" s="88">
        <v>2900</v>
      </c>
      <c r="W36" s="60">
        <v>3000</v>
      </c>
      <c r="X36" s="60">
        <v>2780.4878048780488</v>
      </c>
      <c r="Y36" s="57"/>
      <c r="Z36" s="60">
        <v>3267.605633802817</v>
      </c>
      <c r="AA36" s="60">
        <v>3140</v>
      </c>
      <c r="AB36" s="60">
        <v>3571.4285714285716</v>
      </c>
      <c r="AC36" s="60">
        <v>4358.2089552238804</v>
      </c>
      <c r="AD36" s="200">
        <v>3620</v>
      </c>
      <c r="AM36" s="89"/>
    </row>
    <row r="37" spans="1:39" x14ac:dyDescent="0.35">
      <c r="A37" s="77" t="s">
        <v>1</v>
      </c>
      <c r="B37" s="211" t="s">
        <v>1</v>
      </c>
      <c r="C37" s="208"/>
      <c r="D37" s="57"/>
      <c r="E37" s="57"/>
      <c r="F37" s="57"/>
      <c r="G37" s="57"/>
      <c r="H37" s="57"/>
      <c r="I37" s="57"/>
      <c r="J37" s="57"/>
      <c r="K37" s="57"/>
      <c r="L37" s="57"/>
      <c r="M37" s="58"/>
      <c r="N37" s="58"/>
      <c r="O37" s="58"/>
      <c r="P37" s="59"/>
      <c r="Q37" s="59"/>
      <c r="R37" s="59"/>
      <c r="S37" s="59"/>
      <c r="T37" s="59"/>
      <c r="U37" s="59"/>
      <c r="V37" s="88"/>
      <c r="W37" s="57"/>
      <c r="X37" s="60"/>
      <c r="Y37" s="57"/>
      <c r="Z37" s="57"/>
      <c r="AA37" s="60"/>
      <c r="AB37" s="60"/>
      <c r="AC37" s="60"/>
      <c r="AD37" s="200" t="s">
        <v>23</v>
      </c>
      <c r="AM37" s="89"/>
    </row>
    <row r="38" spans="1:39" x14ac:dyDescent="0.35">
      <c r="A38" s="77" t="s">
        <v>2</v>
      </c>
      <c r="B38" s="211" t="s">
        <v>2</v>
      </c>
      <c r="C38" s="208"/>
      <c r="D38" s="57">
        <v>100</v>
      </c>
      <c r="E38" s="57">
        <v>600</v>
      </c>
      <c r="F38" s="57">
        <v>1090.9000000000001</v>
      </c>
      <c r="G38" s="57">
        <v>844.26</v>
      </c>
      <c r="H38" s="57">
        <v>451.7</v>
      </c>
      <c r="I38" s="57">
        <v>806</v>
      </c>
      <c r="J38" s="57">
        <v>1060</v>
      </c>
      <c r="K38" s="57">
        <v>682</v>
      </c>
      <c r="L38" s="57">
        <v>1280</v>
      </c>
      <c r="M38" s="58">
        <v>1700</v>
      </c>
      <c r="N38" s="58">
        <v>1230</v>
      </c>
      <c r="O38" s="57">
        <v>1320</v>
      </c>
      <c r="P38" s="59">
        <v>1863</v>
      </c>
      <c r="Q38" s="59">
        <v>2000</v>
      </c>
      <c r="R38" s="59">
        <v>2000</v>
      </c>
      <c r="S38" s="59">
        <v>1930</v>
      </c>
      <c r="T38" s="59">
        <v>1975</v>
      </c>
      <c r="U38" s="59">
        <v>2000</v>
      </c>
      <c r="V38" s="88">
        <v>1997</v>
      </c>
      <c r="W38" s="60">
        <v>2000</v>
      </c>
      <c r="X38" s="60">
        <v>3166.6666666666665</v>
      </c>
      <c r="Y38" s="60">
        <v>2685.0393700787404</v>
      </c>
      <c r="Z38" s="60">
        <v>3179.7752808988762</v>
      </c>
      <c r="AA38" s="60">
        <v>3411.4285714285716</v>
      </c>
      <c r="AB38" s="60">
        <v>4166.666666666667</v>
      </c>
      <c r="AC38" s="60">
        <v>4231.25</v>
      </c>
      <c r="AD38" s="200">
        <v>4551.5837104072398</v>
      </c>
      <c r="AM38" s="91"/>
    </row>
    <row r="39" spans="1:39" x14ac:dyDescent="0.35">
      <c r="A39" s="77" t="s">
        <v>3</v>
      </c>
      <c r="B39" s="211" t="s">
        <v>3</v>
      </c>
      <c r="C39" s="208"/>
      <c r="D39" s="57"/>
      <c r="E39" s="57"/>
      <c r="F39" s="57"/>
      <c r="G39" s="57"/>
      <c r="H39" s="57"/>
      <c r="I39" s="57"/>
      <c r="J39" s="57"/>
      <c r="K39" s="57"/>
      <c r="L39" s="57"/>
      <c r="M39" s="58"/>
      <c r="N39" s="58"/>
      <c r="O39" s="57"/>
      <c r="P39" s="59"/>
      <c r="Q39" s="59"/>
      <c r="R39" s="59">
        <v>1467</v>
      </c>
      <c r="S39" s="59">
        <v>1545</v>
      </c>
      <c r="T39" s="59">
        <v>1646</v>
      </c>
      <c r="U39" s="59">
        <v>1719</v>
      </c>
      <c r="V39" s="88">
        <v>1768</v>
      </c>
      <c r="W39" s="61">
        <v>1841</v>
      </c>
      <c r="X39" s="60">
        <v>1955.1577009955661</v>
      </c>
      <c r="Y39" s="60">
        <v>2111.5628356605798</v>
      </c>
      <c r="Z39" s="60">
        <v>2183.2920280875669</v>
      </c>
      <c r="AA39" s="60">
        <v>2453.7376328325395</v>
      </c>
      <c r="AB39" s="60"/>
      <c r="AC39" s="60">
        <v>3514.4912324806737</v>
      </c>
      <c r="AD39" s="200">
        <v>4489.9603532167957</v>
      </c>
      <c r="AM39" s="89"/>
    </row>
    <row r="40" spans="1:39" x14ac:dyDescent="0.35">
      <c r="A40" s="77" t="s">
        <v>4</v>
      </c>
      <c r="B40" s="211" t="s">
        <v>4</v>
      </c>
      <c r="C40" s="208">
        <v>482</v>
      </c>
      <c r="D40" s="57">
        <v>515</v>
      </c>
      <c r="E40" s="57">
        <v>561</v>
      </c>
      <c r="F40" s="57">
        <v>677</v>
      </c>
      <c r="G40" s="57">
        <v>750</v>
      </c>
      <c r="H40" s="57">
        <v>889</v>
      </c>
      <c r="I40" s="57">
        <v>889</v>
      </c>
      <c r="J40" s="57">
        <v>1337</v>
      </c>
      <c r="K40" s="57">
        <v>2045</v>
      </c>
      <c r="L40" s="57">
        <v>1100</v>
      </c>
      <c r="M40" s="58">
        <v>1200</v>
      </c>
      <c r="N40" s="58">
        <v>1287</v>
      </c>
      <c r="O40" s="57">
        <v>1280</v>
      </c>
      <c r="P40" s="59">
        <v>2000</v>
      </c>
      <c r="Q40" s="59">
        <v>2200</v>
      </c>
      <c r="R40" s="59">
        <v>2200</v>
      </c>
      <c r="S40" s="59">
        <v>2155</v>
      </c>
      <c r="T40" s="59">
        <v>2731</v>
      </c>
      <c r="U40" s="59">
        <v>3132</v>
      </c>
      <c r="V40" s="88">
        <v>1137</v>
      </c>
      <c r="W40" s="61">
        <v>3050</v>
      </c>
      <c r="X40" s="60">
        <v>2865</v>
      </c>
      <c r="Y40" s="60">
        <v>3509.433962264151</v>
      </c>
      <c r="Z40" s="60">
        <v>5475</v>
      </c>
      <c r="AA40" s="60"/>
      <c r="AB40" s="60">
        <v>4234.6153846153848</v>
      </c>
      <c r="AC40" s="60">
        <v>6671.7699115044252</v>
      </c>
      <c r="AD40" s="200">
        <v>3498.3783783783783</v>
      </c>
      <c r="AL40" s="2"/>
      <c r="AM40" s="89"/>
    </row>
    <row r="41" spans="1:39" x14ac:dyDescent="0.35">
      <c r="A41" s="77" t="s">
        <v>5</v>
      </c>
      <c r="B41" s="211" t="s">
        <v>5</v>
      </c>
      <c r="C41" s="208">
        <v>500</v>
      </c>
      <c r="D41" s="57">
        <v>450</v>
      </c>
      <c r="E41" s="57">
        <v>575</v>
      </c>
      <c r="F41" s="57">
        <v>617</v>
      </c>
      <c r="G41" s="57">
        <v>894</v>
      </c>
      <c r="H41" s="57"/>
      <c r="I41" s="57">
        <v>1000</v>
      </c>
      <c r="J41" s="57">
        <v>2000</v>
      </c>
      <c r="K41" s="57">
        <v>920</v>
      </c>
      <c r="L41" s="57">
        <v>2107</v>
      </c>
      <c r="M41" s="58">
        <v>1030</v>
      </c>
      <c r="N41" s="58">
        <v>2000</v>
      </c>
      <c r="O41" s="57">
        <v>2160</v>
      </c>
      <c r="P41" s="59">
        <v>3000</v>
      </c>
      <c r="Q41" s="59">
        <v>2000</v>
      </c>
      <c r="R41" s="59">
        <v>3076</v>
      </c>
      <c r="S41" s="59">
        <v>1000</v>
      </c>
      <c r="T41" s="59">
        <v>2800</v>
      </c>
      <c r="U41" s="59">
        <v>3200</v>
      </c>
      <c r="V41" s="88">
        <v>3100</v>
      </c>
      <c r="W41" s="57"/>
      <c r="X41" s="60">
        <v>3131.868131868132</v>
      </c>
      <c r="Y41" s="60">
        <v>3372.5490196078431</v>
      </c>
      <c r="Z41" s="57"/>
      <c r="AA41" s="60">
        <v>4339.2857142857147</v>
      </c>
      <c r="AB41" s="60">
        <v>4507.4626865671644</v>
      </c>
      <c r="AC41" s="60">
        <v>4758.8652482269499</v>
      </c>
      <c r="AD41" s="200">
        <v>5560.6407322654459</v>
      </c>
      <c r="AL41" s="2"/>
      <c r="AM41" s="89"/>
    </row>
    <row r="42" spans="1:39" x14ac:dyDescent="0.35">
      <c r="A42" s="77" t="s">
        <v>6</v>
      </c>
      <c r="B42" s="211" t="s">
        <v>6</v>
      </c>
      <c r="C42" s="208"/>
      <c r="D42" s="57"/>
      <c r="E42" s="57"/>
      <c r="F42" s="57"/>
      <c r="G42" s="57"/>
      <c r="H42" s="57"/>
      <c r="I42" s="57"/>
      <c r="J42" s="57"/>
      <c r="K42" s="57"/>
      <c r="L42" s="57"/>
      <c r="M42" s="58"/>
      <c r="N42" s="58"/>
      <c r="O42" s="57"/>
      <c r="P42" s="59"/>
      <c r="Q42" s="59"/>
      <c r="R42" s="59"/>
      <c r="S42" s="59"/>
      <c r="T42" s="59"/>
      <c r="U42" s="59"/>
      <c r="V42" s="88">
        <v>2200</v>
      </c>
      <c r="W42" s="61"/>
      <c r="X42" s="60">
        <v>2268.3333333333335</v>
      </c>
      <c r="Y42" s="57"/>
      <c r="Z42" s="60">
        <v>2331.7901234567903</v>
      </c>
      <c r="AA42" s="60">
        <v>2776.9080234833659</v>
      </c>
      <c r="AB42" s="60"/>
      <c r="AC42" s="60"/>
      <c r="AD42" s="200" t="s">
        <v>23</v>
      </c>
      <c r="AM42" s="90"/>
    </row>
    <row r="43" spans="1:39" x14ac:dyDescent="0.35">
      <c r="A43" s="77" t="s">
        <v>7</v>
      </c>
      <c r="B43" s="211" t="s">
        <v>7</v>
      </c>
      <c r="C43" s="208">
        <v>472</v>
      </c>
      <c r="D43" s="57">
        <v>529.70000000000005</v>
      </c>
      <c r="E43" s="57">
        <v>629</v>
      </c>
      <c r="F43" s="57">
        <v>785</v>
      </c>
      <c r="G43" s="57">
        <v>935.6</v>
      </c>
      <c r="H43" s="57">
        <v>1114</v>
      </c>
      <c r="I43" s="57">
        <v>1279</v>
      </c>
      <c r="J43" s="57">
        <v>1395</v>
      </c>
      <c r="K43" s="57">
        <v>1552</v>
      </c>
      <c r="L43" s="57">
        <v>1696</v>
      </c>
      <c r="M43" s="58">
        <v>1723</v>
      </c>
      <c r="N43" s="58">
        <v>1848</v>
      </c>
      <c r="O43" s="57">
        <v>1667</v>
      </c>
      <c r="P43" s="59">
        <v>1667</v>
      </c>
      <c r="Q43" s="59">
        <v>2013</v>
      </c>
      <c r="R43" s="59">
        <v>2057</v>
      </c>
      <c r="S43" s="59">
        <v>2243</v>
      </c>
      <c r="T43" s="59">
        <v>2377</v>
      </c>
      <c r="U43" s="57"/>
      <c r="V43" s="62"/>
      <c r="W43" s="61"/>
      <c r="X43" s="60">
        <v>2805.0561797752807</v>
      </c>
      <c r="Y43" s="60">
        <v>3120.1588877855015</v>
      </c>
      <c r="Z43" s="60">
        <v>3527.5675675675675</v>
      </c>
      <c r="AA43" s="60">
        <v>5224.343675417661</v>
      </c>
      <c r="AB43" s="60">
        <v>3650.4424778761063</v>
      </c>
      <c r="AC43" s="60">
        <v>3977.2727272727275</v>
      </c>
      <c r="AD43" s="200">
        <v>4660.4414261460106</v>
      </c>
      <c r="AM43" s="90"/>
    </row>
    <row r="44" spans="1:39" x14ac:dyDescent="0.35">
      <c r="A44" s="77" t="s">
        <v>22</v>
      </c>
      <c r="B44" s="211" t="s">
        <v>22</v>
      </c>
      <c r="C44" s="208">
        <v>350</v>
      </c>
      <c r="D44" s="57"/>
      <c r="E44" s="57">
        <v>333</v>
      </c>
      <c r="F44" s="57">
        <v>602.6</v>
      </c>
      <c r="G44" s="57">
        <v>523.29999999999995</v>
      </c>
      <c r="H44" s="57">
        <v>614</v>
      </c>
      <c r="I44" s="57">
        <v>626.9</v>
      </c>
      <c r="J44" s="57">
        <v>820</v>
      </c>
      <c r="K44" s="57">
        <v>793</v>
      </c>
      <c r="L44" s="57">
        <v>1038</v>
      </c>
      <c r="M44" s="58">
        <v>1188</v>
      </c>
      <c r="N44" s="58">
        <v>1146</v>
      </c>
      <c r="O44" s="57">
        <v>1850</v>
      </c>
      <c r="P44" s="59">
        <v>1650</v>
      </c>
      <c r="Q44" s="59">
        <v>1650</v>
      </c>
      <c r="R44" s="59">
        <v>1145</v>
      </c>
      <c r="S44" s="59"/>
      <c r="T44" s="59"/>
      <c r="U44" s="59"/>
      <c r="V44" s="62"/>
      <c r="W44" s="61"/>
      <c r="X44" s="60"/>
      <c r="Y44" s="138"/>
      <c r="Z44" s="138"/>
      <c r="AA44" s="138"/>
      <c r="AB44" s="138"/>
      <c r="AC44" s="138"/>
      <c r="AD44" s="31"/>
      <c r="AM44" s="89"/>
    </row>
    <row r="45" spans="1:39" x14ac:dyDescent="0.35">
      <c r="A45" s="77" t="s">
        <v>9</v>
      </c>
      <c r="B45" s="211" t="s">
        <v>9</v>
      </c>
      <c r="C45" s="208"/>
      <c r="D45" s="57"/>
      <c r="E45" s="57"/>
      <c r="F45" s="57"/>
      <c r="G45" s="57"/>
      <c r="H45" s="57"/>
      <c r="I45" s="57"/>
      <c r="J45" s="57">
        <v>850</v>
      </c>
      <c r="K45" s="57">
        <v>1230</v>
      </c>
      <c r="L45" s="57">
        <v>1000</v>
      </c>
      <c r="M45" s="58">
        <v>1000</v>
      </c>
      <c r="N45" s="58"/>
      <c r="O45" s="57">
        <v>1900</v>
      </c>
      <c r="P45" s="59">
        <v>1696</v>
      </c>
      <c r="Q45" s="59">
        <v>2230</v>
      </c>
      <c r="R45" s="59">
        <v>2000</v>
      </c>
      <c r="S45" s="59">
        <v>2000</v>
      </c>
      <c r="T45" s="59">
        <v>2420</v>
      </c>
      <c r="U45" s="63"/>
      <c r="V45" s="62"/>
      <c r="W45" s="88">
        <v>2644</v>
      </c>
      <c r="X45" s="60"/>
      <c r="Y45" s="60">
        <v>2733.19391634981</v>
      </c>
      <c r="Z45" s="60">
        <v>2831.9327731092435</v>
      </c>
      <c r="AA45" s="60">
        <v>3049.0797546012268</v>
      </c>
      <c r="AB45" s="60"/>
      <c r="AC45" s="60">
        <v>3100</v>
      </c>
      <c r="AD45" s="200"/>
    </row>
    <row r="46" spans="1:39" ht="14.75" customHeight="1" x14ac:dyDescent="0.35">
      <c r="A46" s="77" t="s">
        <v>10</v>
      </c>
      <c r="B46" s="211" t="s">
        <v>10</v>
      </c>
      <c r="C46" s="208">
        <v>600</v>
      </c>
      <c r="D46" s="57">
        <v>735</v>
      </c>
      <c r="E46" s="57">
        <v>303</v>
      </c>
      <c r="F46" s="57">
        <v>516</v>
      </c>
      <c r="G46" s="57">
        <v>568</v>
      </c>
      <c r="H46" s="57">
        <v>648</v>
      </c>
      <c r="I46" s="57">
        <v>637</v>
      </c>
      <c r="J46" s="57">
        <v>774</v>
      </c>
      <c r="K46" s="57">
        <v>800</v>
      </c>
      <c r="L46" s="57">
        <v>918</v>
      </c>
      <c r="M46" s="58">
        <v>1196</v>
      </c>
      <c r="N46" s="58">
        <v>1148</v>
      </c>
      <c r="O46" s="57">
        <v>1638</v>
      </c>
      <c r="P46" s="59">
        <v>1566</v>
      </c>
      <c r="Q46" s="59">
        <v>1715</v>
      </c>
      <c r="R46" s="59">
        <v>1541</v>
      </c>
      <c r="S46" s="59">
        <v>1831</v>
      </c>
      <c r="T46" s="59">
        <v>1760</v>
      </c>
      <c r="U46" s="59">
        <v>2014</v>
      </c>
      <c r="V46" s="88">
        <v>1920</v>
      </c>
      <c r="W46" s="57">
        <v>2170</v>
      </c>
      <c r="X46" s="60"/>
      <c r="Y46" s="60">
        <v>1940</v>
      </c>
      <c r="Z46" s="60">
        <v>2485.4395604395604</v>
      </c>
      <c r="AA46" s="60">
        <v>2964.9350649350649</v>
      </c>
      <c r="AB46" s="60">
        <v>2672.3684210526317</v>
      </c>
      <c r="AC46" s="60">
        <v>3140</v>
      </c>
      <c r="AD46" s="200">
        <v>3278.5714285714284</v>
      </c>
    </row>
    <row r="47" spans="1:39" x14ac:dyDescent="0.35">
      <c r="A47" s="77" t="s">
        <v>11</v>
      </c>
      <c r="B47" s="211" t="s">
        <v>11</v>
      </c>
      <c r="C47" s="208">
        <v>281.14999999999998</v>
      </c>
      <c r="D47" s="57">
        <v>275</v>
      </c>
      <c r="E47" s="57">
        <v>231.08</v>
      </c>
      <c r="F47" s="57">
        <v>360</v>
      </c>
      <c r="G47" s="57">
        <v>1085</v>
      </c>
      <c r="H47" s="57">
        <v>518</v>
      </c>
      <c r="I47" s="57"/>
      <c r="J47" s="57"/>
      <c r="K47" s="57">
        <v>1180</v>
      </c>
      <c r="L47" s="57">
        <v>1300</v>
      </c>
      <c r="M47" s="58">
        <v>1300</v>
      </c>
      <c r="N47" s="58">
        <v>1159</v>
      </c>
      <c r="O47" s="57">
        <v>1156</v>
      </c>
      <c r="P47" s="59">
        <v>1247</v>
      </c>
      <c r="Q47" s="59">
        <v>1680</v>
      </c>
      <c r="R47" s="59">
        <v>1586</v>
      </c>
      <c r="S47" s="59">
        <v>1991</v>
      </c>
      <c r="T47" s="59">
        <v>2438</v>
      </c>
      <c r="U47" s="59">
        <v>1474</v>
      </c>
      <c r="V47" s="88">
        <v>2038</v>
      </c>
      <c r="W47" s="88">
        <v>2239</v>
      </c>
      <c r="X47" s="60">
        <v>1989.795918367347</v>
      </c>
      <c r="Y47" s="60">
        <v>2194.8051948051948</v>
      </c>
      <c r="Z47" s="60">
        <v>2610</v>
      </c>
      <c r="AA47" s="60">
        <v>2596.1538461538462</v>
      </c>
      <c r="AB47" s="60">
        <v>3108.4337349397592</v>
      </c>
      <c r="AC47" s="60">
        <v>2429.8850574712642</v>
      </c>
      <c r="AD47" s="200">
        <v>3234.7222222222222</v>
      </c>
    </row>
    <row r="48" spans="1:39" ht="14.75" customHeight="1" x14ac:dyDescent="0.35">
      <c r="A48" s="77" t="s">
        <v>12</v>
      </c>
      <c r="B48" s="211" t="s">
        <v>12</v>
      </c>
      <c r="C48" s="208"/>
      <c r="D48" s="57"/>
      <c r="E48" s="57"/>
      <c r="F48" s="57"/>
      <c r="G48" s="57"/>
      <c r="H48" s="57"/>
      <c r="I48" s="57"/>
      <c r="J48" s="57"/>
      <c r="K48" s="57"/>
      <c r="L48" s="57">
        <v>1000</v>
      </c>
      <c r="M48" s="58">
        <v>1700</v>
      </c>
      <c r="N48" s="58"/>
      <c r="O48" s="57">
        <v>1417</v>
      </c>
      <c r="P48" s="59">
        <v>1579</v>
      </c>
      <c r="Q48" s="59">
        <v>1579</v>
      </c>
      <c r="R48" s="59">
        <v>1381</v>
      </c>
      <c r="S48" s="59">
        <v>1381</v>
      </c>
      <c r="T48" s="59">
        <v>1209</v>
      </c>
      <c r="U48" s="59">
        <v>1721</v>
      </c>
      <c r="V48" s="88">
        <v>1500</v>
      </c>
      <c r="W48" s="57">
        <v>2555</v>
      </c>
      <c r="X48" s="60"/>
      <c r="Y48" s="60">
        <v>2595.2380952380954</v>
      </c>
      <c r="Z48" s="60">
        <v>2564.516129032258</v>
      </c>
      <c r="AA48" s="60">
        <v>3472.7272727272725</v>
      </c>
      <c r="AB48" s="60">
        <v>2807.8947368421054</v>
      </c>
      <c r="AC48" s="60">
        <v>3533.3333333333335</v>
      </c>
      <c r="AD48" s="200">
        <v>5311.1111111111113</v>
      </c>
      <c r="AM48" s="55"/>
    </row>
    <row r="49" spans="1:39" x14ac:dyDescent="0.35">
      <c r="A49" s="77" t="s">
        <v>13</v>
      </c>
      <c r="B49" s="211" t="s">
        <v>13</v>
      </c>
      <c r="C49" s="208"/>
      <c r="D49" s="57"/>
      <c r="E49" s="57"/>
      <c r="F49" s="57">
        <v>600</v>
      </c>
      <c r="G49" s="57"/>
      <c r="H49" s="57"/>
      <c r="I49" s="57"/>
      <c r="J49" s="57"/>
      <c r="K49" s="57"/>
      <c r="L49" s="57"/>
      <c r="M49" s="58"/>
      <c r="N49" s="58"/>
      <c r="O49" s="57"/>
      <c r="P49" s="64"/>
      <c r="Q49" s="59">
        <v>1136</v>
      </c>
      <c r="R49" s="59">
        <v>1200</v>
      </c>
      <c r="S49" s="59">
        <v>1250</v>
      </c>
      <c r="T49" s="59">
        <v>1500</v>
      </c>
      <c r="U49" s="59">
        <v>2000</v>
      </c>
      <c r="V49" s="88">
        <v>1800</v>
      </c>
      <c r="W49" s="57"/>
      <c r="X49" s="60">
        <v>2427.8074866310158</v>
      </c>
      <c r="Y49" s="60">
        <v>3194</v>
      </c>
      <c r="Z49" s="60">
        <v>2896.875</v>
      </c>
      <c r="AA49" s="60">
        <v>3064.5933014354068</v>
      </c>
      <c r="AB49" s="60"/>
      <c r="AC49" s="60"/>
      <c r="AD49" s="200"/>
    </row>
    <row r="50" spans="1:39" x14ac:dyDescent="0.35">
      <c r="A50" s="77" t="s">
        <v>14</v>
      </c>
      <c r="B50" s="211" t="s">
        <v>14</v>
      </c>
      <c r="C50" s="208">
        <v>289.2</v>
      </c>
      <c r="D50" s="57">
        <v>364.3</v>
      </c>
      <c r="E50" s="57">
        <v>488.9</v>
      </c>
      <c r="F50" s="57">
        <v>683.3</v>
      </c>
      <c r="G50" s="57">
        <v>670.9</v>
      </c>
      <c r="H50" s="57">
        <v>820.8</v>
      </c>
      <c r="I50" s="57">
        <v>671.4</v>
      </c>
      <c r="J50" s="57">
        <v>1301</v>
      </c>
      <c r="K50" s="57">
        <v>1266</v>
      </c>
      <c r="L50" s="57">
        <v>1203</v>
      </c>
      <c r="M50" s="58">
        <v>1358</v>
      </c>
      <c r="N50" s="58">
        <v>2248</v>
      </c>
      <c r="O50" s="57">
        <v>1787</v>
      </c>
      <c r="P50" s="59">
        <v>2219</v>
      </c>
      <c r="Q50" s="59">
        <v>1982</v>
      </c>
      <c r="R50" s="59">
        <v>1982</v>
      </c>
      <c r="S50" s="59">
        <v>2118</v>
      </c>
      <c r="T50" s="59">
        <v>2370</v>
      </c>
      <c r="U50" s="59">
        <v>2729</v>
      </c>
      <c r="V50" s="88">
        <v>3173</v>
      </c>
      <c r="W50" s="57"/>
      <c r="X50" s="60"/>
      <c r="Y50" s="57"/>
      <c r="Z50" s="60">
        <v>1895.8333333333333</v>
      </c>
      <c r="AA50" s="60">
        <v>2865.9793814432992</v>
      </c>
      <c r="AB50" s="60">
        <v>6560.509554140127</v>
      </c>
      <c r="AC50" s="60"/>
      <c r="AD50" s="200">
        <v>5629.4416243654823</v>
      </c>
    </row>
    <row r="51" spans="1:39" x14ac:dyDescent="0.35">
      <c r="A51" s="77" t="s">
        <v>15</v>
      </c>
      <c r="B51" s="211" t="s">
        <v>15</v>
      </c>
      <c r="C51" s="208"/>
      <c r="D51" s="57"/>
      <c r="E51" s="57"/>
      <c r="F51" s="57">
        <v>900</v>
      </c>
      <c r="G51" s="57">
        <v>750</v>
      </c>
      <c r="H51" s="57"/>
      <c r="I51" s="57">
        <v>800</v>
      </c>
      <c r="J51" s="57">
        <v>2220</v>
      </c>
      <c r="K51" s="57">
        <v>1540</v>
      </c>
      <c r="L51" s="57">
        <v>2300</v>
      </c>
      <c r="M51" s="58">
        <v>2300</v>
      </c>
      <c r="N51" s="58">
        <v>2280</v>
      </c>
      <c r="O51" s="57">
        <v>2727</v>
      </c>
      <c r="P51" s="59">
        <v>2531</v>
      </c>
      <c r="Q51" s="59">
        <v>2310</v>
      </c>
      <c r="R51" s="59">
        <v>2300</v>
      </c>
      <c r="S51" s="59">
        <v>2300</v>
      </c>
      <c r="T51" s="59">
        <v>2166</v>
      </c>
      <c r="U51" s="59">
        <v>2500</v>
      </c>
      <c r="V51" s="88">
        <v>3000</v>
      </c>
      <c r="W51" s="57">
        <v>2250</v>
      </c>
      <c r="X51" s="60"/>
      <c r="Y51" s="60">
        <v>3306.1224489795918</v>
      </c>
      <c r="Z51" s="60">
        <v>3563.3802816901407</v>
      </c>
      <c r="AA51" s="60">
        <v>4130.5263157894733</v>
      </c>
      <c r="AB51" s="60">
        <v>4208.7912087912091</v>
      </c>
      <c r="AC51" s="60">
        <v>5031.9148936170213</v>
      </c>
      <c r="AD51" s="200">
        <v>4506.0240963855422</v>
      </c>
    </row>
    <row r="52" spans="1:39" x14ac:dyDescent="0.35">
      <c r="A52" s="77" t="s">
        <v>16</v>
      </c>
      <c r="B52" s="211" t="s">
        <v>16</v>
      </c>
      <c r="C52" s="208"/>
      <c r="D52" s="57"/>
      <c r="E52" s="57"/>
      <c r="F52" s="57"/>
      <c r="G52" s="57"/>
      <c r="H52" s="57"/>
      <c r="I52" s="57"/>
      <c r="J52" s="57"/>
      <c r="K52" s="57">
        <v>1370</v>
      </c>
      <c r="L52" s="57">
        <v>1780</v>
      </c>
      <c r="M52" s="58">
        <v>2100</v>
      </c>
      <c r="N52" s="58">
        <v>2400</v>
      </c>
      <c r="O52" s="57">
        <v>2900</v>
      </c>
      <c r="P52" s="59">
        <v>1900</v>
      </c>
      <c r="Q52" s="59">
        <v>1900</v>
      </c>
      <c r="R52" s="59">
        <v>2000</v>
      </c>
      <c r="S52" s="59">
        <v>2000</v>
      </c>
      <c r="T52" s="59">
        <v>1800</v>
      </c>
      <c r="U52" s="59">
        <v>2000</v>
      </c>
      <c r="V52" s="88">
        <v>2000</v>
      </c>
      <c r="W52" s="88">
        <v>2000</v>
      </c>
      <c r="X52" s="60">
        <v>2000</v>
      </c>
      <c r="Y52" s="57"/>
      <c r="Z52" s="60">
        <v>1833</v>
      </c>
      <c r="AA52" s="60">
        <v>2464</v>
      </c>
      <c r="AB52" s="60">
        <v>4100</v>
      </c>
      <c r="AC52" s="60"/>
      <c r="AD52" s="200"/>
    </row>
    <row r="53" spans="1:39" x14ac:dyDescent="0.35">
      <c r="A53" s="77" t="s">
        <v>17</v>
      </c>
      <c r="B53" s="211" t="s">
        <v>17</v>
      </c>
      <c r="C53" s="208">
        <v>297</v>
      </c>
      <c r="D53" s="57">
        <v>420</v>
      </c>
      <c r="E53" s="57">
        <v>422</v>
      </c>
      <c r="F53" s="57">
        <v>459</v>
      </c>
      <c r="G53" s="57">
        <v>628</v>
      </c>
      <c r="H53" s="57">
        <v>666</v>
      </c>
      <c r="I53" s="57">
        <v>735</v>
      </c>
      <c r="J53" s="57">
        <v>808</v>
      </c>
      <c r="K53" s="57">
        <v>804</v>
      </c>
      <c r="L53" s="57">
        <v>1060</v>
      </c>
      <c r="M53" s="58">
        <v>1320</v>
      </c>
      <c r="N53" s="58">
        <v>1375</v>
      </c>
      <c r="O53" s="57">
        <v>1623</v>
      </c>
      <c r="P53" s="59">
        <v>1600</v>
      </c>
      <c r="Q53" s="59">
        <v>1854</v>
      </c>
      <c r="R53" s="59">
        <v>1854</v>
      </c>
      <c r="S53" s="59">
        <v>1807</v>
      </c>
      <c r="T53" s="59">
        <v>1920</v>
      </c>
      <c r="U53" s="59">
        <v>1980</v>
      </c>
      <c r="V53" s="88">
        <v>1983</v>
      </c>
      <c r="W53" s="57"/>
      <c r="X53" s="60">
        <v>1461.5384615384614</v>
      </c>
      <c r="Y53" s="60">
        <v>1408</v>
      </c>
      <c r="Z53" s="60">
        <v>2390.2439024390242</v>
      </c>
      <c r="AA53" s="60">
        <v>3537</v>
      </c>
      <c r="AB53" s="60"/>
      <c r="AC53" s="60">
        <v>2935.9233449477351</v>
      </c>
      <c r="AD53" s="200">
        <v>4227.8481012658231</v>
      </c>
    </row>
    <row r="54" spans="1:39" x14ac:dyDescent="0.35">
      <c r="A54" s="77" t="s">
        <v>18</v>
      </c>
      <c r="B54" s="211" t="s">
        <v>18</v>
      </c>
      <c r="C54" s="208">
        <v>464.5</v>
      </c>
      <c r="D54" s="57">
        <v>464.29</v>
      </c>
      <c r="E54" s="57">
        <v>522.73</v>
      </c>
      <c r="F54" s="57">
        <v>600</v>
      </c>
      <c r="G54" s="57">
        <v>706.9</v>
      </c>
      <c r="H54" s="57">
        <v>512.19500000000005</v>
      </c>
      <c r="I54" s="57">
        <v>1306.0999999999999</v>
      </c>
      <c r="J54" s="57">
        <v>920.45</v>
      </c>
      <c r="K54" s="57">
        <v>951.61</v>
      </c>
      <c r="L54" s="57">
        <v>1000</v>
      </c>
      <c r="M54" s="58">
        <v>1000</v>
      </c>
      <c r="N54" s="58">
        <v>1879</v>
      </c>
      <c r="O54" s="57">
        <v>1700</v>
      </c>
      <c r="P54" s="59">
        <v>1700</v>
      </c>
      <c r="Q54" s="59">
        <v>1830</v>
      </c>
      <c r="R54" s="59">
        <v>1987</v>
      </c>
      <c r="S54" s="59">
        <v>2133</v>
      </c>
      <c r="T54" s="59">
        <v>2127</v>
      </c>
      <c r="U54" s="59">
        <v>2912</v>
      </c>
      <c r="V54" s="88">
        <v>2605</v>
      </c>
      <c r="W54" s="57">
        <v>3265</v>
      </c>
      <c r="X54" s="60">
        <v>1900</v>
      </c>
      <c r="Y54" s="60">
        <v>3373</v>
      </c>
      <c r="Z54" s="60">
        <v>3225</v>
      </c>
      <c r="AA54" s="60">
        <v>3553</v>
      </c>
      <c r="AB54" s="60">
        <v>3929.9719887955184</v>
      </c>
      <c r="AC54" s="60">
        <v>4771.0280373831774</v>
      </c>
      <c r="AD54" s="200">
        <v>5275.6097560975613</v>
      </c>
    </row>
    <row r="55" spans="1:39" x14ac:dyDescent="0.35">
      <c r="A55" s="77" t="s">
        <v>20</v>
      </c>
      <c r="B55" s="211" t="s">
        <v>32</v>
      </c>
      <c r="C55" s="208">
        <v>494.4</v>
      </c>
      <c r="D55" s="57">
        <v>732.78688524590166</v>
      </c>
      <c r="E55" s="57">
        <v>555.9</v>
      </c>
      <c r="F55" s="57">
        <v>384</v>
      </c>
      <c r="G55" s="57">
        <v>703.7</v>
      </c>
      <c r="H55" s="57">
        <v>652.38095238095241</v>
      </c>
      <c r="I55" s="57">
        <v>956.5</v>
      </c>
      <c r="J55" s="57">
        <v>1020</v>
      </c>
      <c r="K55" s="57">
        <v>1648</v>
      </c>
      <c r="L55" s="57">
        <v>1640</v>
      </c>
      <c r="M55" s="58">
        <v>1730</v>
      </c>
      <c r="N55" s="58">
        <v>2102.6999999999998</v>
      </c>
      <c r="O55" s="57">
        <v>2060</v>
      </c>
      <c r="P55" s="59">
        <v>2060</v>
      </c>
      <c r="Q55" s="59">
        <v>2060</v>
      </c>
      <c r="R55" s="59">
        <v>1900</v>
      </c>
      <c r="S55" s="59">
        <v>1900</v>
      </c>
      <c r="T55" s="59">
        <v>2200</v>
      </c>
      <c r="U55" s="63"/>
      <c r="V55" s="62"/>
      <c r="W55" s="57">
        <v>1600</v>
      </c>
      <c r="X55" s="60">
        <v>2151.3761467889908</v>
      </c>
      <c r="Y55" s="57"/>
      <c r="Z55" s="60">
        <v>2881.5977175463622</v>
      </c>
      <c r="AA55" s="60">
        <v>4724.0663900414938</v>
      </c>
      <c r="AB55" s="60">
        <v>4638.4615384615381</v>
      </c>
      <c r="AC55" s="60">
        <v>3608.695652173913</v>
      </c>
      <c r="AD55" s="200">
        <v>3720.8499335989377</v>
      </c>
    </row>
    <row r="56" spans="1:39" ht="15" thickBot="1" x14ac:dyDescent="0.4">
      <c r="A56" s="77" t="s">
        <v>21</v>
      </c>
      <c r="B56" s="212" t="s">
        <v>33</v>
      </c>
      <c r="C56" s="209">
        <v>339</v>
      </c>
      <c r="D56" s="201">
        <v>255</v>
      </c>
      <c r="E56" s="201">
        <v>481</v>
      </c>
      <c r="F56" s="201">
        <v>707</v>
      </c>
      <c r="G56" s="201">
        <v>717</v>
      </c>
      <c r="H56" s="201">
        <v>759</v>
      </c>
      <c r="I56" s="201">
        <v>890</v>
      </c>
      <c r="J56" s="201">
        <v>841</v>
      </c>
      <c r="K56" s="201">
        <v>1355</v>
      </c>
      <c r="L56" s="201">
        <v>1185</v>
      </c>
      <c r="M56" s="202">
        <v>1500</v>
      </c>
      <c r="N56" s="202">
        <v>1600</v>
      </c>
      <c r="O56" s="201">
        <v>1650</v>
      </c>
      <c r="P56" s="203">
        <v>1670</v>
      </c>
      <c r="Q56" s="203">
        <v>1750</v>
      </c>
      <c r="R56" s="204"/>
      <c r="S56" s="203">
        <v>2000</v>
      </c>
      <c r="T56" s="203">
        <v>1945</v>
      </c>
      <c r="U56" s="203">
        <v>1870</v>
      </c>
      <c r="V56" s="205">
        <v>1940</v>
      </c>
      <c r="W56" s="205">
        <v>2000</v>
      </c>
      <c r="X56" s="206">
        <v>2151.3244164699713</v>
      </c>
      <c r="Y56" s="206">
        <v>2321.9722038385175</v>
      </c>
      <c r="Z56" s="206">
        <v>2429.7150176112714</v>
      </c>
      <c r="AA56" s="206">
        <v>2550.8096035734225</v>
      </c>
      <c r="AB56" s="206">
        <v>2346.3317911434237</v>
      </c>
      <c r="AC56" s="206">
        <v>2952.4543253356815</v>
      </c>
      <c r="AD56" s="207">
        <v>3226.3078089461715</v>
      </c>
    </row>
    <row r="58" spans="1:39" x14ac:dyDescent="0.35">
      <c r="B58" s="38" t="s">
        <v>128</v>
      </c>
      <c r="C58" s="5">
        <f t="shared" ref="C58:X58" si="0">MIN(C36:C56)</f>
        <v>281.14999999999998</v>
      </c>
      <c r="D58" s="5">
        <f t="shared" si="0"/>
        <v>100</v>
      </c>
      <c r="E58" s="5">
        <f t="shared" si="0"/>
        <v>231.08</v>
      </c>
      <c r="F58" s="5">
        <f t="shared" si="0"/>
        <v>360</v>
      </c>
      <c r="G58" s="5">
        <f t="shared" si="0"/>
        <v>523.29999999999995</v>
      </c>
      <c r="H58" s="5">
        <f t="shared" si="0"/>
        <v>451.7</v>
      </c>
      <c r="I58" s="5">
        <f t="shared" si="0"/>
        <v>626.9</v>
      </c>
      <c r="J58" s="5">
        <f t="shared" si="0"/>
        <v>774</v>
      </c>
      <c r="K58" s="5">
        <f t="shared" si="0"/>
        <v>682</v>
      </c>
      <c r="L58" s="5">
        <f t="shared" si="0"/>
        <v>918</v>
      </c>
      <c r="M58" s="5">
        <f t="shared" si="0"/>
        <v>1000</v>
      </c>
      <c r="N58" s="5">
        <f t="shared" si="0"/>
        <v>1146</v>
      </c>
      <c r="O58" s="5">
        <f t="shared" si="0"/>
        <v>1156</v>
      </c>
      <c r="P58" s="5">
        <f t="shared" si="0"/>
        <v>1247</v>
      </c>
      <c r="Q58" s="5">
        <f t="shared" si="0"/>
        <v>1136</v>
      </c>
      <c r="R58" s="5">
        <f t="shared" si="0"/>
        <v>1145</v>
      </c>
      <c r="S58" s="5">
        <f t="shared" si="0"/>
        <v>1000</v>
      </c>
      <c r="T58" s="5">
        <f t="shared" si="0"/>
        <v>1209</v>
      </c>
      <c r="U58" s="5">
        <f t="shared" si="0"/>
        <v>1474</v>
      </c>
      <c r="V58" s="5">
        <f t="shared" si="0"/>
        <v>1137</v>
      </c>
      <c r="W58" s="5">
        <f t="shared" si="0"/>
        <v>1600</v>
      </c>
      <c r="X58" s="5">
        <f t="shared" si="0"/>
        <v>1461.5384615384614</v>
      </c>
      <c r="Y58" s="5">
        <f t="array" ref="Y58">MIN(IF(Y36:Y56&gt;0,Y36:Y56))</f>
        <v>1408</v>
      </c>
      <c r="Z58" s="5">
        <f t="array" ref="Z58">MIN(IF(Z36:Z56&gt;0,Z36:Z56))</f>
        <v>1833</v>
      </c>
      <c r="AA58" s="5">
        <f t="array" ref="AA58">MIN(IF(AA36:AA56&gt;0,AA36:AA56))</f>
        <v>2453.7376328325395</v>
      </c>
      <c r="AB58" s="5">
        <f t="array" ref="AB58">MIN(IF(AB36:AB56&gt;0,AB36:AB56))</f>
        <v>2346.3317911434237</v>
      </c>
      <c r="AC58" s="5">
        <f t="array" ref="AC58">MIN(IF(AC36:AC56&gt;0,AC36:AC56))</f>
        <v>2429.8850574712642</v>
      </c>
      <c r="AD58" s="5">
        <f t="array" ref="AD58">MIN(IF(AD36:AD56&gt;0,AD36:AD56))</f>
        <v>3226.3078089461715</v>
      </c>
    </row>
    <row r="59" spans="1:39" x14ac:dyDescent="0.35">
      <c r="B59" s="38" t="s">
        <v>129</v>
      </c>
      <c r="C59" s="65">
        <f t="shared" ref="C59:X59" si="1">MAX(C36:C56)</f>
        <v>600</v>
      </c>
      <c r="D59" s="65">
        <f t="shared" si="1"/>
        <v>735</v>
      </c>
      <c r="E59" s="65">
        <f t="shared" si="1"/>
        <v>629</v>
      </c>
      <c r="F59" s="65">
        <f t="shared" si="1"/>
        <v>1090.9000000000001</v>
      </c>
      <c r="G59" s="65">
        <f t="shared" si="1"/>
        <v>1085</v>
      </c>
      <c r="H59" s="65">
        <f t="shared" si="1"/>
        <v>1114</v>
      </c>
      <c r="I59" s="65">
        <f t="shared" si="1"/>
        <v>1306.0999999999999</v>
      </c>
      <c r="J59" s="65">
        <f t="shared" si="1"/>
        <v>2220</v>
      </c>
      <c r="K59" s="65">
        <f t="shared" si="1"/>
        <v>2045</v>
      </c>
      <c r="L59" s="65">
        <f t="shared" si="1"/>
        <v>2300</v>
      </c>
      <c r="M59" s="65">
        <f t="shared" si="1"/>
        <v>2300</v>
      </c>
      <c r="N59" s="65">
        <f t="shared" si="1"/>
        <v>2400</v>
      </c>
      <c r="O59" s="65">
        <f t="shared" si="1"/>
        <v>2900</v>
      </c>
      <c r="P59" s="65">
        <f t="shared" si="1"/>
        <v>3000</v>
      </c>
      <c r="Q59" s="65">
        <f t="shared" si="1"/>
        <v>2310</v>
      </c>
      <c r="R59" s="65">
        <f t="shared" si="1"/>
        <v>3076</v>
      </c>
      <c r="S59" s="65">
        <f t="shared" si="1"/>
        <v>2300</v>
      </c>
      <c r="T59" s="65">
        <f t="shared" si="1"/>
        <v>2800</v>
      </c>
      <c r="U59" s="65">
        <f t="shared" si="1"/>
        <v>3200</v>
      </c>
      <c r="V59" s="65">
        <f t="shared" si="1"/>
        <v>3173</v>
      </c>
      <c r="W59" s="65">
        <f t="shared" si="1"/>
        <v>3265</v>
      </c>
      <c r="X59" s="65">
        <f t="shared" si="1"/>
        <v>3166.6666666666665</v>
      </c>
      <c r="Y59" s="65">
        <f t="array" ref="Y59">MAX(IF(Y36:Y56&gt;0,Y36:Y56))</f>
        <v>3509.433962264151</v>
      </c>
      <c r="Z59" s="65">
        <f t="array" ref="Z59">MAX(IF(Z36:Z56&gt;0,Z36:Z56))</f>
        <v>5475</v>
      </c>
      <c r="AA59" s="65">
        <f t="array" ref="AA59">MAX(IF(AA36:AA56&gt;0,AA36:AA56))</f>
        <v>5224.343675417661</v>
      </c>
      <c r="AB59" s="65">
        <f t="array" ref="AB59">MAX(IF(AB36:AB56&gt;0,AB36:AB56))</f>
        <v>6560.509554140127</v>
      </c>
      <c r="AC59" s="65">
        <f t="array" ref="AC59">MAX(IF(AC36:AC56&gt;0,AC36:AC56))</f>
        <v>6671.7699115044252</v>
      </c>
      <c r="AD59" s="65">
        <f t="array" ref="AD59">MAX(IF(AD36:AD56&gt;0,AD36:AD56))</f>
        <v>5629.4416243654823</v>
      </c>
      <c r="AI59" s="84"/>
      <c r="AM59" s="84"/>
    </row>
    <row r="60" spans="1:39" x14ac:dyDescent="0.35">
      <c r="B60" s="38" t="s">
        <v>130</v>
      </c>
      <c r="C60" s="65">
        <f t="shared" ref="C60:AD60" si="2">AVERAGE(C36:C56)</f>
        <v>415.38636363636363</v>
      </c>
      <c r="D60" s="65">
        <f t="shared" si="2"/>
        <v>440.09789865871829</v>
      </c>
      <c r="E60" s="65">
        <f t="shared" si="2"/>
        <v>475.21749999999992</v>
      </c>
      <c r="F60" s="65">
        <f t="shared" si="2"/>
        <v>641.55714285714282</v>
      </c>
      <c r="G60" s="65">
        <f t="shared" si="2"/>
        <v>752.05076923076922</v>
      </c>
      <c r="H60" s="65">
        <f t="shared" si="2"/>
        <v>695.00690476190471</v>
      </c>
      <c r="I60" s="65">
        <f t="shared" si="2"/>
        <v>883.07499999999993</v>
      </c>
      <c r="J60" s="65">
        <f t="shared" si="2"/>
        <v>1180.4961538461539</v>
      </c>
      <c r="K60" s="65">
        <f t="shared" si="2"/>
        <v>1209.1073333333334</v>
      </c>
      <c r="L60" s="65">
        <f t="shared" si="2"/>
        <v>1350.4375</v>
      </c>
      <c r="M60" s="65">
        <f t="shared" si="2"/>
        <v>1459.0625</v>
      </c>
      <c r="N60" s="65">
        <f t="shared" si="2"/>
        <v>1693.05</v>
      </c>
      <c r="O60" s="65">
        <f t="shared" si="2"/>
        <v>1802.1875</v>
      </c>
      <c r="P60" s="65">
        <f t="shared" si="2"/>
        <v>1879.2941176470588</v>
      </c>
      <c r="Q60" s="65">
        <f t="shared" si="2"/>
        <v>1882.7222222222222</v>
      </c>
      <c r="R60" s="65">
        <f t="shared" si="2"/>
        <v>1870.8888888888889</v>
      </c>
      <c r="S60" s="65">
        <f t="shared" si="2"/>
        <v>1878</v>
      </c>
      <c r="T60" s="65">
        <f t="shared" si="2"/>
        <v>2118</v>
      </c>
      <c r="U60" s="65">
        <f t="shared" si="2"/>
        <v>2265.4</v>
      </c>
      <c r="V60" s="65">
        <f t="shared" si="2"/>
        <v>2191.3125</v>
      </c>
      <c r="W60" s="65">
        <f t="shared" si="2"/>
        <v>2354.9230769230771</v>
      </c>
      <c r="X60" s="65">
        <f t="shared" si="2"/>
        <v>2361.0294462366296</v>
      </c>
      <c r="Y60" s="65">
        <f t="shared" si="2"/>
        <v>2704.6482810434304</v>
      </c>
      <c r="Z60" s="65">
        <f t="shared" si="2"/>
        <v>2865.1424638341568</v>
      </c>
      <c r="AA60" s="87">
        <f t="shared" si="2"/>
        <v>3351.0319193415758</v>
      </c>
      <c r="AB60" s="87">
        <f t="shared" si="2"/>
        <v>3893.0984829514432</v>
      </c>
      <c r="AC60" s="87">
        <f t="shared" si="2"/>
        <v>3934.3395145980521</v>
      </c>
      <c r="AD60" s="87">
        <f t="shared" si="2"/>
        <v>4319.4327121985434</v>
      </c>
      <c r="AE60" t="s">
        <v>131</v>
      </c>
      <c r="AI60" s="84"/>
      <c r="AM60" s="84"/>
    </row>
    <row r="61" spans="1:39" x14ac:dyDescent="0.35">
      <c r="B61" s="38" t="s">
        <v>132</v>
      </c>
      <c r="G61" s="86">
        <f t="shared" ref="G61:AD61" si="3">(G60-F60)/F60</f>
        <v>0.17222725614362039</v>
      </c>
      <c r="H61" s="86">
        <f t="shared" si="3"/>
        <v>-7.5851081872054332E-2</v>
      </c>
      <c r="I61" s="86">
        <f t="shared" si="3"/>
        <v>0.27059888750677025</v>
      </c>
      <c r="J61" s="86">
        <f t="shared" si="3"/>
        <v>0.33680169164131474</v>
      </c>
      <c r="K61" s="86">
        <f t="shared" si="3"/>
        <v>2.4236571541518273E-2</v>
      </c>
      <c r="L61" s="86">
        <f t="shared" si="3"/>
        <v>0.11688802372659496</v>
      </c>
      <c r="M61" s="86">
        <f t="shared" si="3"/>
        <v>8.043689545054844E-2</v>
      </c>
      <c r="N61" s="86">
        <f t="shared" si="3"/>
        <v>0.16036838723495392</v>
      </c>
      <c r="O61" s="86">
        <f t="shared" si="3"/>
        <v>6.4462065503086169E-2</v>
      </c>
      <c r="P61" s="86">
        <f t="shared" si="3"/>
        <v>4.2785014127031055E-2</v>
      </c>
      <c r="Q61" s="86">
        <f t="shared" si="3"/>
        <v>1.8241447908406662E-3</v>
      </c>
      <c r="R61" s="86">
        <f t="shared" si="3"/>
        <v>-6.2852252943432574E-3</v>
      </c>
      <c r="S61" s="86">
        <f t="shared" si="3"/>
        <v>3.8009264758284696E-3</v>
      </c>
      <c r="T61" s="86">
        <f t="shared" si="3"/>
        <v>0.12779552715654952</v>
      </c>
      <c r="U61" s="86">
        <f t="shared" si="3"/>
        <v>6.9593956562795128E-2</v>
      </c>
      <c r="V61" s="86">
        <f t="shared" si="3"/>
        <v>-3.2703937494482249E-2</v>
      </c>
      <c r="W61" s="86">
        <f t="shared" si="3"/>
        <v>7.4663279164006557E-2</v>
      </c>
      <c r="X61" s="86">
        <f t="shared" si="3"/>
        <v>2.5930228351794013E-3</v>
      </c>
      <c r="Y61" s="86">
        <f t="shared" si="3"/>
        <v>0.14553771675932003</v>
      </c>
      <c r="Z61" s="86">
        <f t="shared" si="3"/>
        <v>5.9340130809470398E-2</v>
      </c>
      <c r="AA61" s="86">
        <f t="shared" si="3"/>
        <v>0.16958649059886458</v>
      </c>
      <c r="AB61" s="86">
        <f t="shared" si="3"/>
        <v>0.16176108633318387</v>
      </c>
      <c r="AC61" s="86">
        <f t="shared" si="3"/>
        <v>1.0593369735497467E-2</v>
      </c>
      <c r="AD61" s="86">
        <f t="shared" si="3"/>
        <v>9.7880011669464154E-2</v>
      </c>
      <c r="AI61" s="84"/>
      <c r="AM61" s="84"/>
    </row>
    <row r="62" spans="1:39" x14ac:dyDescent="0.35">
      <c r="B62" s="38" t="s">
        <v>133</v>
      </c>
      <c r="W62" s="85">
        <f t="shared" ref="W62:AD62" si="4">AVERAGE(N61:W61)</f>
        <v>5.0630413822626598E-2</v>
      </c>
      <c r="X62" s="85">
        <f t="shared" si="4"/>
        <v>3.4852877382649146E-2</v>
      </c>
      <c r="Y62" s="85">
        <f t="shared" si="4"/>
        <v>4.2960442508272537E-2</v>
      </c>
      <c r="Z62" s="85">
        <f t="shared" si="4"/>
        <v>4.4615954176516467E-2</v>
      </c>
      <c r="AA62" s="85">
        <f t="shared" si="4"/>
        <v>6.1392188757318854E-2</v>
      </c>
      <c r="AB62" s="85">
        <f t="shared" si="4"/>
        <v>7.8196819920071575E-2</v>
      </c>
      <c r="AC62" s="85">
        <f t="shared" si="4"/>
        <v>7.8876064246038463E-2</v>
      </c>
      <c r="AD62" s="85">
        <f t="shared" si="4"/>
        <v>7.5884512697329931E-2</v>
      </c>
      <c r="AI62" s="84"/>
      <c r="AM62" s="84"/>
    </row>
    <row r="63" spans="1:39" x14ac:dyDescent="0.35">
      <c r="AI63" s="84"/>
      <c r="AM63" s="84"/>
    </row>
    <row r="64" spans="1:39" ht="15" thickBot="1" x14ac:dyDescent="0.4">
      <c r="AI64" s="84"/>
      <c r="AM64" s="84"/>
    </row>
    <row r="65" spans="2:39" ht="15" thickBot="1" x14ac:dyDescent="0.4">
      <c r="B65" s="38"/>
      <c r="Q65" s="501" t="s">
        <v>264</v>
      </c>
      <c r="R65" s="502"/>
      <c r="S65" s="502"/>
      <c r="T65" s="502"/>
      <c r="U65" s="502"/>
      <c r="V65" s="502"/>
      <c r="W65" s="502"/>
      <c r="X65" s="502"/>
      <c r="Y65" s="502"/>
      <c r="Z65" s="502"/>
      <c r="AA65" s="502"/>
      <c r="AB65" s="502"/>
      <c r="AC65" s="502"/>
      <c r="AD65" s="503"/>
      <c r="AI65" s="84"/>
      <c r="AM65" s="84"/>
    </row>
    <row r="66" spans="2:39" ht="15" thickBot="1" x14ac:dyDescent="0.4">
      <c r="B66" s="38"/>
      <c r="Q66" s="245"/>
      <c r="R66" s="246"/>
      <c r="S66" s="247">
        <v>2011</v>
      </c>
      <c r="T66" s="248">
        <v>2012</v>
      </c>
      <c r="U66" s="247">
        <v>2013</v>
      </c>
      <c r="V66" s="248">
        <v>2014</v>
      </c>
      <c r="W66" s="248">
        <v>2015</v>
      </c>
      <c r="X66" s="248">
        <v>2016</v>
      </c>
      <c r="Y66" s="248">
        <v>2017</v>
      </c>
      <c r="Z66" s="248">
        <v>2018</v>
      </c>
      <c r="AA66" s="248">
        <v>2019</v>
      </c>
      <c r="AB66" s="248">
        <v>2020</v>
      </c>
      <c r="AC66" s="248">
        <v>2021</v>
      </c>
      <c r="AD66" s="249">
        <v>2022</v>
      </c>
      <c r="AI66" s="84"/>
      <c r="AM66" s="84"/>
    </row>
    <row r="67" spans="2:39" x14ac:dyDescent="0.35">
      <c r="B67" s="38"/>
      <c r="Q67" s="238" t="s">
        <v>1</v>
      </c>
      <c r="R67" s="239" t="s">
        <v>1</v>
      </c>
      <c r="S67" s="240"/>
      <c r="T67" s="241"/>
      <c r="U67" s="242">
        <v>6150</v>
      </c>
      <c r="V67" s="242">
        <v>3000</v>
      </c>
      <c r="W67" s="242"/>
      <c r="X67" s="242"/>
      <c r="Y67" s="242"/>
      <c r="Z67" s="242"/>
      <c r="AA67" s="243">
        <f>IF(HLOOKUP($Q67,[1]Summary_2019!$A$2:$X$100,19,FALSE)&gt;0,HLOOKUP($Q67,[1]Summary_2019!$A$2:$X$100,19,FALSE),"-1")</f>
        <v>8409.0909090909099</v>
      </c>
      <c r="AB67" s="243">
        <f>IF(HLOOKUP($Q67,[1]Summary_2020!$A$2:$Y$100,19,FALSE)&gt;0,HLOOKUP($Q67,[1]Summary_2020!$A$2:$Y$100,19,FALSE),"-1")</f>
        <v>8700</v>
      </c>
      <c r="AC67" s="243"/>
      <c r="AD67" s="244" t="str">
        <f>IF(HLOOKUP($Q67,[1]Summary_2022!$A$2:$Y$100,19,FALSE)&gt;0,HLOOKUP($Q67,[1]Summary_2022!$A$2:$Y$100,19,FALSE),"-1")</f>
        <v/>
      </c>
      <c r="AI67" s="84"/>
      <c r="AM67" s="84"/>
    </row>
    <row r="68" spans="2:39" x14ac:dyDescent="0.35">
      <c r="Q68" s="70" t="s">
        <v>3</v>
      </c>
      <c r="R68" s="222" t="s">
        <v>3</v>
      </c>
      <c r="S68" s="72"/>
      <c r="T68" s="37"/>
      <c r="U68" s="37"/>
      <c r="V68" s="37"/>
      <c r="W68" s="37"/>
      <c r="X68" s="37"/>
      <c r="Y68" s="223">
        <f>IF(HLOOKUP($Q68,[1]Summary_2017!$A$2:$X$100,19,FALSE)&gt;0,HLOOKUP($Q68,[1]Summary_2017!$A$2:$X$100,19,FALSE),"")</f>
        <v>3650.3144654088051</v>
      </c>
      <c r="Z68" s="223">
        <f>IF(HLOOKUP($Q68,[1]Summary_2018!$A$2:$X$100,19,FALSE)&gt;0,HLOOKUP($Q68,[1]Summary_2018!$A$2:$X$100,19,FALSE),"")</f>
        <v>3795.8715596330276</v>
      </c>
      <c r="AA68" s="223">
        <f>IF(HLOOKUP($Q68,[1]Summary_2019!$A$2:$X$100,19,FALSE)&gt;0,HLOOKUP($Q68,[1]Summary_2019!$A$2:$X$100,19,FALSE),"")</f>
        <v>4239.7959183673465</v>
      </c>
      <c r="AB68" s="218"/>
      <c r="AC68" s="223">
        <f>IF(HLOOKUP($Q68,[1]Summary_2021!$A$2:$Y$100,19,FALSE)&gt;0,HLOOKUP($Q68,[1]Summary_2021!$A$2:$Y$100,19,FALSE),"-1")</f>
        <v>5563.3883980023047</v>
      </c>
      <c r="AD68" s="224">
        <f>IF(HLOOKUP($Q68,[1]Summary_2022!$A$2:$Y$100,19,FALSE)&gt;0,HLOOKUP($Q68,[1]Summary_2022!$A$2:$Y$100,19,FALSE),"-1")</f>
        <v>7420.4316546762593</v>
      </c>
      <c r="AI68" s="84"/>
      <c r="AM68" s="84"/>
    </row>
    <row r="69" spans="2:39" x14ac:dyDescent="0.35">
      <c r="Q69" s="70" t="s">
        <v>4</v>
      </c>
      <c r="R69" s="222" t="s">
        <v>4</v>
      </c>
      <c r="S69" s="72">
        <v>3600</v>
      </c>
      <c r="T69" s="37"/>
      <c r="U69" s="37">
        <v>3600</v>
      </c>
      <c r="V69" s="37"/>
      <c r="W69" s="218"/>
      <c r="X69" s="218"/>
      <c r="Y69" s="223">
        <f>IF(HLOOKUP($Q69,[1]Summary_2017!$A$2:$X$100,19,FALSE)&gt;0,HLOOKUP($Q69,[1]Summary_2017!$A$2:$X$100,19,FALSE),"")</f>
        <v>7000</v>
      </c>
      <c r="Z69" s="223">
        <f>IF(HLOOKUP($Q69,[1]Summary_2018!$A$2:$X$100,19,FALSE)&gt;0,HLOOKUP($Q69,[1]Summary_2018!$A$2:$X$100,19,FALSE),"")</f>
        <v>8092.5925925925922</v>
      </c>
      <c r="AA69" s="218"/>
      <c r="AB69" s="218"/>
      <c r="AC69" s="223">
        <f>IF(HLOOKUP($Q69,[1]Summary_2021!$A$2:$Y$100,19,FALSE)&gt;0,HLOOKUP($Q69,[1]Summary_2021!$A$2:$Y$100,19,FALSE),"-1")</f>
        <v>8400</v>
      </c>
      <c r="AD69" s="219"/>
      <c r="AI69" s="84"/>
      <c r="AM69" s="84"/>
    </row>
    <row r="70" spans="2:39" x14ac:dyDescent="0.35">
      <c r="Q70" s="70" t="s">
        <v>5</v>
      </c>
      <c r="R70" s="222" t="s">
        <v>5</v>
      </c>
      <c r="S70" s="72"/>
      <c r="T70" s="37"/>
      <c r="U70" s="37"/>
      <c r="V70" s="37"/>
      <c r="W70" s="37"/>
      <c r="X70" s="37"/>
      <c r="Y70" s="223">
        <f>IF(HLOOKUP($Q70,[1]Summary_2017!$A$2:$X$100,19,FALSE)&gt;0,HLOOKUP($Q70,[1]Summary_2017!$A$2:$X$100,19,FALSE),"")</f>
        <v>3800</v>
      </c>
      <c r="Z70" s="37"/>
      <c r="AA70" s="37"/>
      <c r="AB70" s="218"/>
      <c r="AC70" s="223"/>
      <c r="AD70" s="224" t="str">
        <f>IF(HLOOKUP($Q70,[1]Summary_2022!$A$2:$Y$100,19,FALSE)&gt;0,HLOOKUP($Q70,[1]Summary_2022!$A$2:$Y$100,19,FALSE),"-1")</f>
        <v/>
      </c>
      <c r="AI70" s="84"/>
      <c r="AM70" s="84"/>
    </row>
    <row r="71" spans="2:39" x14ac:dyDescent="0.35">
      <c r="C71" s="66"/>
      <c r="D71" s="66"/>
      <c r="E71" s="66"/>
      <c r="F71" s="66"/>
      <c r="G71" s="66"/>
      <c r="H71" s="66"/>
      <c r="Q71" s="70" t="s">
        <v>6</v>
      </c>
      <c r="R71" s="222" t="s">
        <v>6</v>
      </c>
      <c r="S71" s="72"/>
      <c r="T71" s="37"/>
      <c r="U71" s="37"/>
      <c r="V71" s="37"/>
      <c r="W71" s="37"/>
      <c r="X71" s="37"/>
      <c r="Y71" s="37"/>
      <c r="Z71" s="223">
        <f>IF(HLOOKUP($Q71,[1]Summary_2018!$A$2:$X$100,19,FALSE)&gt;0,HLOOKUP($Q71,[1]Summary_2018!$A$2:$X$100,19,FALSE),"")</f>
        <v>2000</v>
      </c>
      <c r="AA71" s="37"/>
      <c r="AB71" s="218"/>
      <c r="AC71" s="223"/>
      <c r="AD71" s="224" t="str">
        <f>IF(HLOOKUP($Q71,[1]Summary_2022!$A$2:$Y$100,19,FALSE)&gt;0,HLOOKUP($Q71,[1]Summary_2022!$A$2:$Y$100,19,FALSE),"-1")</f>
        <v/>
      </c>
      <c r="AI71" s="84"/>
      <c r="AM71" s="84"/>
    </row>
    <row r="72" spans="2:39" x14ac:dyDescent="0.35">
      <c r="C72" s="66"/>
      <c r="D72" s="66"/>
      <c r="E72" s="66"/>
      <c r="F72" s="66"/>
      <c r="G72" s="66"/>
      <c r="H72" s="66"/>
      <c r="Q72" s="70" t="s">
        <v>7</v>
      </c>
      <c r="R72" s="222" t="s">
        <v>7</v>
      </c>
      <c r="S72" s="72"/>
      <c r="T72" s="37"/>
      <c r="U72" s="218">
        <v>5000</v>
      </c>
      <c r="V72" s="37">
        <v>3780</v>
      </c>
      <c r="W72" s="218">
        <v>4120</v>
      </c>
      <c r="X72" s="37">
        <v>6000</v>
      </c>
      <c r="Y72" s="223">
        <f>IF(HLOOKUP($Q72,[1]Summary_2017!$A$2:$X$100,19,FALSE)&gt;0,HLOOKUP($Q72,[1]Summary_2017!$A$2:$X$100,19,FALSE),"")</f>
        <v>5743.2432432432433</v>
      </c>
      <c r="Z72" s="223">
        <f>IF(HLOOKUP($Q72,[1]Summary_2018!$A$2:$X$100,19,FALSE)&gt;0,HLOOKUP($Q72,[1]Summary_2018!$A$2:$X$100,19,FALSE),"")</f>
        <v>5439.5604395604396</v>
      </c>
      <c r="AA72" s="223">
        <f>IF(HLOOKUP($Q72,[1]Summary_2019!$A$2:$X$100,19,FALSE)&gt;0,HLOOKUP($Q72,[1]Summary_2019!$A$2:$X$100,19,FALSE),"")</f>
        <v>6942</v>
      </c>
      <c r="AB72" s="223">
        <f>IF(HLOOKUP($Q72,[1]Summary_2020!$A$2:$Y$100,19,FALSE)&gt;0,HLOOKUP($Q72,[1]Summary_2020!$A$2:$Y$100,19,FALSE),"-1")</f>
        <v>6843.75</v>
      </c>
      <c r="AC72" s="223"/>
      <c r="AD72" s="224">
        <f>IF(HLOOKUP($Q72,[1]Summary_2022!$A$2:$Y$100,19,FALSE)&gt;0,HLOOKUP($Q72,[1]Summary_2022!$A$2:$Y$100,19,FALSE),"-1")</f>
        <v>9000</v>
      </c>
      <c r="AI72" s="84"/>
      <c r="AM72" s="84"/>
    </row>
    <row r="73" spans="2:39" x14ac:dyDescent="0.35">
      <c r="C73" s="66"/>
      <c r="D73" s="67"/>
      <c r="E73" s="67"/>
      <c r="F73" s="67"/>
      <c r="G73" s="67"/>
      <c r="H73" s="67"/>
      <c r="P73" t="s">
        <v>134</v>
      </c>
      <c r="Q73" s="70" t="s">
        <v>9</v>
      </c>
      <c r="R73" s="222" t="s">
        <v>9</v>
      </c>
      <c r="S73" s="72"/>
      <c r="T73" s="37"/>
      <c r="U73" s="37"/>
      <c r="V73" s="37"/>
      <c r="W73" s="37"/>
      <c r="X73" s="37"/>
      <c r="Y73" s="223" t="str">
        <f>IF(HLOOKUP($Q73,[1]Summary_2017!$A$2:$X$100,19,FALSE)&gt;0,HLOOKUP($Q73,[1]Summary_2017!$A$2:$X$100,19,FALSE),"")</f>
        <v/>
      </c>
      <c r="Z73" s="223" t="str">
        <f>IF(HLOOKUP($Q73,[1]Summary_2018!$A$2:$X$100,19,FALSE)&gt;0,HLOOKUP($Q73,[1]Summary_2018!$A$2:$X$100,19,FALSE),"")</f>
        <v/>
      </c>
      <c r="AA73" s="223" t="str">
        <f>IF(HLOOKUP($Q73,[1]Summary_2019!$A$2:$X$100,19,FALSE)&gt;0,HLOOKUP($Q73,[1]Summary_2019!$A$2:$X$100,19,FALSE),"")</f>
        <v/>
      </c>
      <c r="AB73" s="218"/>
      <c r="AC73" s="223"/>
      <c r="AD73" s="224"/>
      <c r="AI73" s="84"/>
      <c r="AM73" s="84"/>
    </row>
    <row r="74" spans="2:39" x14ac:dyDescent="0.35">
      <c r="C74" s="66"/>
      <c r="D74" s="67"/>
      <c r="E74" s="67"/>
      <c r="F74" s="67"/>
      <c r="G74" s="67"/>
      <c r="H74" s="67"/>
      <c r="Q74" s="70" t="s">
        <v>11</v>
      </c>
      <c r="R74" s="222" t="s">
        <v>11</v>
      </c>
      <c r="S74" s="72"/>
      <c r="T74" s="37"/>
      <c r="U74" s="37"/>
      <c r="V74" s="37"/>
      <c r="W74" s="37"/>
      <c r="X74" s="225">
        <f>IF(HLOOKUP($Q74,[1]Summary_2016_update!$A$3:$X$101,19,FALSE)&gt;0,HLOOKUP($Q74,[1]Summary_2016_update!$A$3:$X$101,19,FALSE),"")</f>
        <v>7000</v>
      </c>
      <c r="Y74" s="223">
        <f>IF(HLOOKUP($Q74,[1]Summary_2017!$A$2:$X$100,19,FALSE)&gt;0,HLOOKUP($Q74,[1]Summary_2017!$A$2:$X$100,19,FALSE),"")</f>
        <v>5000</v>
      </c>
      <c r="Z74" s="37"/>
      <c r="AA74" s="37"/>
      <c r="AB74" s="218"/>
      <c r="AC74" s="223"/>
      <c r="AD74" s="224">
        <f>IF(HLOOKUP($Q74,[1]Summary_2022!$A$2:$Y$100,19,FALSE)&gt;0,HLOOKUP($Q74,[1]Summary_2022!$A$2:$Y$100,19,FALSE),"-1")</f>
        <v>4170</v>
      </c>
      <c r="AI74" s="84"/>
      <c r="AM74" s="84"/>
    </row>
    <row r="75" spans="2:39" x14ac:dyDescent="0.35">
      <c r="C75" s="66"/>
      <c r="D75" s="67"/>
      <c r="E75" s="67"/>
      <c r="F75" s="67"/>
      <c r="G75" s="67"/>
      <c r="H75" s="67"/>
      <c r="Q75" s="70" t="s">
        <v>12</v>
      </c>
      <c r="R75" s="222" t="s">
        <v>12</v>
      </c>
      <c r="S75" s="72"/>
      <c r="T75" s="37"/>
      <c r="U75" s="37"/>
      <c r="V75" s="37"/>
      <c r="W75" s="37"/>
      <c r="X75" s="37"/>
      <c r="Y75" s="223">
        <f>IF(HLOOKUP($Q75,[1]Summary_2017!$A$2:$X$100,19,FALSE)&gt;0,HLOOKUP($Q75,[1]Summary_2017!$A$2:$X$100,19,FALSE),"")</f>
        <v>3000</v>
      </c>
      <c r="Z75" s="223">
        <f>IF(HLOOKUP($Q75,[1]Summary_2018!$A$2:$X$100,19,FALSE)&gt;0,HLOOKUP($Q75,[1]Summary_2018!$A$2:$X$100,19,FALSE),"")</f>
        <v>2266.6666666666665</v>
      </c>
      <c r="AA75" s="37"/>
      <c r="AB75" s="223">
        <f>IF(HLOOKUP($Q75,[1]Summary_2020!$A$2:$Y$100,19,FALSE)&gt;0,HLOOKUP($Q75,[1]Summary_2020!$A$2:$Y$100,19,FALSE),"-1")</f>
        <v>3000</v>
      </c>
      <c r="AC75" s="223"/>
      <c r="AD75" s="224"/>
      <c r="AI75" s="84"/>
      <c r="AM75" s="84"/>
    </row>
    <row r="76" spans="2:39" x14ac:dyDescent="0.35">
      <c r="C76" s="66"/>
      <c r="D76" s="67"/>
      <c r="E76" s="67"/>
      <c r="F76" s="67"/>
      <c r="G76" s="67"/>
      <c r="H76" s="67"/>
      <c r="Q76" s="70" t="s">
        <v>14</v>
      </c>
      <c r="R76" s="222" t="s">
        <v>14</v>
      </c>
      <c r="S76" s="220"/>
      <c r="T76" s="218"/>
      <c r="U76" s="218"/>
      <c r="V76" s="218"/>
      <c r="W76" s="218">
        <v>3000</v>
      </c>
      <c r="X76" s="37">
        <v>3760</v>
      </c>
      <c r="Y76" s="37"/>
      <c r="Z76" s="37"/>
      <c r="AA76" s="37"/>
      <c r="AB76" s="223">
        <f>IF(HLOOKUP($Q76,[1]Summary_2020!$A$2:$Y$100,19,FALSE)&gt;0,HLOOKUP($Q76,[1]Summary_2020!$A$2:$Y$100,19,FALSE),"-1")</f>
        <v>9023.3918128654968</v>
      </c>
      <c r="AC76" s="223"/>
      <c r="AD76" s="224">
        <f>IF(HLOOKUP($Q76,[1]Summary_2022!$A$2:$Y$100,19,FALSE)&gt;0,HLOOKUP($Q76,[1]Summary_2022!$A$2:$Y$100,19,FALSE),"-1")</f>
        <v>7100</v>
      </c>
      <c r="AI76" s="84"/>
      <c r="AM76" s="84"/>
    </row>
    <row r="77" spans="2:39" x14ac:dyDescent="0.35">
      <c r="C77" s="66"/>
      <c r="D77" s="67"/>
      <c r="E77" s="67"/>
      <c r="F77" s="67"/>
      <c r="G77" s="67"/>
      <c r="H77" s="67"/>
      <c r="P77" t="s">
        <v>135</v>
      </c>
      <c r="Q77" s="70" t="s">
        <v>15</v>
      </c>
      <c r="R77" s="222" t="s">
        <v>15</v>
      </c>
      <c r="S77" s="72"/>
      <c r="T77" s="37"/>
      <c r="U77" s="37"/>
      <c r="V77" s="37"/>
      <c r="W77" s="37"/>
      <c r="X77" s="37"/>
      <c r="Y77" s="223" t="str">
        <f>IF(HLOOKUP($Q77,[1]Summary_2017!$A$2:$X$100,19,FALSE)&gt;0,HLOOKUP($Q77,[1]Summary_2017!$A$2:$X$100,19,FALSE),"")</f>
        <v/>
      </c>
      <c r="Z77" s="223" t="str">
        <f>IF(HLOOKUP($Q77,[1]Summary_2018!$A$2:$X$100,19,FALSE)&gt;0,HLOOKUP($Q77,[1]Summary_2018!$A$2:$X$100,19,FALSE),"")</f>
        <v/>
      </c>
      <c r="AA77" s="223" t="str">
        <f>IF(HLOOKUP($Q77,[1]Summary_2019!$A$2:$X$100,19,FALSE)&gt;0,HLOOKUP($Q77,[1]Summary_2019!$A$2:$X$100,19,FALSE),"")</f>
        <v/>
      </c>
      <c r="AB77" s="218"/>
      <c r="AC77" s="223"/>
      <c r="AD77" s="224" t="str">
        <f>IF(HLOOKUP($Q77,[1]Summary_2022!$A$2:$Y$100,19,FALSE)&gt;0,HLOOKUP($Q77,[1]Summary_2022!$A$2:$Y$100,19,FALSE),"-1")</f>
        <v/>
      </c>
      <c r="AI77" s="84"/>
      <c r="AM77" s="84"/>
    </row>
    <row r="78" spans="2:39" x14ac:dyDescent="0.35">
      <c r="C78" s="66"/>
      <c r="D78" s="67"/>
      <c r="E78" s="67"/>
      <c r="F78" s="67"/>
      <c r="G78" s="67"/>
      <c r="H78" s="67"/>
      <c r="Q78" s="70" t="s">
        <v>16</v>
      </c>
      <c r="R78" s="222" t="s">
        <v>16</v>
      </c>
      <c r="S78" s="72"/>
      <c r="T78" s="37"/>
      <c r="U78" s="37"/>
      <c r="V78" s="37"/>
      <c r="W78" s="37"/>
      <c r="X78" s="37"/>
      <c r="Y78" s="218"/>
      <c r="Z78" s="218"/>
      <c r="AA78" s="218"/>
      <c r="AB78" s="223">
        <f>IF(HLOOKUP($Q78,[1]Summary_2020!$A$2:$Y$100,19,FALSE)&gt;0,HLOOKUP($Q78,[1]Summary_2020!$A$2:$Y$100,19,FALSE),"-1")</f>
        <v>8400</v>
      </c>
      <c r="AC78" s="223"/>
      <c r="AD78" s="224" t="str">
        <f>IF(HLOOKUP($Q78,[1]Summary_2022!$A$2:$Y$100,19,FALSE)&gt;0,HLOOKUP($Q78,[1]Summary_2022!$A$2:$Y$100,19,FALSE),"-1")</f>
        <v/>
      </c>
      <c r="AI78" s="84"/>
      <c r="AM78" s="84"/>
    </row>
    <row r="79" spans="2:39" x14ac:dyDescent="0.35">
      <c r="C79" s="66"/>
      <c r="D79" s="67"/>
      <c r="E79" s="67"/>
      <c r="F79" s="67"/>
      <c r="G79" s="67"/>
      <c r="H79" s="67"/>
      <c r="Q79" s="70" t="s">
        <v>18</v>
      </c>
      <c r="R79" s="222" t="s">
        <v>18</v>
      </c>
      <c r="S79" s="72"/>
      <c r="T79" s="37"/>
      <c r="U79" s="218">
        <v>3000</v>
      </c>
      <c r="V79" s="37"/>
      <c r="W79" s="37"/>
      <c r="X79" s="37"/>
      <c r="Y79" s="37"/>
      <c r="Z79" s="37"/>
      <c r="AA79" s="37"/>
      <c r="AB79" s="218"/>
      <c r="AC79" s="223"/>
      <c r="AD79" s="224"/>
      <c r="AI79" s="84"/>
      <c r="AM79" s="84"/>
    </row>
    <row r="80" spans="2:39" x14ac:dyDescent="0.35">
      <c r="C80" s="66"/>
      <c r="D80" s="67"/>
      <c r="E80" s="67"/>
      <c r="F80" s="67"/>
      <c r="G80" s="67"/>
      <c r="H80" s="67"/>
      <c r="Q80" s="70" t="s">
        <v>20</v>
      </c>
      <c r="R80" s="222" t="s">
        <v>20</v>
      </c>
      <c r="S80" s="72"/>
      <c r="T80" s="37">
        <v>3720</v>
      </c>
      <c r="U80" s="37">
        <v>3490</v>
      </c>
      <c r="V80" s="37">
        <v>3630</v>
      </c>
      <c r="W80" s="37">
        <v>3730</v>
      </c>
      <c r="X80" s="37"/>
      <c r="Y80" s="223">
        <f>IF(HLOOKUP($Q80,[1]Summary_2017!$A$2:$X$100,19,FALSE)&gt;0,HLOOKUP($Q80,[1]Summary_2017!$A$2:$X$100,19,FALSE),"")</f>
        <v>6028.4697508896797</v>
      </c>
      <c r="Z80" s="223">
        <f>IF(HLOOKUP($Q80,[1]Summary_2018!$A$2:$X$100,19,FALSE)&gt;0,HLOOKUP($Q80,[1]Summary_2018!$A$2:$X$100,19,FALSE),"")</f>
        <v>3250.6811989100815</v>
      </c>
      <c r="AA80" s="223">
        <f>IF(HLOOKUP($Q80,[1]Summary_2019!$A$2:$X$100,19,FALSE)&gt;0,HLOOKUP($Q80,[1]Summary_2019!$A$2:$X$100,19,FALSE),"")</f>
        <v>6777.7777777777774</v>
      </c>
      <c r="AB80" s="223">
        <f>IF(HLOOKUP($Q80,[1]Summary_2020!$A$2:$Y$100,19,FALSE)&gt;0,HLOOKUP($Q80,[1]Summary_2020!$A$2:$Y$100,19,FALSE),"-1")</f>
        <v>8389.8305084745771</v>
      </c>
      <c r="AC80" s="223">
        <f>IF(HLOOKUP($Q80,[1]Summary_2021!$A$2:$Y$100,19,FALSE)&gt;0,HLOOKUP($Q80,[1]Summary_2021!$A$2:$Y$100,19,FALSE),"-1")</f>
        <v>9300</v>
      </c>
      <c r="AD80" s="224">
        <f>IF(HLOOKUP($Q80,[1]Summary_2022!$A$2:$Y$100,19,FALSE)&gt;0,HLOOKUP($Q80,[1]Summary_2022!$A$2:$Y$100,19,FALSE),"-1")</f>
        <v>8600</v>
      </c>
      <c r="AI80" s="84"/>
      <c r="AM80" s="84"/>
    </row>
    <row r="81" spans="3:39" ht="15" thickBot="1" x14ac:dyDescent="0.4">
      <c r="C81" s="66"/>
      <c r="D81" s="67"/>
      <c r="E81" s="67"/>
      <c r="F81" s="67"/>
      <c r="G81" s="67"/>
      <c r="H81" s="67"/>
      <c r="Q81" s="226" t="s">
        <v>21</v>
      </c>
      <c r="R81" s="227" t="s">
        <v>21</v>
      </c>
      <c r="S81" s="228"/>
      <c r="T81" s="229"/>
      <c r="U81" s="229"/>
      <c r="V81" s="229"/>
      <c r="W81" s="229"/>
      <c r="X81" s="230">
        <f>IF(HLOOKUP($Q81,[1]Summary_2016_update!$A$3:$X$101,19,FALSE)&gt;0,HLOOKUP($Q81,[1]Summary_2016_update!$A$3:$X$101,19,FALSE),"")</f>
        <v>6000</v>
      </c>
      <c r="Y81" s="231"/>
      <c r="Z81" s="231"/>
      <c r="AA81" s="231"/>
      <c r="AB81" s="231">
        <f>IF(HLOOKUP($Q81,[1]Summary_2020!$A$2:$Y$100,19,FALSE)&gt;0,HLOOKUP($Q81,[1]Summary_2020!$A$2:$Y$100,19,FALSE),"-1")</f>
        <v>6000</v>
      </c>
      <c r="AC81" s="231"/>
      <c r="AD81" s="232"/>
      <c r="AI81" s="84"/>
      <c r="AM81" s="84"/>
    </row>
    <row r="82" spans="3:39" x14ac:dyDescent="0.35">
      <c r="C82" s="66"/>
      <c r="D82" s="67"/>
      <c r="E82" s="67"/>
      <c r="F82" s="67"/>
      <c r="G82" s="67"/>
      <c r="H82" s="67"/>
      <c r="Q82" s="233"/>
      <c r="R82" s="233"/>
      <c r="S82" s="234"/>
      <c r="T82" s="234"/>
      <c r="U82" s="234"/>
      <c r="V82" s="234"/>
      <c r="W82" s="234"/>
      <c r="X82" s="234"/>
      <c r="Y82" s="235"/>
      <c r="Z82" s="235"/>
      <c r="AA82" s="235"/>
      <c r="AB82" s="235"/>
      <c r="AC82" s="235"/>
      <c r="AD82" s="235"/>
      <c r="AI82" s="84"/>
      <c r="AM82" s="84"/>
    </row>
    <row r="83" spans="3:39" x14ac:dyDescent="0.35">
      <c r="C83" s="66"/>
      <c r="D83" s="67"/>
      <c r="E83" s="67"/>
      <c r="F83" s="67"/>
      <c r="G83" s="67"/>
      <c r="H83" s="67"/>
      <c r="Q83" s="233"/>
      <c r="R83" s="233"/>
      <c r="S83" s="234"/>
      <c r="T83" s="234"/>
      <c r="U83" s="234"/>
      <c r="V83" s="234"/>
      <c r="W83" s="234"/>
      <c r="X83" s="233"/>
      <c r="Y83" s="234"/>
      <c r="Z83" s="234"/>
      <c r="AA83" s="234"/>
      <c r="AB83" s="233"/>
      <c r="AC83" s="235"/>
      <c r="AD83" s="235" t="str">
        <f>IF(HLOOKUP($Q81,[1]Summary_2022!$A$2:$Y$100,19,FALSE)&gt;0,HLOOKUP($Q81,[1]Summary_2022!$A$2:$Y$100,19,FALSE),"-1")</f>
        <v/>
      </c>
      <c r="AI83" s="84"/>
      <c r="AM83" s="84"/>
    </row>
    <row r="84" spans="3:39" x14ac:dyDescent="0.35">
      <c r="C84" s="66"/>
      <c r="D84" s="67"/>
      <c r="E84" s="67"/>
      <c r="F84" s="67"/>
      <c r="G84" s="67"/>
      <c r="H84" s="67"/>
      <c r="Q84" s="15"/>
      <c r="R84" s="236" t="s">
        <v>128</v>
      </c>
      <c r="S84" s="40">
        <f>MIN(S67:S83)</f>
        <v>3600</v>
      </c>
      <c r="T84" s="40">
        <f>MIN(T67:T83)</f>
        <v>3720</v>
      </c>
      <c r="U84" s="40">
        <f>MIN(U67:U83)</f>
        <v>3000</v>
      </c>
      <c r="V84" s="40">
        <f>MIN(V67:V83)</f>
        <v>3000</v>
      </c>
      <c r="W84" s="40">
        <f>MIN(W67:W83)</f>
        <v>3000</v>
      </c>
      <c r="X84" s="40">
        <f>MIN(X67:X82)</f>
        <v>3760</v>
      </c>
      <c r="Y84" s="39">
        <f>MIN(Y67:Y83)</f>
        <v>3000</v>
      </c>
      <c r="Z84" s="39">
        <f>MIN(Z67:Z83)</f>
        <v>2000</v>
      </c>
      <c r="AA84" s="39">
        <f>MIN(AA67:AA83)</f>
        <v>4239.7959183673465</v>
      </c>
      <c r="AB84" s="39">
        <f>MIN(AB67:AB82)</f>
        <v>3000</v>
      </c>
      <c r="AC84" s="39">
        <f>MIN(AC67:AC83)</f>
        <v>5563.3883980023047</v>
      </c>
      <c r="AD84" s="39">
        <f>MIN(AD67:AD83)</f>
        <v>4170</v>
      </c>
      <c r="AI84" s="84"/>
      <c r="AM84" s="84"/>
    </row>
    <row r="85" spans="3:39" x14ac:dyDescent="0.35">
      <c r="C85" s="66"/>
      <c r="D85" s="67"/>
      <c r="E85" s="67"/>
      <c r="F85" s="67"/>
      <c r="G85" s="67"/>
      <c r="H85" s="67"/>
      <c r="Q85" s="15"/>
      <c r="R85" s="236" t="s">
        <v>129</v>
      </c>
      <c r="S85" s="237">
        <f>MAX(S67:S83)</f>
        <v>3600</v>
      </c>
      <c r="T85" s="237">
        <f>MAX(T67:T83)</f>
        <v>3720</v>
      </c>
      <c r="U85" s="237">
        <f>MAX(U67:U83)</f>
        <v>6150</v>
      </c>
      <c r="V85" s="237">
        <f>MAX(V67:V83)</f>
        <v>3780</v>
      </c>
      <c r="W85" s="237">
        <f>MAX(W67:W83)</f>
        <v>4120</v>
      </c>
      <c r="X85" s="237">
        <f>MAX(X67:X82)</f>
        <v>7000</v>
      </c>
      <c r="Y85" s="50">
        <f>MAX(Y67:Y83)</f>
        <v>7000</v>
      </c>
      <c r="Z85" s="50">
        <f>MAX(Z67:Z83)</f>
        <v>8092.5925925925922</v>
      </c>
      <c r="AA85" s="50">
        <f>MAX(AA67:AA83)</f>
        <v>8409.0909090909099</v>
      </c>
      <c r="AB85" s="50">
        <f>MAX(AB67:AB82)</f>
        <v>9023.3918128654968</v>
      </c>
      <c r="AC85" s="50">
        <f>MAX(AC67:AC83)</f>
        <v>9300</v>
      </c>
      <c r="AD85" s="50">
        <f>MAX(AD67:AD83)</f>
        <v>9000</v>
      </c>
      <c r="AI85" s="84"/>
      <c r="AM85" s="84"/>
    </row>
    <row r="86" spans="3:39" x14ac:dyDescent="0.35">
      <c r="C86" s="66"/>
      <c r="D86" s="67"/>
      <c r="E86" s="67"/>
      <c r="F86" s="67"/>
      <c r="G86" s="67"/>
      <c r="H86" s="67"/>
      <c r="O86" t="s">
        <v>131</v>
      </c>
      <c r="Q86" s="15"/>
      <c r="R86" s="236" t="s">
        <v>130</v>
      </c>
      <c r="S86" s="237">
        <f>AVERAGE(S67:S83)</f>
        <v>3600</v>
      </c>
      <c r="T86" s="237">
        <f>AVERAGE(T67:T83)</f>
        <v>3720</v>
      </c>
      <c r="U86" s="237">
        <f>AVERAGE(U67:U83)</f>
        <v>4248</v>
      </c>
      <c r="V86" s="237">
        <f>AVERAGE(V67:V83)</f>
        <v>3470</v>
      </c>
      <c r="W86" s="237">
        <f>AVERAGE(W67:W83)</f>
        <v>3616.6666666666665</v>
      </c>
      <c r="X86" s="237">
        <f>AVERAGE(X67:X82)</f>
        <v>5690</v>
      </c>
      <c r="Y86" s="50">
        <f>AVERAGE(Y67:Y83)</f>
        <v>4888.8610656488181</v>
      </c>
      <c r="Z86" s="50">
        <f>AVERAGE(Z67:Z83)</f>
        <v>4140.8954095604686</v>
      </c>
      <c r="AA86" s="50">
        <f>AVERAGE(AA67:AA83)</f>
        <v>6592.1661513090085</v>
      </c>
      <c r="AB86" s="50">
        <f>AVERAGE(AB67:AB82)</f>
        <v>7193.8531887628678</v>
      </c>
      <c r="AC86" s="50">
        <f>AVERAGE(AC67:AC83)</f>
        <v>7754.4627993341019</v>
      </c>
      <c r="AD86" s="50">
        <f>AVERAGE(AD67:AD83)</f>
        <v>7258.0863309352517</v>
      </c>
      <c r="AI86" s="84"/>
      <c r="AM86" s="84"/>
    </row>
    <row r="87" spans="3:39" x14ac:dyDescent="0.35">
      <c r="C87" s="66"/>
      <c r="D87" s="67"/>
      <c r="E87" s="67"/>
      <c r="F87" s="67"/>
      <c r="G87" s="67"/>
      <c r="H87" s="67"/>
      <c r="Q87" s="15"/>
      <c r="R87" s="35" t="s">
        <v>136</v>
      </c>
      <c r="S87" s="35">
        <v>3.6</v>
      </c>
      <c r="T87" s="35">
        <v>3.72</v>
      </c>
      <c r="U87" s="35">
        <v>3.97</v>
      </c>
      <c r="V87" s="35">
        <v>3.44</v>
      </c>
      <c r="W87" s="35">
        <v>3.95</v>
      </c>
      <c r="X87" s="35">
        <v>4.49</v>
      </c>
      <c r="Y87" s="15"/>
      <c r="Z87" s="15"/>
      <c r="AA87" s="15"/>
      <c r="AB87" s="15"/>
      <c r="AC87" s="15"/>
      <c r="AD87" s="15"/>
      <c r="AI87" s="84"/>
      <c r="AM87" s="84"/>
    </row>
    <row r="88" spans="3:39" x14ac:dyDescent="0.35">
      <c r="C88" s="66"/>
      <c r="D88" s="67"/>
      <c r="E88" s="67"/>
      <c r="F88" s="67"/>
      <c r="G88" s="67"/>
      <c r="H88" s="67"/>
      <c r="Q88" s="15"/>
      <c r="R88" s="15"/>
      <c r="S88" s="15"/>
      <c r="T88" s="15"/>
      <c r="U88" s="15"/>
      <c r="V88" s="15"/>
      <c r="W88" s="15"/>
      <c r="X88" s="15"/>
      <c r="Y88" s="15"/>
      <c r="Z88" s="15"/>
      <c r="AA88" s="15"/>
      <c r="AB88" s="15"/>
      <c r="AC88" s="15"/>
      <c r="AD88" s="15"/>
      <c r="AI88" s="84"/>
      <c r="AM88" s="84"/>
    </row>
    <row r="89" spans="3:39" x14ac:dyDescent="0.35">
      <c r="C89" s="66"/>
      <c r="D89" s="67"/>
      <c r="E89" s="67"/>
      <c r="F89" s="67"/>
      <c r="G89" s="67"/>
      <c r="H89" s="67"/>
      <c r="Q89" s="15" t="s">
        <v>137</v>
      </c>
      <c r="R89" s="15"/>
      <c r="S89" s="15"/>
      <c r="T89" s="15"/>
      <c r="U89" s="15"/>
      <c r="V89" s="15"/>
      <c r="W89" s="15"/>
      <c r="X89" s="15"/>
      <c r="Y89" s="15"/>
      <c r="Z89" s="15"/>
      <c r="AA89" s="15"/>
      <c r="AB89" s="15"/>
      <c r="AC89" s="15"/>
      <c r="AD89" s="15"/>
      <c r="AI89" s="84"/>
      <c r="AM89" s="84"/>
    </row>
    <row r="90" spans="3:39" x14ac:dyDescent="0.35">
      <c r="C90" s="66"/>
      <c r="D90" s="67"/>
      <c r="E90" s="67"/>
      <c r="F90" s="67"/>
      <c r="G90" s="67"/>
      <c r="H90" s="67"/>
      <c r="Q90" s="15" t="s">
        <v>138</v>
      </c>
      <c r="R90" s="15"/>
      <c r="S90" s="15"/>
      <c r="T90" s="15"/>
      <c r="U90" s="15"/>
      <c r="V90" s="15"/>
      <c r="W90" s="15"/>
      <c r="X90" s="15"/>
      <c r="Y90" s="15"/>
      <c r="Z90" s="15"/>
      <c r="AA90" s="15"/>
      <c r="AB90" s="15"/>
      <c r="AC90" s="15"/>
      <c r="AD90" s="15"/>
      <c r="AI90" s="84"/>
      <c r="AM90" s="84"/>
    </row>
    <row r="91" spans="3:39" x14ac:dyDescent="0.35">
      <c r="C91" s="66"/>
      <c r="D91" s="67"/>
      <c r="E91" s="67"/>
      <c r="F91" s="67"/>
      <c r="G91" s="67"/>
      <c r="H91" s="67"/>
      <c r="Q91" s="15"/>
      <c r="R91" s="15"/>
      <c r="S91" s="15"/>
      <c r="T91" s="15"/>
      <c r="U91" s="15"/>
      <c r="V91" s="15"/>
      <c r="W91" s="15"/>
      <c r="X91" s="15"/>
      <c r="Y91" s="15"/>
      <c r="Z91" s="15"/>
      <c r="AA91" s="15"/>
      <c r="AB91" s="15"/>
      <c r="AC91" s="15"/>
      <c r="AD91" s="15"/>
      <c r="AI91" s="84"/>
      <c r="AM91" s="84"/>
    </row>
    <row r="92" spans="3:39" x14ac:dyDescent="0.35">
      <c r="C92" s="66"/>
      <c r="D92" s="67"/>
      <c r="E92" s="67"/>
      <c r="F92" s="67"/>
      <c r="G92" s="67"/>
      <c r="H92" s="67"/>
      <c r="Q92" s="15"/>
      <c r="R92" s="15"/>
      <c r="S92" s="15"/>
      <c r="T92" s="15"/>
      <c r="U92" s="15"/>
      <c r="V92" s="15"/>
      <c r="W92" s="15"/>
      <c r="X92" s="15"/>
      <c r="Y92" s="15"/>
      <c r="Z92" s="15"/>
      <c r="AA92" s="15"/>
      <c r="AB92" s="15"/>
      <c r="AC92" s="15"/>
      <c r="AD92" s="15"/>
      <c r="AI92" s="84"/>
      <c r="AM92" s="84"/>
    </row>
    <row r="93" spans="3:39" x14ac:dyDescent="0.35">
      <c r="C93" s="66"/>
      <c r="D93" s="67"/>
      <c r="E93" s="67"/>
      <c r="F93" s="67"/>
      <c r="G93" s="67"/>
      <c r="H93" s="67"/>
      <c r="Q93" s="15"/>
      <c r="R93" s="15"/>
      <c r="S93" s="15"/>
      <c r="T93" s="15"/>
      <c r="U93" s="15"/>
      <c r="V93" s="15"/>
      <c r="W93" s="15"/>
      <c r="X93" s="15"/>
      <c r="Y93" s="15"/>
      <c r="Z93" s="15"/>
      <c r="AA93" s="15"/>
      <c r="AB93" s="15"/>
      <c r="AC93" s="15"/>
      <c r="AD93" s="15"/>
      <c r="AI93" s="84"/>
      <c r="AM93" s="84"/>
    </row>
    <row r="94" spans="3:39" x14ac:dyDescent="0.35">
      <c r="C94" s="66"/>
      <c r="D94" s="67"/>
      <c r="E94" s="67"/>
      <c r="F94" s="67"/>
      <c r="G94" s="67"/>
      <c r="H94" s="67"/>
      <c r="Q94" s="15"/>
      <c r="R94" s="15"/>
      <c r="S94" s="15"/>
      <c r="T94" s="15"/>
      <c r="U94" s="15"/>
      <c r="V94" s="15"/>
      <c r="W94" s="15"/>
      <c r="X94" s="15"/>
      <c r="Y94" s="15"/>
      <c r="Z94" s="15"/>
      <c r="AA94" s="15"/>
      <c r="AB94" s="15"/>
      <c r="AC94" s="15"/>
      <c r="AD94" s="15"/>
      <c r="AI94" s="84"/>
      <c r="AM94" s="84"/>
    </row>
    <row r="95" spans="3:39" x14ac:dyDescent="0.35">
      <c r="C95" s="66"/>
      <c r="D95" s="67"/>
      <c r="E95" s="67"/>
      <c r="F95" s="67"/>
      <c r="G95" s="67"/>
      <c r="H95" s="67"/>
      <c r="AI95" s="84"/>
      <c r="AM95" s="84"/>
    </row>
    <row r="96" spans="3:39" x14ac:dyDescent="0.35">
      <c r="C96" s="66"/>
      <c r="D96" s="67"/>
      <c r="E96" s="67"/>
      <c r="F96" s="67"/>
      <c r="G96" s="67"/>
      <c r="H96" s="67"/>
      <c r="AI96" s="84"/>
      <c r="AM96" s="84"/>
    </row>
    <row r="97" spans="2:39" x14ac:dyDescent="0.35">
      <c r="C97" s="66"/>
      <c r="D97" s="67"/>
      <c r="E97" s="67"/>
      <c r="F97" s="67"/>
      <c r="G97" s="67"/>
      <c r="H97" s="67"/>
      <c r="AI97" s="84"/>
      <c r="AM97" s="84"/>
    </row>
    <row r="98" spans="2:39" x14ac:dyDescent="0.35">
      <c r="C98" s="66"/>
      <c r="D98" s="67"/>
      <c r="E98" s="67"/>
      <c r="F98" s="67"/>
      <c r="G98" s="67"/>
      <c r="H98" s="67"/>
      <c r="AI98" s="84"/>
      <c r="AM98" s="84"/>
    </row>
    <row r="99" spans="2:39" x14ac:dyDescent="0.35">
      <c r="C99" s="66"/>
      <c r="D99" s="67"/>
      <c r="E99" s="67"/>
      <c r="F99" s="67"/>
      <c r="G99" s="67"/>
      <c r="H99" s="67"/>
      <c r="AI99" s="84"/>
      <c r="AM99" s="84"/>
    </row>
    <row r="100" spans="2:39" x14ac:dyDescent="0.35">
      <c r="C100" s="66"/>
      <c r="D100" s="67"/>
      <c r="E100" s="67"/>
      <c r="F100" s="67"/>
      <c r="G100" s="67"/>
      <c r="H100" s="67"/>
      <c r="AI100" s="84"/>
      <c r="AM100" s="84"/>
    </row>
    <row r="101" spans="2:39" x14ac:dyDescent="0.35">
      <c r="AI101" s="84"/>
      <c r="AM101" s="84"/>
    </row>
    <row r="102" spans="2:39" x14ac:dyDescent="0.35">
      <c r="AI102" s="84"/>
      <c r="AM102" s="84"/>
    </row>
    <row r="103" spans="2:39" x14ac:dyDescent="0.35">
      <c r="B103" s="38"/>
      <c r="AI103" s="84"/>
      <c r="AM103" s="84"/>
    </row>
    <row r="104" spans="2:39" x14ac:dyDescent="0.35">
      <c r="B104" s="38"/>
      <c r="AI104" s="84"/>
      <c r="AM104" s="84"/>
    </row>
    <row r="105" spans="2:39" x14ac:dyDescent="0.35">
      <c r="B105" s="34"/>
      <c r="C105" s="68"/>
      <c r="D105" s="68"/>
      <c r="E105" s="68"/>
      <c r="F105" s="68"/>
      <c r="G105" s="68"/>
      <c r="H105" s="68"/>
      <c r="I105" s="68"/>
      <c r="J105" s="68"/>
      <c r="K105" s="68"/>
      <c r="L105" s="68"/>
      <c r="M105" s="68"/>
      <c r="N105" s="68"/>
      <c r="AI105" s="84"/>
      <c r="AM105" s="84"/>
    </row>
    <row r="106" spans="2:39" x14ac:dyDescent="0.35">
      <c r="B106" s="69"/>
      <c r="C106" s="69"/>
      <c r="D106" s="69"/>
      <c r="E106" s="69"/>
      <c r="F106" s="69"/>
      <c r="G106" s="69"/>
      <c r="H106" s="69"/>
      <c r="I106" s="69"/>
      <c r="J106" s="69"/>
      <c r="K106" s="69"/>
      <c r="L106" s="69"/>
      <c r="M106" s="69"/>
      <c r="N106" s="69"/>
      <c r="AI106" s="84"/>
      <c r="AM106" s="84"/>
    </row>
    <row r="107" spans="2:39" x14ac:dyDescent="0.35">
      <c r="B107" s="69"/>
      <c r="C107" s="69"/>
      <c r="D107" s="69"/>
      <c r="E107" s="69"/>
      <c r="F107" s="69"/>
      <c r="G107" s="69"/>
      <c r="H107" s="69"/>
      <c r="I107" s="69"/>
      <c r="J107" s="69"/>
      <c r="K107" s="69"/>
      <c r="L107" s="69"/>
      <c r="M107" s="69"/>
      <c r="N107" s="69"/>
      <c r="AI107" s="84"/>
      <c r="AM107" s="84"/>
    </row>
    <row r="108" spans="2:39" x14ac:dyDescent="0.35">
      <c r="AI108" s="84"/>
      <c r="AM108" s="84"/>
    </row>
    <row r="109" spans="2:39" x14ac:dyDescent="0.35">
      <c r="AI109" s="84"/>
      <c r="AM109" s="84"/>
    </row>
    <row r="110" spans="2:39" x14ac:dyDescent="0.35">
      <c r="AI110" s="84"/>
      <c r="AM110" s="84"/>
    </row>
    <row r="111" spans="2:39" x14ac:dyDescent="0.35">
      <c r="AI111" s="84"/>
      <c r="AM111" s="84"/>
    </row>
    <row r="112" spans="2:39" x14ac:dyDescent="0.35">
      <c r="AI112" s="84"/>
      <c r="AM112" s="84"/>
    </row>
    <row r="113" spans="35:39" x14ac:dyDescent="0.35">
      <c r="AI113" s="84"/>
      <c r="AM113" s="84"/>
    </row>
    <row r="114" spans="35:39" x14ac:dyDescent="0.35">
      <c r="AI114" s="84"/>
      <c r="AM114" s="84"/>
    </row>
    <row r="115" spans="35:39" x14ac:dyDescent="0.35">
      <c r="AI115" s="84"/>
      <c r="AM115" s="84"/>
    </row>
    <row r="116" spans="35:39" x14ac:dyDescent="0.35">
      <c r="AI116" s="84"/>
      <c r="AM116" s="84"/>
    </row>
    <row r="117" spans="35:39" x14ac:dyDescent="0.35">
      <c r="AI117" s="84"/>
      <c r="AM117" s="84"/>
    </row>
    <row r="118" spans="35:39" x14ac:dyDescent="0.35">
      <c r="AI118" s="84"/>
      <c r="AM118" s="84"/>
    </row>
    <row r="119" spans="35:39" x14ac:dyDescent="0.35">
      <c r="AI119" s="84"/>
      <c r="AM119" s="84"/>
    </row>
    <row r="120" spans="35:39" x14ac:dyDescent="0.35">
      <c r="AI120" s="84"/>
      <c r="AM120" s="84"/>
    </row>
    <row r="121" spans="35:39" x14ac:dyDescent="0.35">
      <c r="AI121" s="84"/>
      <c r="AM121" s="84"/>
    </row>
    <row r="122" spans="35:39" x14ac:dyDescent="0.35">
      <c r="AI122" s="84"/>
      <c r="AM122" s="84"/>
    </row>
    <row r="123" spans="35:39" x14ac:dyDescent="0.35">
      <c r="AI123" s="84"/>
      <c r="AM123" s="84"/>
    </row>
    <row r="124" spans="35:39" x14ac:dyDescent="0.35">
      <c r="AI124" s="84"/>
      <c r="AM124" s="84"/>
    </row>
    <row r="125" spans="35:39" x14ac:dyDescent="0.35">
      <c r="AI125" s="84"/>
      <c r="AM125" s="84"/>
    </row>
    <row r="126" spans="35:39" x14ac:dyDescent="0.35">
      <c r="AI126" s="84"/>
      <c r="AM126" s="84"/>
    </row>
    <row r="127" spans="35:39" x14ac:dyDescent="0.35">
      <c r="AI127" s="84"/>
      <c r="AM127" s="84"/>
    </row>
    <row r="128" spans="35:39" x14ac:dyDescent="0.35">
      <c r="AI128" s="84"/>
      <c r="AM128" s="84"/>
    </row>
    <row r="129" spans="35:39" x14ac:dyDescent="0.35">
      <c r="AI129" s="84"/>
      <c r="AM129" s="84"/>
    </row>
    <row r="130" spans="35:39" x14ac:dyDescent="0.35">
      <c r="AI130" s="84"/>
      <c r="AM130" s="84"/>
    </row>
    <row r="131" spans="35:39" x14ac:dyDescent="0.35">
      <c r="AI131" s="84"/>
      <c r="AM131" s="84"/>
    </row>
    <row r="132" spans="35:39" x14ac:dyDescent="0.35">
      <c r="AI132" s="84"/>
      <c r="AM132" s="84"/>
    </row>
    <row r="133" spans="35:39" x14ac:dyDescent="0.35">
      <c r="AI133" s="84"/>
      <c r="AM133" s="84"/>
    </row>
    <row r="134" spans="35:39" x14ac:dyDescent="0.35">
      <c r="AI134" s="84"/>
      <c r="AM134" s="84"/>
    </row>
    <row r="135" spans="35:39" x14ac:dyDescent="0.35">
      <c r="AI135" s="84"/>
      <c r="AM135" s="84"/>
    </row>
    <row r="136" spans="35:39" x14ac:dyDescent="0.35">
      <c r="AI136" s="84"/>
      <c r="AM136" s="84"/>
    </row>
    <row r="137" spans="35:39" x14ac:dyDescent="0.35">
      <c r="AI137" s="84"/>
      <c r="AM137" s="84"/>
    </row>
    <row r="138" spans="35:39" x14ac:dyDescent="0.35">
      <c r="AI138" s="84"/>
      <c r="AM138" s="84"/>
    </row>
    <row r="139" spans="35:39" x14ac:dyDescent="0.35">
      <c r="AI139" s="84"/>
      <c r="AM139" s="84"/>
    </row>
    <row r="140" spans="35:39" x14ac:dyDescent="0.35">
      <c r="AI140" s="84"/>
      <c r="AM140" s="84"/>
    </row>
    <row r="141" spans="35:39" x14ac:dyDescent="0.35">
      <c r="AI141" s="84"/>
      <c r="AM141" s="84"/>
    </row>
    <row r="142" spans="35:39" x14ac:dyDescent="0.35">
      <c r="AI142" s="84"/>
      <c r="AM142" s="84"/>
    </row>
    <row r="143" spans="35:39" x14ac:dyDescent="0.35">
      <c r="AI143" s="84"/>
      <c r="AM143" s="84"/>
    </row>
    <row r="144" spans="35:39" x14ac:dyDescent="0.35">
      <c r="AI144" s="84"/>
      <c r="AM144" s="84"/>
    </row>
    <row r="145" spans="35:39" x14ac:dyDescent="0.35">
      <c r="AI145" s="84"/>
      <c r="AM145" s="84"/>
    </row>
    <row r="146" spans="35:39" x14ac:dyDescent="0.35">
      <c r="AI146" s="84"/>
      <c r="AM146" s="84"/>
    </row>
    <row r="147" spans="35:39" x14ac:dyDescent="0.35">
      <c r="AI147" s="84"/>
      <c r="AM147" s="84"/>
    </row>
    <row r="148" spans="35:39" x14ac:dyDescent="0.35">
      <c r="AI148" s="84"/>
      <c r="AM148" s="84"/>
    </row>
    <row r="149" spans="35:39" x14ac:dyDescent="0.35">
      <c r="AI149" s="84"/>
      <c r="AM149" s="84"/>
    </row>
    <row r="150" spans="35:39" x14ac:dyDescent="0.35">
      <c r="AI150" s="84"/>
      <c r="AM150" s="84"/>
    </row>
    <row r="151" spans="35:39" x14ac:dyDescent="0.35">
      <c r="AI151" s="84"/>
      <c r="AM151" s="84"/>
    </row>
    <row r="152" spans="35:39" x14ac:dyDescent="0.35">
      <c r="AI152" s="84"/>
      <c r="AM152" s="84"/>
    </row>
    <row r="153" spans="35:39" x14ac:dyDescent="0.35">
      <c r="AI153" s="84"/>
      <c r="AM153" s="84"/>
    </row>
    <row r="154" spans="35:39" x14ac:dyDescent="0.35">
      <c r="AI154" s="84"/>
      <c r="AM154" s="84"/>
    </row>
    <row r="155" spans="35:39" x14ac:dyDescent="0.35">
      <c r="AI155" s="84"/>
      <c r="AM155" s="84"/>
    </row>
    <row r="156" spans="35:39" x14ac:dyDescent="0.35">
      <c r="AI156" s="84"/>
      <c r="AM156" s="84"/>
    </row>
    <row r="157" spans="35:39" x14ac:dyDescent="0.35">
      <c r="AI157" s="84"/>
      <c r="AM157" s="84"/>
    </row>
    <row r="158" spans="35:39" x14ac:dyDescent="0.35">
      <c r="AI158" s="84"/>
      <c r="AM158" s="84"/>
    </row>
    <row r="159" spans="35:39" x14ac:dyDescent="0.35">
      <c r="AI159" s="84"/>
      <c r="AM159" s="84"/>
    </row>
    <row r="160" spans="35:39" x14ac:dyDescent="0.35">
      <c r="AI160" s="84"/>
      <c r="AM160" s="84"/>
    </row>
    <row r="161" spans="35:39" x14ac:dyDescent="0.35">
      <c r="AI161" s="84"/>
      <c r="AM161" s="84"/>
    </row>
    <row r="162" spans="35:39" x14ac:dyDescent="0.35">
      <c r="AI162" s="84"/>
      <c r="AM162" s="84"/>
    </row>
    <row r="163" spans="35:39" x14ac:dyDescent="0.35">
      <c r="AI163" s="84"/>
      <c r="AM163" s="84"/>
    </row>
    <row r="164" spans="35:39" x14ac:dyDescent="0.35">
      <c r="AI164" s="84"/>
      <c r="AM164" s="84"/>
    </row>
    <row r="165" spans="35:39" x14ac:dyDescent="0.35">
      <c r="AI165" s="84"/>
      <c r="AM165" s="84"/>
    </row>
    <row r="166" spans="35:39" x14ac:dyDescent="0.35">
      <c r="AI166" s="84"/>
      <c r="AM166" s="84"/>
    </row>
    <row r="167" spans="35:39" x14ac:dyDescent="0.35">
      <c r="AI167" s="84"/>
      <c r="AM167" s="84"/>
    </row>
    <row r="168" spans="35:39" x14ac:dyDescent="0.35">
      <c r="AI168" s="84"/>
      <c r="AM168" s="84"/>
    </row>
    <row r="169" spans="35:39" x14ac:dyDescent="0.35">
      <c r="AI169" s="84"/>
      <c r="AM169" s="84"/>
    </row>
    <row r="170" spans="35:39" x14ac:dyDescent="0.35">
      <c r="AI170" s="84"/>
      <c r="AM170" s="84"/>
    </row>
    <row r="171" spans="35:39" x14ac:dyDescent="0.35">
      <c r="AI171" s="84"/>
      <c r="AM171" s="84"/>
    </row>
    <row r="172" spans="35:39" x14ac:dyDescent="0.35">
      <c r="AI172" s="84"/>
      <c r="AM172" s="84"/>
    </row>
    <row r="173" spans="35:39" x14ac:dyDescent="0.35">
      <c r="AI173" s="84"/>
      <c r="AM173" s="84"/>
    </row>
    <row r="174" spans="35:39" x14ac:dyDescent="0.35">
      <c r="AI174" s="84"/>
      <c r="AM174" s="84"/>
    </row>
    <row r="175" spans="35:39" x14ac:dyDescent="0.35">
      <c r="AI175" s="84"/>
      <c r="AM175" s="84"/>
    </row>
    <row r="176" spans="35:39" x14ac:dyDescent="0.35">
      <c r="AI176" s="84"/>
      <c r="AM176" s="84"/>
    </row>
    <row r="177" spans="35:39" x14ac:dyDescent="0.35">
      <c r="AI177" s="84"/>
      <c r="AM177" s="84"/>
    </row>
    <row r="178" spans="35:39" x14ac:dyDescent="0.35">
      <c r="AI178" s="84"/>
      <c r="AM178" s="84"/>
    </row>
    <row r="179" spans="35:39" x14ac:dyDescent="0.35">
      <c r="AI179" s="84"/>
      <c r="AM179" s="84"/>
    </row>
    <row r="180" spans="35:39" x14ac:dyDescent="0.35">
      <c r="AI180" s="84"/>
      <c r="AM180" s="84"/>
    </row>
    <row r="181" spans="35:39" x14ac:dyDescent="0.35">
      <c r="AI181" s="84"/>
      <c r="AM181" s="84"/>
    </row>
    <row r="182" spans="35:39" x14ac:dyDescent="0.35">
      <c r="AI182" s="84"/>
      <c r="AM182" s="84"/>
    </row>
    <row r="183" spans="35:39" x14ac:dyDescent="0.35">
      <c r="AI183" s="84"/>
      <c r="AM183" s="84"/>
    </row>
    <row r="184" spans="35:39" x14ac:dyDescent="0.35">
      <c r="AI184" s="84"/>
      <c r="AM184" s="84"/>
    </row>
    <row r="185" spans="35:39" x14ac:dyDescent="0.35">
      <c r="AI185" s="84"/>
      <c r="AM185" s="84"/>
    </row>
    <row r="186" spans="35:39" x14ac:dyDescent="0.35">
      <c r="AI186" s="84"/>
      <c r="AM186" s="84"/>
    </row>
    <row r="187" spans="35:39" x14ac:dyDescent="0.35">
      <c r="AI187" s="84"/>
      <c r="AM187" s="84"/>
    </row>
    <row r="188" spans="35:39" x14ac:dyDescent="0.35">
      <c r="AI188" s="84"/>
      <c r="AM188" s="84"/>
    </row>
    <row r="189" spans="35:39" x14ac:dyDescent="0.35">
      <c r="AI189" s="84"/>
      <c r="AM189" s="84"/>
    </row>
    <row r="190" spans="35:39" x14ac:dyDescent="0.35">
      <c r="AI190" s="84"/>
      <c r="AM190" s="84"/>
    </row>
    <row r="191" spans="35:39" x14ac:dyDescent="0.35">
      <c r="AI191" s="84"/>
      <c r="AM191" s="84"/>
    </row>
    <row r="192" spans="35:39" x14ac:dyDescent="0.35">
      <c r="AI192" s="84"/>
      <c r="AM192" s="84"/>
    </row>
    <row r="193" spans="35:39" x14ac:dyDescent="0.35">
      <c r="AI193" s="84"/>
      <c r="AM193" s="84"/>
    </row>
    <row r="194" spans="35:39" x14ac:dyDescent="0.35">
      <c r="AI194" s="84"/>
      <c r="AM194" s="84"/>
    </row>
    <row r="195" spans="35:39" x14ac:dyDescent="0.35">
      <c r="AI195" s="84"/>
      <c r="AM195" s="84"/>
    </row>
    <row r="196" spans="35:39" x14ac:dyDescent="0.35">
      <c r="AI196" s="84"/>
      <c r="AM196" s="84"/>
    </row>
    <row r="197" spans="35:39" x14ac:dyDescent="0.35">
      <c r="AI197" s="84"/>
      <c r="AM197" s="84"/>
    </row>
    <row r="198" spans="35:39" x14ac:dyDescent="0.35">
      <c r="AI198" s="84"/>
      <c r="AM198" s="84"/>
    </row>
    <row r="199" spans="35:39" x14ac:dyDescent="0.35">
      <c r="AI199" s="84"/>
      <c r="AM199" s="84"/>
    </row>
    <row r="200" spans="35:39" x14ac:dyDescent="0.35">
      <c r="AI200" s="84"/>
      <c r="AM200" s="84"/>
    </row>
    <row r="201" spans="35:39" x14ac:dyDescent="0.35">
      <c r="AI201" s="84"/>
      <c r="AM201" s="84"/>
    </row>
    <row r="202" spans="35:39" x14ac:dyDescent="0.35">
      <c r="AI202" s="84"/>
      <c r="AM202" s="84"/>
    </row>
    <row r="203" spans="35:39" x14ac:dyDescent="0.35">
      <c r="AI203" s="84"/>
      <c r="AM203" s="84"/>
    </row>
    <row r="204" spans="35:39" x14ac:dyDescent="0.35">
      <c r="AI204" s="84"/>
      <c r="AM204" s="84"/>
    </row>
    <row r="205" spans="35:39" x14ac:dyDescent="0.35">
      <c r="AI205" s="84"/>
      <c r="AM205" s="84"/>
    </row>
    <row r="206" spans="35:39" x14ac:dyDescent="0.35">
      <c r="AI206" s="84"/>
      <c r="AM206" s="84"/>
    </row>
    <row r="207" spans="35:39" x14ac:dyDescent="0.35">
      <c r="AI207" s="84"/>
      <c r="AM207" s="84"/>
    </row>
    <row r="208" spans="35:39" x14ac:dyDescent="0.35">
      <c r="AI208" s="84"/>
      <c r="AM208" s="84"/>
    </row>
    <row r="209" spans="35:39" x14ac:dyDescent="0.35">
      <c r="AI209" s="84"/>
      <c r="AM209" s="84"/>
    </row>
    <row r="210" spans="35:39" x14ac:dyDescent="0.35">
      <c r="AI210" s="84"/>
      <c r="AM210" s="84"/>
    </row>
    <row r="211" spans="35:39" x14ac:dyDescent="0.35">
      <c r="AI211" s="84"/>
      <c r="AM211" s="84"/>
    </row>
    <row r="212" spans="35:39" x14ac:dyDescent="0.35">
      <c r="AI212" s="84"/>
      <c r="AM212" s="84"/>
    </row>
    <row r="213" spans="35:39" x14ac:dyDescent="0.35">
      <c r="AI213" s="84"/>
      <c r="AM213" s="84"/>
    </row>
    <row r="214" spans="35:39" x14ac:dyDescent="0.35">
      <c r="AI214" s="84"/>
      <c r="AM214" s="84"/>
    </row>
    <row r="215" spans="35:39" x14ac:dyDescent="0.35">
      <c r="AI215" s="84"/>
      <c r="AM215" s="84"/>
    </row>
    <row r="216" spans="35:39" x14ac:dyDescent="0.35">
      <c r="AI216" s="84"/>
      <c r="AM216" s="84"/>
    </row>
    <row r="217" spans="35:39" x14ac:dyDescent="0.35">
      <c r="AI217" s="84"/>
      <c r="AM217" s="84"/>
    </row>
    <row r="218" spans="35:39" x14ac:dyDescent="0.35">
      <c r="AI218" s="84"/>
      <c r="AM218" s="84"/>
    </row>
    <row r="219" spans="35:39" x14ac:dyDescent="0.35">
      <c r="AI219" s="84"/>
      <c r="AM219" s="84"/>
    </row>
    <row r="220" spans="35:39" x14ac:dyDescent="0.35">
      <c r="AI220" s="84"/>
      <c r="AM220" s="84"/>
    </row>
    <row r="221" spans="35:39" x14ac:dyDescent="0.35">
      <c r="AI221" s="84"/>
      <c r="AM221" s="84"/>
    </row>
    <row r="222" spans="35:39" x14ac:dyDescent="0.35">
      <c r="AI222" s="84"/>
      <c r="AM222" s="84"/>
    </row>
    <row r="223" spans="35:39" x14ac:dyDescent="0.35">
      <c r="AI223" s="84"/>
      <c r="AM223" s="84"/>
    </row>
    <row r="224" spans="35:39" x14ac:dyDescent="0.35">
      <c r="AI224" s="84"/>
      <c r="AM224" s="84"/>
    </row>
    <row r="225" spans="35:39" x14ac:dyDescent="0.35">
      <c r="AI225" s="84"/>
      <c r="AM225" s="84"/>
    </row>
    <row r="226" spans="35:39" x14ac:dyDescent="0.35">
      <c r="AI226" s="84"/>
      <c r="AM226" s="84"/>
    </row>
    <row r="227" spans="35:39" x14ac:dyDescent="0.35">
      <c r="AI227" s="84"/>
      <c r="AM227" s="84"/>
    </row>
    <row r="228" spans="35:39" x14ac:dyDescent="0.35">
      <c r="AI228" s="84"/>
      <c r="AM228" s="84"/>
    </row>
    <row r="229" spans="35:39" x14ac:dyDescent="0.35">
      <c r="AI229" s="84"/>
      <c r="AM229" s="84"/>
    </row>
    <row r="230" spans="35:39" x14ac:dyDescent="0.35">
      <c r="AI230" s="84"/>
      <c r="AM230" s="84"/>
    </row>
    <row r="231" spans="35:39" x14ac:dyDescent="0.35">
      <c r="AI231" s="84"/>
      <c r="AM231" s="84"/>
    </row>
    <row r="232" spans="35:39" x14ac:dyDescent="0.35">
      <c r="AI232" s="84"/>
      <c r="AM232" s="84"/>
    </row>
    <row r="233" spans="35:39" x14ac:dyDescent="0.35">
      <c r="AI233" s="84"/>
      <c r="AM233" s="84"/>
    </row>
    <row r="234" spans="35:39" x14ac:dyDescent="0.35">
      <c r="AI234" s="84"/>
      <c r="AM234" s="84"/>
    </row>
    <row r="235" spans="35:39" x14ac:dyDescent="0.35">
      <c r="AI235" s="84"/>
      <c r="AM235" s="84"/>
    </row>
    <row r="236" spans="35:39" x14ac:dyDescent="0.35">
      <c r="AI236" s="84"/>
      <c r="AM236" s="84"/>
    </row>
    <row r="237" spans="35:39" x14ac:dyDescent="0.35">
      <c r="AI237" s="84"/>
      <c r="AM237" s="84"/>
    </row>
    <row r="238" spans="35:39" x14ac:dyDescent="0.35">
      <c r="AI238" s="84"/>
      <c r="AM238" s="84"/>
    </row>
    <row r="239" spans="35:39" x14ac:dyDescent="0.35">
      <c r="AI239" s="84"/>
      <c r="AM239" s="84"/>
    </row>
    <row r="240" spans="35:39" x14ac:dyDescent="0.35">
      <c r="AI240" s="84"/>
      <c r="AM240" s="84"/>
    </row>
    <row r="241" spans="35:39" x14ac:dyDescent="0.35">
      <c r="AI241" s="84"/>
      <c r="AM241" s="84"/>
    </row>
    <row r="242" spans="35:39" x14ac:dyDescent="0.35">
      <c r="AI242" s="84"/>
      <c r="AM242" s="84"/>
    </row>
    <row r="243" spans="35:39" x14ac:dyDescent="0.35">
      <c r="AI243" s="84"/>
      <c r="AM243" s="84"/>
    </row>
    <row r="244" spans="35:39" x14ac:dyDescent="0.35">
      <c r="AI244" s="84"/>
      <c r="AM244" s="84"/>
    </row>
    <row r="245" spans="35:39" x14ac:dyDescent="0.35">
      <c r="AI245" s="84"/>
      <c r="AM245" s="84"/>
    </row>
    <row r="246" spans="35:39" x14ac:dyDescent="0.35">
      <c r="AI246" s="84"/>
      <c r="AM246" s="84"/>
    </row>
    <row r="247" spans="35:39" x14ac:dyDescent="0.35">
      <c r="AI247" s="84"/>
      <c r="AM247" s="84"/>
    </row>
    <row r="248" spans="35:39" x14ac:dyDescent="0.35">
      <c r="AI248" s="84"/>
      <c r="AM248" s="84"/>
    </row>
    <row r="249" spans="35:39" x14ac:dyDescent="0.35">
      <c r="AI249" s="84"/>
      <c r="AM249" s="84"/>
    </row>
    <row r="250" spans="35:39" x14ac:dyDescent="0.35">
      <c r="AI250" s="84"/>
      <c r="AM250" s="84"/>
    </row>
    <row r="251" spans="35:39" x14ac:dyDescent="0.35">
      <c r="AI251" s="84"/>
      <c r="AM251" s="84"/>
    </row>
    <row r="252" spans="35:39" x14ac:dyDescent="0.35">
      <c r="AI252" s="84"/>
      <c r="AM252" s="84"/>
    </row>
    <row r="253" spans="35:39" x14ac:dyDescent="0.35">
      <c r="AI253" s="84"/>
      <c r="AM253" s="84"/>
    </row>
    <row r="254" spans="35:39" x14ac:dyDescent="0.35">
      <c r="AI254" s="84"/>
      <c r="AM254" s="84"/>
    </row>
    <row r="255" spans="35:39" x14ac:dyDescent="0.35">
      <c r="AI255" s="84"/>
      <c r="AM255" s="84"/>
    </row>
    <row r="256" spans="35:39" x14ac:dyDescent="0.35">
      <c r="AI256" s="84"/>
      <c r="AM256" s="84"/>
    </row>
    <row r="257" spans="35:39" x14ac:dyDescent="0.35">
      <c r="AI257" s="84"/>
      <c r="AM257" s="84"/>
    </row>
    <row r="258" spans="35:39" x14ac:dyDescent="0.35">
      <c r="AI258" s="84"/>
      <c r="AM258" s="84"/>
    </row>
    <row r="259" spans="35:39" x14ac:dyDescent="0.35">
      <c r="AI259" s="84"/>
      <c r="AM259" s="84"/>
    </row>
    <row r="260" spans="35:39" x14ac:dyDescent="0.35">
      <c r="AI260" s="84"/>
      <c r="AM260" s="84"/>
    </row>
    <row r="261" spans="35:39" x14ac:dyDescent="0.35">
      <c r="AI261" s="84"/>
      <c r="AM261" s="84"/>
    </row>
    <row r="262" spans="35:39" x14ac:dyDescent="0.35">
      <c r="AI262" s="84"/>
      <c r="AM262" s="84"/>
    </row>
    <row r="263" spans="35:39" x14ac:dyDescent="0.35">
      <c r="AI263" s="84"/>
      <c r="AM263" s="84"/>
    </row>
    <row r="264" spans="35:39" x14ac:dyDescent="0.35">
      <c r="AI264" s="84"/>
      <c r="AM264" s="84"/>
    </row>
    <row r="265" spans="35:39" x14ac:dyDescent="0.35">
      <c r="AI265" s="84"/>
      <c r="AM265" s="84"/>
    </row>
    <row r="266" spans="35:39" x14ac:dyDescent="0.35">
      <c r="AI266" s="84"/>
      <c r="AM266" s="84"/>
    </row>
    <row r="267" spans="35:39" x14ac:dyDescent="0.35">
      <c r="AI267" s="84"/>
      <c r="AM267" s="84"/>
    </row>
    <row r="268" spans="35:39" x14ac:dyDescent="0.35">
      <c r="AI268" s="84"/>
      <c r="AM268" s="84"/>
    </row>
    <row r="269" spans="35:39" x14ac:dyDescent="0.35">
      <c r="AI269" s="84"/>
      <c r="AM269" s="84"/>
    </row>
    <row r="270" spans="35:39" x14ac:dyDescent="0.35">
      <c r="AI270" s="84"/>
      <c r="AM270" s="84"/>
    </row>
    <row r="271" spans="35:39" x14ac:dyDescent="0.35">
      <c r="AI271" s="84"/>
      <c r="AM271" s="84"/>
    </row>
    <row r="272" spans="35:39" x14ac:dyDescent="0.35">
      <c r="AI272" s="84"/>
      <c r="AM272" s="84"/>
    </row>
    <row r="273" spans="35:39" x14ac:dyDescent="0.35">
      <c r="AI273" s="84"/>
      <c r="AM273" s="84"/>
    </row>
    <row r="274" spans="35:39" x14ac:dyDescent="0.35">
      <c r="AI274" s="84"/>
      <c r="AM274" s="84"/>
    </row>
    <row r="275" spans="35:39" x14ac:dyDescent="0.35">
      <c r="AI275" s="84"/>
      <c r="AM275" s="84"/>
    </row>
    <row r="276" spans="35:39" x14ac:dyDescent="0.35">
      <c r="AI276" s="84"/>
      <c r="AM276" s="84"/>
    </row>
    <row r="277" spans="35:39" x14ac:dyDescent="0.35">
      <c r="AI277" s="84"/>
      <c r="AM277" s="84"/>
    </row>
    <row r="278" spans="35:39" x14ac:dyDescent="0.35">
      <c r="AI278" s="84"/>
      <c r="AM278" s="84"/>
    </row>
    <row r="279" spans="35:39" x14ac:dyDescent="0.35">
      <c r="AI279" s="84"/>
      <c r="AM279" s="84"/>
    </row>
    <row r="280" spans="35:39" x14ac:dyDescent="0.35">
      <c r="AI280" s="84"/>
      <c r="AM280" s="84"/>
    </row>
    <row r="281" spans="35:39" x14ac:dyDescent="0.35">
      <c r="AI281" s="84"/>
      <c r="AM281" s="84"/>
    </row>
    <row r="282" spans="35:39" x14ac:dyDescent="0.35">
      <c r="AI282" s="84"/>
      <c r="AM282" s="84"/>
    </row>
    <row r="283" spans="35:39" x14ac:dyDescent="0.35">
      <c r="AI283" s="84"/>
      <c r="AM283" s="84"/>
    </row>
    <row r="284" spans="35:39" x14ac:dyDescent="0.35">
      <c r="AI284" s="84"/>
      <c r="AM284" s="84"/>
    </row>
    <row r="285" spans="35:39" x14ac:dyDescent="0.35">
      <c r="AI285" s="84"/>
      <c r="AM285" s="84"/>
    </row>
    <row r="286" spans="35:39" x14ac:dyDescent="0.35">
      <c r="AI286" s="84"/>
      <c r="AM286" s="84"/>
    </row>
    <row r="287" spans="35:39" x14ac:dyDescent="0.35">
      <c r="AI287" s="84"/>
      <c r="AM287" s="84"/>
    </row>
    <row r="288" spans="35:39" x14ac:dyDescent="0.35">
      <c r="AI288" s="84"/>
      <c r="AM288" s="84"/>
    </row>
    <row r="289" spans="35:39" x14ac:dyDescent="0.35">
      <c r="AI289" s="84"/>
      <c r="AM289" s="84"/>
    </row>
    <row r="290" spans="35:39" x14ac:dyDescent="0.35">
      <c r="AI290" s="84"/>
      <c r="AM290" s="84"/>
    </row>
    <row r="291" spans="35:39" x14ac:dyDescent="0.35">
      <c r="AI291" s="84"/>
      <c r="AM291" s="84"/>
    </row>
    <row r="292" spans="35:39" x14ac:dyDescent="0.35">
      <c r="AI292" s="84"/>
      <c r="AM292" s="84"/>
    </row>
    <row r="293" spans="35:39" x14ac:dyDescent="0.35">
      <c r="AI293" s="84"/>
      <c r="AM293" s="84"/>
    </row>
    <row r="294" spans="35:39" x14ac:dyDescent="0.35">
      <c r="AI294" s="84"/>
      <c r="AM294" s="84"/>
    </row>
    <row r="295" spans="35:39" x14ac:dyDescent="0.35">
      <c r="AI295" s="84"/>
      <c r="AM295" s="84"/>
    </row>
    <row r="296" spans="35:39" x14ac:dyDescent="0.35">
      <c r="AI296" s="84"/>
      <c r="AM296" s="84"/>
    </row>
    <row r="297" spans="35:39" x14ac:dyDescent="0.35">
      <c r="AI297" s="84"/>
      <c r="AM297" s="84"/>
    </row>
    <row r="298" spans="35:39" x14ac:dyDescent="0.35">
      <c r="AI298" s="84"/>
      <c r="AM298" s="84"/>
    </row>
    <row r="299" spans="35:39" x14ac:dyDescent="0.35">
      <c r="AI299" s="84"/>
      <c r="AM299" s="84"/>
    </row>
    <row r="300" spans="35:39" x14ac:dyDescent="0.35">
      <c r="AI300" s="84"/>
      <c r="AM300" s="84"/>
    </row>
    <row r="301" spans="35:39" x14ac:dyDescent="0.35">
      <c r="AI301" s="84"/>
      <c r="AM301" s="84"/>
    </row>
    <row r="302" spans="35:39" x14ac:dyDescent="0.35">
      <c r="AI302" s="84"/>
      <c r="AM302" s="84"/>
    </row>
    <row r="303" spans="35:39" x14ac:dyDescent="0.35">
      <c r="AI303" s="84"/>
      <c r="AM303" s="84"/>
    </row>
    <row r="304" spans="35:39" x14ac:dyDescent="0.35">
      <c r="AI304" s="84"/>
      <c r="AM304" s="84"/>
    </row>
    <row r="305" spans="35:39" x14ac:dyDescent="0.35">
      <c r="AI305" s="84"/>
      <c r="AM305" s="84"/>
    </row>
    <row r="306" spans="35:39" x14ac:dyDescent="0.35">
      <c r="AI306" s="84"/>
      <c r="AM306" s="84"/>
    </row>
    <row r="307" spans="35:39" x14ac:dyDescent="0.35">
      <c r="AI307" s="84"/>
      <c r="AM307" s="84"/>
    </row>
    <row r="308" spans="35:39" x14ac:dyDescent="0.35">
      <c r="AI308" s="84"/>
      <c r="AM308" s="84"/>
    </row>
    <row r="309" spans="35:39" x14ac:dyDescent="0.35">
      <c r="AI309" s="84"/>
      <c r="AM309" s="84"/>
    </row>
    <row r="310" spans="35:39" x14ac:dyDescent="0.35">
      <c r="AI310" s="84"/>
      <c r="AM310" s="84"/>
    </row>
    <row r="311" spans="35:39" x14ac:dyDescent="0.35">
      <c r="AI311" s="84"/>
      <c r="AM311" s="84"/>
    </row>
    <row r="312" spans="35:39" x14ac:dyDescent="0.35">
      <c r="AI312" s="84"/>
      <c r="AM312" s="84"/>
    </row>
    <row r="313" spans="35:39" x14ac:dyDescent="0.35">
      <c r="AI313" s="84"/>
      <c r="AM313" s="84"/>
    </row>
    <row r="314" spans="35:39" x14ac:dyDescent="0.35">
      <c r="AI314" s="84"/>
      <c r="AM314" s="84"/>
    </row>
    <row r="315" spans="35:39" x14ac:dyDescent="0.35">
      <c r="AI315" s="84"/>
      <c r="AM315" s="84"/>
    </row>
    <row r="316" spans="35:39" x14ac:dyDescent="0.35">
      <c r="AI316" s="84"/>
      <c r="AM316" s="84"/>
    </row>
    <row r="317" spans="35:39" x14ac:dyDescent="0.35">
      <c r="AI317" s="84"/>
      <c r="AM317" s="84"/>
    </row>
    <row r="318" spans="35:39" x14ac:dyDescent="0.35">
      <c r="AI318" s="84"/>
      <c r="AM318" s="84"/>
    </row>
    <row r="319" spans="35:39" x14ac:dyDescent="0.35">
      <c r="AI319" s="84"/>
      <c r="AM319" s="84"/>
    </row>
    <row r="320" spans="35:39" x14ac:dyDescent="0.35">
      <c r="AI320" s="84"/>
      <c r="AM320" s="84"/>
    </row>
    <row r="321" spans="35:39" x14ac:dyDescent="0.35">
      <c r="AI321" s="84"/>
      <c r="AM321" s="84"/>
    </row>
    <row r="322" spans="35:39" x14ac:dyDescent="0.35">
      <c r="AI322" s="84"/>
      <c r="AM322" s="84"/>
    </row>
    <row r="323" spans="35:39" x14ac:dyDescent="0.35">
      <c r="AI323" s="84"/>
      <c r="AM323" s="84"/>
    </row>
    <row r="324" spans="35:39" x14ac:dyDescent="0.35">
      <c r="AI324" s="84"/>
      <c r="AM324" s="84"/>
    </row>
    <row r="325" spans="35:39" x14ac:dyDescent="0.35">
      <c r="AI325" s="84"/>
      <c r="AM325" s="84"/>
    </row>
    <row r="326" spans="35:39" x14ac:dyDescent="0.35">
      <c r="AI326" s="84"/>
      <c r="AM326" s="84"/>
    </row>
    <row r="327" spans="35:39" x14ac:dyDescent="0.35">
      <c r="AI327" s="84"/>
      <c r="AM327" s="84"/>
    </row>
    <row r="328" spans="35:39" x14ac:dyDescent="0.35">
      <c r="AI328" s="84"/>
      <c r="AM328" s="84"/>
    </row>
    <row r="329" spans="35:39" x14ac:dyDescent="0.35">
      <c r="AI329" s="84"/>
      <c r="AM329" s="84"/>
    </row>
    <row r="330" spans="35:39" x14ac:dyDescent="0.35">
      <c r="AI330" s="84"/>
      <c r="AM330" s="84"/>
    </row>
    <row r="331" spans="35:39" x14ac:dyDescent="0.35">
      <c r="AI331" s="84"/>
      <c r="AM331" s="84"/>
    </row>
    <row r="332" spans="35:39" x14ac:dyDescent="0.35">
      <c r="AI332" s="84"/>
      <c r="AM332" s="84"/>
    </row>
    <row r="333" spans="35:39" x14ac:dyDescent="0.35">
      <c r="AI333" s="84"/>
      <c r="AM333" s="84"/>
    </row>
    <row r="334" spans="35:39" x14ac:dyDescent="0.35">
      <c r="AI334" s="84"/>
      <c r="AM334" s="84"/>
    </row>
    <row r="335" spans="35:39" x14ac:dyDescent="0.35">
      <c r="AI335" s="84"/>
      <c r="AM335" s="84"/>
    </row>
    <row r="336" spans="35:39" x14ac:dyDescent="0.35">
      <c r="AI336" s="84"/>
      <c r="AM336" s="84"/>
    </row>
    <row r="337" spans="35:39" x14ac:dyDescent="0.35">
      <c r="AI337" s="84"/>
      <c r="AM337" s="84"/>
    </row>
    <row r="338" spans="35:39" x14ac:dyDescent="0.35">
      <c r="AI338" s="84"/>
      <c r="AM338" s="84"/>
    </row>
    <row r="339" spans="35:39" x14ac:dyDescent="0.35">
      <c r="AI339" s="84"/>
      <c r="AM339" s="84"/>
    </row>
    <row r="340" spans="35:39" x14ac:dyDescent="0.35">
      <c r="AI340" s="84"/>
      <c r="AM340" s="84"/>
    </row>
    <row r="341" spans="35:39" x14ac:dyDescent="0.35">
      <c r="AI341" s="84"/>
      <c r="AM341" s="84"/>
    </row>
    <row r="342" spans="35:39" x14ac:dyDescent="0.35">
      <c r="AI342" s="84"/>
      <c r="AM342" s="84"/>
    </row>
    <row r="343" spans="35:39" x14ac:dyDescent="0.35">
      <c r="AI343" s="84"/>
      <c r="AM343" s="84"/>
    </row>
    <row r="344" spans="35:39" x14ac:dyDescent="0.35">
      <c r="AI344" s="84"/>
      <c r="AM344" s="84"/>
    </row>
    <row r="345" spans="35:39" x14ac:dyDescent="0.35">
      <c r="AI345" s="84"/>
      <c r="AM345" s="84"/>
    </row>
    <row r="346" spans="35:39" x14ac:dyDescent="0.35">
      <c r="AI346" s="84"/>
      <c r="AM346" s="84"/>
    </row>
    <row r="347" spans="35:39" x14ac:dyDescent="0.35">
      <c r="AI347" s="84"/>
      <c r="AM347" s="84"/>
    </row>
    <row r="348" spans="35:39" x14ac:dyDescent="0.35">
      <c r="AI348" s="84"/>
      <c r="AM348" s="84"/>
    </row>
    <row r="349" spans="35:39" x14ac:dyDescent="0.35">
      <c r="AI349" s="84"/>
      <c r="AM349" s="84"/>
    </row>
    <row r="350" spans="35:39" x14ac:dyDescent="0.35">
      <c r="AI350" s="84"/>
      <c r="AM350" s="84"/>
    </row>
    <row r="351" spans="35:39" x14ac:dyDescent="0.35">
      <c r="AI351" s="84"/>
      <c r="AM351" s="84"/>
    </row>
    <row r="352" spans="35:39" x14ac:dyDescent="0.35">
      <c r="AI352" s="84"/>
      <c r="AM352" s="84"/>
    </row>
    <row r="353" spans="35:39" x14ac:dyDescent="0.35">
      <c r="AI353" s="84"/>
      <c r="AM353" s="84"/>
    </row>
    <row r="354" spans="35:39" x14ac:dyDescent="0.35">
      <c r="AI354" s="84"/>
      <c r="AM354" s="84"/>
    </row>
    <row r="355" spans="35:39" x14ac:dyDescent="0.35">
      <c r="AI355" s="84"/>
      <c r="AM355" s="84"/>
    </row>
    <row r="356" spans="35:39" x14ac:dyDescent="0.35">
      <c r="AI356" s="84"/>
      <c r="AM356" s="84"/>
    </row>
    <row r="357" spans="35:39" x14ac:dyDescent="0.35">
      <c r="AI357" s="84"/>
      <c r="AM357" s="84"/>
    </row>
    <row r="358" spans="35:39" x14ac:dyDescent="0.35">
      <c r="AI358" s="84"/>
      <c r="AM358" s="84"/>
    </row>
    <row r="359" spans="35:39" x14ac:dyDescent="0.35">
      <c r="AI359" s="84"/>
      <c r="AM359" s="84"/>
    </row>
    <row r="360" spans="35:39" x14ac:dyDescent="0.35">
      <c r="AI360" s="84"/>
      <c r="AM360" s="84"/>
    </row>
    <row r="361" spans="35:39" x14ac:dyDescent="0.35">
      <c r="AI361" s="84"/>
      <c r="AM361" s="84"/>
    </row>
    <row r="362" spans="35:39" x14ac:dyDescent="0.35">
      <c r="AI362" s="84"/>
      <c r="AM362" s="84"/>
    </row>
    <row r="363" spans="35:39" x14ac:dyDescent="0.35">
      <c r="AI363" s="84"/>
      <c r="AM363" s="84"/>
    </row>
    <row r="364" spans="35:39" x14ac:dyDescent="0.35">
      <c r="AI364" s="84"/>
      <c r="AM364" s="84"/>
    </row>
    <row r="365" spans="35:39" x14ac:dyDescent="0.35">
      <c r="AI365" s="84"/>
      <c r="AM365" s="84"/>
    </row>
    <row r="366" spans="35:39" x14ac:dyDescent="0.35">
      <c r="AI366" s="84"/>
      <c r="AM366" s="84"/>
    </row>
    <row r="367" spans="35:39" x14ac:dyDescent="0.35">
      <c r="AI367" s="84"/>
      <c r="AM367" s="84"/>
    </row>
    <row r="368" spans="35:39" x14ac:dyDescent="0.35">
      <c r="AI368" s="84"/>
      <c r="AM368" s="84"/>
    </row>
    <row r="369" spans="35:39" x14ac:dyDescent="0.35">
      <c r="AI369" s="84"/>
      <c r="AM369" s="84"/>
    </row>
    <row r="370" spans="35:39" x14ac:dyDescent="0.35">
      <c r="AI370" s="84"/>
      <c r="AM370" s="84"/>
    </row>
    <row r="371" spans="35:39" x14ac:dyDescent="0.35">
      <c r="AI371" s="84"/>
      <c r="AM371" s="84"/>
    </row>
    <row r="372" spans="35:39" x14ac:dyDescent="0.35">
      <c r="AI372" s="84"/>
      <c r="AM372" s="84"/>
    </row>
    <row r="373" spans="35:39" x14ac:dyDescent="0.35">
      <c r="AI373" s="84"/>
      <c r="AM373" s="84"/>
    </row>
    <row r="374" spans="35:39" x14ac:dyDescent="0.35">
      <c r="AI374" s="84"/>
      <c r="AM374" s="84"/>
    </row>
    <row r="375" spans="35:39" x14ac:dyDescent="0.35">
      <c r="AI375" s="84"/>
      <c r="AM375" s="84"/>
    </row>
    <row r="376" spans="35:39" x14ac:dyDescent="0.35">
      <c r="AI376" s="84"/>
      <c r="AM376" s="84"/>
    </row>
    <row r="377" spans="35:39" x14ac:dyDescent="0.35">
      <c r="AI377" s="84"/>
      <c r="AM377" s="84"/>
    </row>
    <row r="378" spans="35:39" x14ac:dyDescent="0.35">
      <c r="AI378" s="84"/>
      <c r="AM378" s="84"/>
    </row>
    <row r="379" spans="35:39" x14ac:dyDescent="0.35">
      <c r="AI379" s="84"/>
      <c r="AM379" s="84"/>
    </row>
    <row r="380" spans="35:39" x14ac:dyDescent="0.35">
      <c r="AI380" s="84"/>
      <c r="AM380" s="84"/>
    </row>
    <row r="381" spans="35:39" x14ac:dyDescent="0.35">
      <c r="AI381" s="84"/>
      <c r="AM381" s="84"/>
    </row>
    <row r="382" spans="35:39" x14ac:dyDescent="0.35">
      <c r="AI382" s="84"/>
      <c r="AM382" s="84"/>
    </row>
    <row r="383" spans="35:39" x14ac:dyDescent="0.35">
      <c r="AI383" s="84"/>
      <c r="AM383" s="84"/>
    </row>
    <row r="384" spans="35:39" x14ac:dyDescent="0.35">
      <c r="AI384" s="84"/>
      <c r="AM384" s="84"/>
    </row>
    <row r="385" spans="35:39" x14ac:dyDescent="0.35">
      <c r="AI385" s="84"/>
      <c r="AM385" s="84"/>
    </row>
    <row r="386" spans="35:39" x14ac:dyDescent="0.35">
      <c r="AI386" s="84"/>
      <c r="AM386" s="84"/>
    </row>
    <row r="387" spans="35:39" x14ac:dyDescent="0.35">
      <c r="AI387" s="84"/>
      <c r="AM387" s="84"/>
    </row>
    <row r="388" spans="35:39" x14ac:dyDescent="0.35">
      <c r="AI388" s="84"/>
      <c r="AM388" s="84"/>
    </row>
    <row r="389" spans="35:39" x14ac:dyDescent="0.35">
      <c r="AI389" s="84"/>
      <c r="AM389" s="84"/>
    </row>
    <row r="390" spans="35:39" x14ac:dyDescent="0.35">
      <c r="AI390" s="84"/>
      <c r="AM390" s="84"/>
    </row>
    <row r="391" spans="35:39" x14ac:dyDescent="0.35">
      <c r="AI391" s="84"/>
      <c r="AM391" s="84"/>
    </row>
    <row r="392" spans="35:39" x14ac:dyDescent="0.35">
      <c r="AI392" s="84"/>
      <c r="AM392" s="84"/>
    </row>
    <row r="393" spans="35:39" x14ac:dyDescent="0.35">
      <c r="AI393" s="84"/>
      <c r="AM393" s="84"/>
    </row>
    <row r="394" spans="35:39" x14ac:dyDescent="0.35">
      <c r="AI394" s="84"/>
      <c r="AM394" s="84"/>
    </row>
    <row r="395" spans="35:39" x14ac:dyDescent="0.35">
      <c r="AI395" s="84"/>
      <c r="AM395" s="84"/>
    </row>
    <row r="396" spans="35:39" x14ac:dyDescent="0.35">
      <c r="AI396" s="84"/>
      <c r="AM396" s="84"/>
    </row>
    <row r="397" spans="35:39" x14ac:dyDescent="0.35">
      <c r="AI397" s="84"/>
      <c r="AM397" s="84"/>
    </row>
    <row r="398" spans="35:39" x14ac:dyDescent="0.35">
      <c r="AI398" s="84"/>
      <c r="AM398" s="84"/>
    </row>
    <row r="399" spans="35:39" x14ac:dyDescent="0.35">
      <c r="AI399" s="84"/>
      <c r="AM399" s="84"/>
    </row>
    <row r="400" spans="35:39" x14ac:dyDescent="0.35">
      <c r="AI400" s="84"/>
      <c r="AM400" s="84"/>
    </row>
    <row r="401" spans="35:39" x14ac:dyDescent="0.35">
      <c r="AI401" s="84"/>
      <c r="AM401" s="84"/>
    </row>
    <row r="402" spans="35:39" x14ac:dyDescent="0.35">
      <c r="AI402" s="84"/>
      <c r="AM402" s="84"/>
    </row>
    <row r="403" spans="35:39" x14ac:dyDescent="0.35">
      <c r="AI403" s="84"/>
      <c r="AM403" s="84"/>
    </row>
    <row r="404" spans="35:39" x14ac:dyDescent="0.35">
      <c r="AI404" s="84"/>
      <c r="AM404" s="84"/>
    </row>
    <row r="405" spans="35:39" x14ac:dyDescent="0.35">
      <c r="AI405" s="84"/>
      <c r="AM405" s="84"/>
    </row>
    <row r="406" spans="35:39" x14ac:dyDescent="0.35">
      <c r="AI406" s="84"/>
      <c r="AM406" s="84"/>
    </row>
    <row r="407" spans="35:39" x14ac:dyDescent="0.35">
      <c r="AI407" s="84"/>
      <c r="AM407" s="84"/>
    </row>
    <row r="408" spans="35:39" x14ac:dyDescent="0.35">
      <c r="AI408" s="84"/>
      <c r="AM408" s="84"/>
    </row>
    <row r="409" spans="35:39" x14ac:dyDescent="0.35">
      <c r="AI409" s="84"/>
      <c r="AM409" s="84"/>
    </row>
    <row r="410" spans="35:39" x14ac:dyDescent="0.35">
      <c r="AI410" s="84"/>
      <c r="AM410" s="84"/>
    </row>
    <row r="411" spans="35:39" x14ac:dyDescent="0.35">
      <c r="AI411" s="84"/>
      <c r="AM411" s="84"/>
    </row>
    <row r="412" spans="35:39" x14ac:dyDescent="0.35">
      <c r="AI412" s="84"/>
      <c r="AM412" s="84"/>
    </row>
    <row r="413" spans="35:39" x14ac:dyDescent="0.35">
      <c r="AI413" s="84"/>
      <c r="AM413" s="84"/>
    </row>
    <row r="414" spans="35:39" x14ac:dyDescent="0.35">
      <c r="AI414" s="84"/>
      <c r="AM414" s="84"/>
    </row>
    <row r="415" spans="35:39" x14ac:dyDescent="0.35">
      <c r="AI415" s="84"/>
      <c r="AM415" s="84"/>
    </row>
    <row r="416" spans="35:39" x14ac:dyDescent="0.35">
      <c r="AI416" s="84"/>
      <c r="AM416" s="84"/>
    </row>
    <row r="417" spans="35:39" x14ac:dyDescent="0.35">
      <c r="AI417" s="84"/>
      <c r="AM417" s="84"/>
    </row>
    <row r="418" spans="35:39" x14ac:dyDescent="0.35">
      <c r="AI418" s="84"/>
      <c r="AM418" s="84"/>
    </row>
    <row r="419" spans="35:39" x14ac:dyDescent="0.35">
      <c r="AI419" s="84"/>
      <c r="AM419" s="84"/>
    </row>
    <row r="420" spans="35:39" x14ac:dyDescent="0.35">
      <c r="AI420" s="84"/>
      <c r="AM420" s="84"/>
    </row>
    <row r="421" spans="35:39" x14ac:dyDescent="0.35">
      <c r="AI421" s="84"/>
      <c r="AM421" s="84"/>
    </row>
    <row r="422" spans="35:39" x14ac:dyDescent="0.35">
      <c r="AI422" s="84"/>
      <c r="AM422" s="84"/>
    </row>
    <row r="423" spans="35:39" x14ac:dyDescent="0.35">
      <c r="AI423" s="84"/>
      <c r="AM423" s="84"/>
    </row>
    <row r="424" spans="35:39" x14ac:dyDescent="0.35">
      <c r="AI424" s="84"/>
      <c r="AM424" s="84"/>
    </row>
    <row r="425" spans="35:39" x14ac:dyDescent="0.35">
      <c r="AI425" s="84"/>
      <c r="AM425" s="84"/>
    </row>
    <row r="426" spans="35:39" x14ac:dyDescent="0.35">
      <c r="AI426" s="84"/>
      <c r="AM426" s="84"/>
    </row>
    <row r="427" spans="35:39" x14ac:dyDescent="0.35">
      <c r="AI427" s="84"/>
      <c r="AM427" s="84"/>
    </row>
    <row r="428" spans="35:39" x14ac:dyDescent="0.35">
      <c r="AI428" s="84"/>
      <c r="AM428" s="84"/>
    </row>
    <row r="429" spans="35:39" x14ac:dyDescent="0.35">
      <c r="AI429" s="84"/>
      <c r="AM429" s="84"/>
    </row>
    <row r="430" spans="35:39" x14ac:dyDescent="0.35">
      <c r="AI430" s="84"/>
      <c r="AM430" s="84"/>
    </row>
    <row r="431" spans="35:39" x14ac:dyDescent="0.35">
      <c r="AI431" s="84"/>
      <c r="AM431" s="84"/>
    </row>
    <row r="432" spans="35:39" x14ac:dyDescent="0.35">
      <c r="AI432" s="84"/>
      <c r="AM432" s="84"/>
    </row>
    <row r="433" spans="35:39" x14ac:dyDescent="0.35">
      <c r="AI433" s="84"/>
      <c r="AM433" s="84"/>
    </row>
    <row r="434" spans="35:39" x14ac:dyDescent="0.35">
      <c r="AI434" s="84"/>
      <c r="AM434" s="84"/>
    </row>
    <row r="435" spans="35:39" x14ac:dyDescent="0.35">
      <c r="AI435" s="84"/>
      <c r="AM435" s="84"/>
    </row>
    <row r="436" spans="35:39" x14ac:dyDescent="0.35">
      <c r="AI436" s="84"/>
      <c r="AM436" s="84"/>
    </row>
    <row r="437" spans="35:39" x14ac:dyDescent="0.35">
      <c r="AI437" s="84"/>
      <c r="AM437" s="84"/>
    </row>
    <row r="438" spans="35:39" x14ac:dyDescent="0.35">
      <c r="AI438" s="84"/>
      <c r="AM438" s="84"/>
    </row>
    <row r="439" spans="35:39" x14ac:dyDescent="0.35">
      <c r="AI439" s="84"/>
      <c r="AM439" s="84"/>
    </row>
    <row r="440" spans="35:39" x14ac:dyDescent="0.35">
      <c r="AI440" s="84"/>
      <c r="AM440" s="84"/>
    </row>
    <row r="441" spans="35:39" x14ac:dyDescent="0.35">
      <c r="AI441" s="84"/>
      <c r="AM441" s="84"/>
    </row>
    <row r="442" spans="35:39" x14ac:dyDescent="0.35">
      <c r="AI442" s="84"/>
      <c r="AM442" s="84"/>
    </row>
    <row r="443" spans="35:39" x14ac:dyDescent="0.35">
      <c r="AI443" s="84"/>
      <c r="AM443" s="84"/>
    </row>
    <row r="444" spans="35:39" x14ac:dyDescent="0.35">
      <c r="AI444" s="84"/>
      <c r="AM444" s="84"/>
    </row>
    <row r="445" spans="35:39" x14ac:dyDescent="0.35">
      <c r="AI445" s="84"/>
      <c r="AM445" s="84"/>
    </row>
    <row r="446" spans="35:39" x14ac:dyDescent="0.35">
      <c r="AI446" s="84"/>
      <c r="AM446" s="84"/>
    </row>
    <row r="447" spans="35:39" x14ac:dyDescent="0.35">
      <c r="AI447" s="84"/>
      <c r="AM447" s="84"/>
    </row>
    <row r="448" spans="35:39" x14ac:dyDescent="0.35">
      <c r="AI448" s="84"/>
      <c r="AM448" s="84"/>
    </row>
    <row r="449" spans="35:39" x14ac:dyDescent="0.35">
      <c r="AI449" s="84"/>
      <c r="AM449" s="84"/>
    </row>
    <row r="450" spans="35:39" x14ac:dyDescent="0.35">
      <c r="AI450" s="84"/>
      <c r="AM450" s="84"/>
    </row>
    <row r="451" spans="35:39" x14ac:dyDescent="0.35">
      <c r="AI451" s="84"/>
      <c r="AM451" s="84"/>
    </row>
    <row r="452" spans="35:39" x14ac:dyDescent="0.35">
      <c r="AI452" s="84"/>
      <c r="AM452" s="84"/>
    </row>
    <row r="453" spans="35:39" x14ac:dyDescent="0.35">
      <c r="AI453" s="84"/>
      <c r="AM453" s="84"/>
    </row>
    <row r="454" spans="35:39" x14ac:dyDescent="0.35">
      <c r="AI454" s="84"/>
      <c r="AM454" s="84"/>
    </row>
    <row r="455" spans="35:39" x14ac:dyDescent="0.35">
      <c r="AI455" s="84"/>
      <c r="AM455" s="84"/>
    </row>
    <row r="456" spans="35:39" x14ac:dyDescent="0.35">
      <c r="AI456" s="84"/>
      <c r="AM456" s="84"/>
    </row>
    <row r="457" spans="35:39" x14ac:dyDescent="0.35">
      <c r="AI457" s="84"/>
      <c r="AM457" s="84"/>
    </row>
    <row r="458" spans="35:39" x14ac:dyDescent="0.35">
      <c r="AI458" s="84"/>
      <c r="AM458" s="84"/>
    </row>
    <row r="459" spans="35:39" x14ac:dyDescent="0.35">
      <c r="AI459" s="84"/>
      <c r="AM459" s="84"/>
    </row>
    <row r="460" spans="35:39" x14ac:dyDescent="0.35">
      <c r="AI460" s="84"/>
      <c r="AM460" s="84"/>
    </row>
    <row r="461" spans="35:39" x14ac:dyDescent="0.35">
      <c r="AI461" s="84"/>
      <c r="AM461" s="84"/>
    </row>
    <row r="462" spans="35:39" x14ac:dyDescent="0.35">
      <c r="AI462" s="84"/>
      <c r="AM462" s="84"/>
    </row>
    <row r="463" spans="35:39" x14ac:dyDescent="0.35">
      <c r="AI463" s="84"/>
      <c r="AM463" s="84"/>
    </row>
    <row r="464" spans="35:39" x14ac:dyDescent="0.35">
      <c r="AI464" s="84"/>
      <c r="AM464" s="84"/>
    </row>
    <row r="465" spans="35:39" x14ac:dyDescent="0.35">
      <c r="AI465" s="84"/>
      <c r="AM465" s="84"/>
    </row>
    <row r="466" spans="35:39" x14ac:dyDescent="0.35">
      <c r="AI466" s="84"/>
      <c r="AM466" s="84"/>
    </row>
    <row r="467" spans="35:39" x14ac:dyDescent="0.35">
      <c r="AI467" s="84"/>
      <c r="AM467" s="84"/>
    </row>
    <row r="468" spans="35:39" x14ac:dyDescent="0.35">
      <c r="AI468" s="84"/>
      <c r="AM468" s="84"/>
    </row>
    <row r="469" spans="35:39" x14ac:dyDescent="0.35">
      <c r="AI469" s="84"/>
      <c r="AM469" s="84"/>
    </row>
    <row r="470" spans="35:39" x14ac:dyDescent="0.35">
      <c r="AI470" s="84"/>
      <c r="AM470" s="84"/>
    </row>
    <row r="471" spans="35:39" x14ac:dyDescent="0.35">
      <c r="AI471" s="84"/>
      <c r="AM471" s="84"/>
    </row>
    <row r="472" spans="35:39" x14ac:dyDescent="0.35">
      <c r="AI472" s="84"/>
      <c r="AM472" s="84"/>
    </row>
    <row r="473" spans="35:39" x14ac:dyDescent="0.35">
      <c r="AI473" s="84"/>
      <c r="AM473" s="84"/>
    </row>
    <row r="474" spans="35:39" x14ac:dyDescent="0.35">
      <c r="AI474" s="84"/>
      <c r="AM474" s="84"/>
    </row>
    <row r="475" spans="35:39" x14ac:dyDescent="0.35">
      <c r="AI475" s="84"/>
      <c r="AM475" s="84"/>
    </row>
    <row r="476" spans="35:39" x14ac:dyDescent="0.35">
      <c r="AI476" s="84"/>
      <c r="AM476" s="84"/>
    </row>
    <row r="477" spans="35:39" x14ac:dyDescent="0.35">
      <c r="AI477" s="84"/>
      <c r="AM477" s="84"/>
    </row>
    <row r="478" spans="35:39" x14ac:dyDescent="0.35">
      <c r="AI478" s="84"/>
      <c r="AM478" s="84"/>
    </row>
    <row r="479" spans="35:39" x14ac:dyDescent="0.35">
      <c r="AI479" s="84"/>
      <c r="AM479" s="84"/>
    </row>
    <row r="480" spans="35:39" x14ac:dyDescent="0.35">
      <c r="AI480" s="84"/>
      <c r="AM480" s="84"/>
    </row>
    <row r="481" spans="35:39" x14ac:dyDescent="0.35">
      <c r="AI481" s="84"/>
      <c r="AM481" s="84"/>
    </row>
    <row r="482" spans="35:39" x14ac:dyDescent="0.35">
      <c r="AI482" s="84"/>
      <c r="AM482" s="84"/>
    </row>
    <row r="483" spans="35:39" x14ac:dyDescent="0.35">
      <c r="AI483" s="84"/>
      <c r="AM483" s="84"/>
    </row>
    <row r="484" spans="35:39" x14ac:dyDescent="0.35">
      <c r="AI484" s="84"/>
      <c r="AM484" s="84"/>
    </row>
    <row r="485" spans="35:39" x14ac:dyDescent="0.35">
      <c r="AI485" s="84"/>
      <c r="AM485" s="84"/>
    </row>
    <row r="486" spans="35:39" x14ac:dyDescent="0.35">
      <c r="AI486" s="84"/>
      <c r="AM486" s="84"/>
    </row>
    <row r="487" spans="35:39" x14ac:dyDescent="0.35">
      <c r="AI487" s="84"/>
      <c r="AM487" s="84"/>
    </row>
    <row r="488" spans="35:39" x14ac:dyDescent="0.35">
      <c r="AI488" s="84"/>
      <c r="AM488" s="84"/>
    </row>
    <row r="489" spans="35:39" x14ac:dyDescent="0.35">
      <c r="AI489" s="84"/>
      <c r="AM489" s="84"/>
    </row>
    <row r="490" spans="35:39" x14ac:dyDescent="0.35">
      <c r="AI490" s="84"/>
      <c r="AM490" s="84"/>
    </row>
    <row r="491" spans="35:39" x14ac:dyDescent="0.35">
      <c r="AI491" s="84"/>
      <c r="AM491" s="84"/>
    </row>
    <row r="492" spans="35:39" x14ac:dyDescent="0.35">
      <c r="AI492" s="84"/>
      <c r="AM492" s="84"/>
    </row>
    <row r="493" spans="35:39" x14ac:dyDescent="0.35">
      <c r="AI493" s="84"/>
      <c r="AM493" s="84"/>
    </row>
    <row r="494" spans="35:39" x14ac:dyDescent="0.35">
      <c r="AI494" s="84"/>
      <c r="AM494" s="84"/>
    </row>
    <row r="495" spans="35:39" x14ac:dyDescent="0.35">
      <c r="AI495" s="84"/>
      <c r="AM495" s="84"/>
    </row>
    <row r="496" spans="35:39" x14ac:dyDescent="0.35">
      <c r="AI496" s="84"/>
      <c r="AM496" s="84"/>
    </row>
    <row r="497" spans="35:39" x14ac:dyDescent="0.35">
      <c r="AI497" s="84"/>
      <c r="AM497" s="84"/>
    </row>
    <row r="498" spans="35:39" x14ac:dyDescent="0.35">
      <c r="AI498" s="84"/>
      <c r="AM498" s="84"/>
    </row>
    <row r="499" spans="35:39" x14ac:dyDescent="0.35">
      <c r="AI499" s="84"/>
      <c r="AM499" s="84"/>
    </row>
    <row r="500" spans="35:39" x14ac:dyDescent="0.35">
      <c r="AI500" s="84"/>
      <c r="AM500" s="84"/>
    </row>
    <row r="501" spans="35:39" x14ac:dyDescent="0.35">
      <c r="AI501" s="84"/>
      <c r="AM501" s="84"/>
    </row>
    <row r="502" spans="35:39" x14ac:dyDescent="0.35">
      <c r="AI502" s="84"/>
      <c r="AM502" s="84"/>
    </row>
    <row r="503" spans="35:39" x14ac:dyDescent="0.35">
      <c r="AI503" s="84"/>
      <c r="AM503" s="84"/>
    </row>
    <row r="504" spans="35:39" x14ac:dyDescent="0.35">
      <c r="AI504" s="84"/>
      <c r="AM504" s="84"/>
    </row>
    <row r="505" spans="35:39" x14ac:dyDescent="0.35">
      <c r="AI505" s="84"/>
      <c r="AM505" s="84"/>
    </row>
    <row r="506" spans="35:39" x14ac:dyDescent="0.35">
      <c r="AI506" s="84"/>
      <c r="AM506" s="84"/>
    </row>
    <row r="507" spans="35:39" x14ac:dyDescent="0.35">
      <c r="AI507" s="84"/>
      <c r="AM507" s="84"/>
    </row>
    <row r="508" spans="35:39" x14ac:dyDescent="0.35">
      <c r="AI508" s="84"/>
      <c r="AM508" s="84"/>
    </row>
    <row r="509" spans="35:39" x14ac:dyDescent="0.35">
      <c r="AI509" s="84"/>
      <c r="AM509" s="84"/>
    </row>
    <row r="510" spans="35:39" x14ac:dyDescent="0.35">
      <c r="AI510" s="84"/>
      <c r="AM510" s="84"/>
    </row>
    <row r="511" spans="35:39" x14ac:dyDescent="0.35">
      <c r="AI511" s="84"/>
      <c r="AM511" s="84"/>
    </row>
    <row r="512" spans="35:39" x14ac:dyDescent="0.35">
      <c r="AI512" s="84"/>
      <c r="AM512" s="84"/>
    </row>
    <row r="513" spans="35:39" x14ac:dyDescent="0.35">
      <c r="AI513" s="84"/>
      <c r="AM513" s="84"/>
    </row>
    <row r="514" spans="35:39" x14ac:dyDescent="0.35">
      <c r="AI514" s="84"/>
      <c r="AM514" s="84"/>
    </row>
    <row r="515" spans="35:39" x14ac:dyDescent="0.35">
      <c r="AI515" s="84"/>
      <c r="AM515" s="84"/>
    </row>
    <row r="516" spans="35:39" x14ac:dyDescent="0.35">
      <c r="AI516" s="84"/>
      <c r="AM516" s="84"/>
    </row>
    <row r="517" spans="35:39" x14ac:dyDescent="0.35">
      <c r="AI517" s="84"/>
      <c r="AM517" s="84"/>
    </row>
    <row r="518" spans="35:39" x14ac:dyDescent="0.35">
      <c r="AI518" s="84"/>
      <c r="AM518" s="84"/>
    </row>
    <row r="519" spans="35:39" x14ac:dyDescent="0.35">
      <c r="AI519" s="84"/>
      <c r="AM519" s="84"/>
    </row>
    <row r="520" spans="35:39" x14ac:dyDescent="0.35">
      <c r="AI520" s="84"/>
      <c r="AM520" s="84"/>
    </row>
    <row r="521" spans="35:39" x14ac:dyDescent="0.35">
      <c r="AI521" s="84"/>
      <c r="AM521" s="84"/>
    </row>
    <row r="522" spans="35:39" x14ac:dyDescent="0.35">
      <c r="AI522" s="84"/>
      <c r="AM522" s="84"/>
    </row>
    <row r="523" spans="35:39" x14ac:dyDescent="0.35">
      <c r="AI523" s="84"/>
      <c r="AM523" s="84"/>
    </row>
    <row r="524" spans="35:39" x14ac:dyDescent="0.35">
      <c r="AI524" s="84"/>
      <c r="AM524" s="84"/>
    </row>
    <row r="525" spans="35:39" x14ac:dyDescent="0.35">
      <c r="AI525" s="84"/>
      <c r="AM525" s="84"/>
    </row>
    <row r="526" spans="35:39" x14ac:dyDescent="0.35">
      <c r="AI526" s="84"/>
      <c r="AM526" s="84"/>
    </row>
    <row r="527" spans="35:39" x14ac:dyDescent="0.35">
      <c r="AI527" s="84"/>
      <c r="AM527" s="84"/>
    </row>
    <row r="528" spans="35:39" x14ac:dyDescent="0.35">
      <c r="AI528" s="84"/>
      <c r="AM528" s="84"/>
    </row>
    <row r="529" spans="35:39" x14ac:dyDescent="0.35">
      <c r="AI529" s="84"/>
      <c r="AM529" s="84"/>
    </row>
    <row r="530" spans="35:39" x14ac:dyDescent="0.35">
      <c r="AI530" s="84"/>
      <c r="AM530" s="84"/>
    </row>
    <row r="531" spans="35:39" x14ac:dyDescent="0.35">
      <c r="AI531" s="84"/>
      <c r="AM531" s="84"/>
    </row>
    <row r="532" spans="35:39" x14ac:dyDescent="0.35">
      <c r="AI532" s="84"/>
      <c r="AM532" s="84"/>
    </row>
    <row r="533" spans="35:39" x14ac:dyDescent="0.35">
      <c r="AI533" s="84"/>
      <c r="AM533" s="84"/>
    </row>
    <row r="534" spans="35:39" x14ac:dyDescent="0.35">
      <c r="AI534" s="84"/>
      <c r="AM534" s="84"/>
    </row>
    <row r="535" spans="35:39" x14ac:dyDescent="0.35">
      <c r="AI535" s="84"/>
      <c r="AM535" s="84"/>
    </row>
    <row r="536" spans="35:39" x14ac:dyDescent="0.35">
      <c r="AI536" s="84"/>
      <c r="AM536" s="84"/>
    </row>
    <row r="537" spans="35:39" x14ac:dyDescent="0.35">
      <c r="AI537" s="84"/>
      <c r="AM537" s="84"/>
    </row>
    <row r="538" spans="35:39" x14ac:dyDescent="0.35">
      <c r="AI538" s="84"/>
      <c r="AM538" s="84"/>
    </row>
    <row r="539" spans="35:39" x14ac:dyDescent="0.35">
      <c r="AI539" s="84"/>
      <c r="AM539" s="84"/>
    </row>
    <row r="540" spans="35:39" x14ac:dyDescent="0.35">
      <c r="AI540" s="84"/>
      <c r="AM540" s="84"/>
    </row>
    <row r="541" spans="35:39" x14ac:dyDescent="0.35">
      <c r="AI541" s="84"/>
      <c r="AM541" s="84"/>
    </row>
    <row r="542" spans="35:39" x14ac:dyDescent="0.35">
      <c r="AI542" s="84"/>
      <c r="AM542" s="84"/>
    </row>
    <row r="543" spans="35:39" x14ac:dyDescent="0.35">
      <c r="AI543" s="84"/>
      <c r="AM543" s="84"/>
    </row>
    <row r="544" spans="35:39" x14ac:dyDescent="0.35">
      <c r="AI544" s="84"/>
      <c r="AM544" s="84"/>
    </row>
    <row r="545" spans="35:39" x14ac:dyDescent="0.35">
      <c r="AI545" s="84"/>
      <c r="AM545" s="84"/>
    </row>
    <row r="546" spans="35:39" x14ac:dyDescent="0.35">
      <c r="AI546" s="84"/>
      <c r="AM546" s="84"/>
    </row>
    <row r="547" spans="35:39" x14ac:dyDescent="0.35">
      <c r="AI547" s="84"/>
      <c r="AM547" s="84"/>
    </row>
    <row r="548" spans="35:39" x14ac:dyDescent="0.35">
      <c r="AI548" s="84"/>
      <c r="AM548" s="84"/>
    </row>
    <row r="549" spans="35:39" x14ac:dyDescent="0.35">
      <c r="AI549" s="84"/>
      <c r="AM549" s="84"/>
    </row>
    <row r="550" spans="35:39" x14ac:dyDescent="0.35">
      <c r="AI550" s="84"/>
      <c r="AM550" s="84"/>
    </row>
    <row r="551" spans="35:39" x14ac:dyDescent="0.35">
      <c r="AI551" s="84"/>
      <c r="AM551" s="84"/>
    </row>
    <row r="552" spans="35:39" x14ac:dyDescent="0.35">
      <c r="AI552" s="84"/>
      <c r="AM552" s="84"/>
    </row>
    <row r="553" spans="35:39" x14ac:dyDescent="0.35">
      <c r="AI553" s="84"/>
      <c r="AM553" s="84"/>
    </row>
    <row r="554" spans="35:39" x14ac:dyDescent="0.35">
      <c r="AI554" s="84"/>
      <c r="AM554" s="84"/>
    </row>
    <row r="555" spans="35:39" x14ac:dyDescent="0.35">
      <c r="AI555" s="84"/>
      <c r="AM555" s="84"/>
    </row>
    <row r="556" spans="35:39" x14ac:dyDescent="0.35">
      <c r="AI556" s="84"/>
      <c r="AM556" s="84"/>
    </row>
    <row r="557" spans="35:39" x14ac:dyDescent="0.35">
      <c r="AI557" s="84"/>
      <c r="AM557" s="84"/>
    </row>
    <row r="558" spans="35:39" x14ac:dyDescent="0.35">
      <c r="AI558" s="84"/>
      <c r="AM558" s="84"/>
    </row>
    <row r="559" spans="35:39" x14ac:dyDescent="0.35">
      <c r="AI559" s="84"/>
      <c r="AM559" s="84"/>
    </row>
    <row r="560" spans="35:39" x14ac:dyDescent="0.35">
      <c r="AI560" s="84"/>
      <c r="AM560" s="84"/>
    </row>
    <row r="561" spans="35:39" x14ac:dyDescent="0.35">
      <c r="AI561" s="84"/>
      <c r="AM561" s="84"/>
    </row>
    <row r="562" spans="35:39" x14ac:dyDescent="0.35">
      <c r="AI562" s="84"/>
      <c r="AM562" s="84"/>
    </row>
    <row r="563" spans="35:39" x14ac:dyDescent="0.35">
      <c r="AI563" s="84"/>
      <c r="AM563" s="84"/>
    </row>
    <row r="564" spans="35:39" x14ac:dyDescent="0.35">
      <c r="AI564" s="84"/>
      <c r="AM564" s="84"/>
    </row>
    <row r="565" spans="35:39" x14ac:dyDescent="0.35">
      <c r="AI565" s="84"/>
      <c r="AM565" s="84"/>
    </row>
    <row r="566" spans="35:39" x14ac:dyDescent="0.35">
      <c r="AI566" s="84"/>
      <c r="AM566" s="84"/>
    </row>
    <row r="567" spans="35:39" x14ac:dyDescent="0.35">
      <c r="AI567" s="84"/>
      <c r="AM567" s="84"/>
    </row>
    <row r="568" spans="35:39" x14ac:dyDescent="0.35">
      <c r="AI568" s="84"/>
      <c r="AM568" s="84"/>
    </row>
    <row r="569" spans="35:39" x14ac:dyDescent="0.35">
      <c r="AI569" s="84"/>
      <c r="AM569" s="84"/>
    </row>
    <row r="570" spans="35:39" x14ac:dyDescent="0.35">
      <c r="AI570" s="84"/>
      <c r="AM570" s="84"/>
    </row>
    <row r="571" spans="35:39" x14ac:dyDescent="0.35">
      <c r="AI571" s="84"/>
      <c r="AM571" s="84"/>
    </row>
    <row r="572" spans="35:39" x14ac:dyDescent="0.35">
      <c r="AI572" s="84"/>
      <c r="AM572" s="84"/>
    </row>
    <row r="573" spans="35:39" x14ac:dyDescent="0.35">
      <c r="AI573" s="84"/>
      <c r="AM573" s="84"/>
    </row>
    <row r="574" spans="35:39" x14ac:dyDescent="0.35">
      <c r="AI574" s="84"/>
      <c r="AM574" s="84"/>
    </row>
    <row r="575" spans="35:39" x14ac:dyDescent="0.35">
      <c r="AI575" s="84"/>
      <c r="AM575" s="84"/>
    </row>
    <row r="576" spans="35:39" x14ac:dyDescent="0.35">
      <c r="AI576" s="84"/>
      <c r="AM576" s="84"/>
    </row>
    <row r="577" spans="35:39" x14ac:dyDescent="0.35">
      <c r="AI577" s="84"/>
      <c r="AM577" s="84"/>
    </row>
    <row r="578" spans="35:39" x14ac:dyDescent="0.35">
      <c r="AI578" s="84"/>
      <c r="AM578" s="84"/>
    </row>
    <row r="579" spans="35:39" x14ac:dyDescent="0.35">
      <c r="AI579" s="84"/>
      <c r="AM579" s="84"/>
    </row>
    <row r="580" spans="35:39" x14ac:dyDescent="0.35">
      <c r="AI580" s="84"/>
      <c r="AM580" s="84"/>
    </row>
    <row r="581" spans="35:39" x14ac:dyDescent="0.35">
      <c r="AI581" s="84"/>
      <c r="AM581" s="84"/>
    </row>
    <row r="582" spans="35:39" x14ac:dyDescent="0.35">
      <c r="AI582" s="84"/>
      <c r="AM582" s="84"/>
    </row>
    <row r="583" spans="35:39" x14ac:dyDescent="0.35">
      <c r="AI583" s="84"/>
      <c r="AM583" s="84"/>
    </row>
    <row r="584" spans="35:39" x14ac:dyDescent="0.35">
      <c r="AI584" s="84"/>
      <c r="AM584" s="84"/>
    </row>
    <row r="585" spans="35:39" x14ac:dyDescent="0.35">
      <c r="AI585" s="84"/>
      <c r="AM585" s="84"/>
    </row>
    <row r="586" spans="35:39" x14ac:dyDescent="0.35">
      <c r="AI586" s="84"/>
      <c r="AM586" s="84"/>
    </row>
    <row r="587" spans="35:39" x14ac:dyDescent="0.35">
      <c r="AI587" s="84"/>
      <c r="AM587" s="84"/>
    </row>
    <row r="588" spans="35:39" x14ac:dyDescent="0.35">
      <c r="AI588" s="84"/>
      <c r="AM588" s="84"/>
    </row>
    <row r="589" spans="35:39" x14ac:dyDescent="0.35">
      <c r="AI589" s="84"/>
      <c r="AM589" s="84"/>
    </row>
    <row r="590" spans="35:39" x14ac:dyDescent="0.35">
      <c r="AI590" s="84"/>
      <c r="AM590" s="84"/>
    </row>
    <row r="591" spans="35:39" x14ac:dyDescent="0.35">
      <c r="AI591" s="84"/>
      <c r="AM591" s="84"/>
    </row>
    <row r="592" spans="35:39" x14ac:dyDescent="0.35">
      <c r="AI592" s="84"/>
      <c r="AM592" s="84"/>
    </row>
    <row r="593" spans="35:39" x14ac:dyDescent="0.35">
      <c r="AI593" s="84"/>
      <c r="AM593" s="84"/>
    </row>
    <row r="594" spans="35:39" x14ac:dyDescent="0.35">
      <c r="AI594" s="84"/>
      <c r="AM594" s="84"/>
    </row>
    <row r="595" spans="35:39" x14ac:dyDescent="0.35">
      <c r="AI595" s="84"/>
      <c r="AM595" s="84"/>
    </row>
    <row r="596" spans="35:39" x14ac:dyDescent="0.35">
      <c r="AI596" s="84"/>
      <c r="AM596" s="84"/>
    </row>
    <row r="597" spans="35:39" x14ac:dyDescent="0.35">
      <c r="AI597" s="84"/>
      <c r="AM597" s="84"/>
    </row>
    <row r="598" spans="35:39" x14ac:dyDescent="0.35">
      <c r="AI598" s="84"/>
      <c r="AM598" s="84"/>
    </row>
    <row r="599" spans="35:39" x14ac:dyDescent="0.35">
      <c r="AI599" s="84"/>
      <c r="AM599" s="84"/>
    </row>
    <row r="600" spans="35:39" x14ac:dyDescent="0.35">
      <c r="AI600" s="84"/>
      <c r="AM600" s="84"/>
    </row>
    <row r="601" spans="35:39" x14ac:dyDescent="0.35">
      <c r="AI601" s="84"/>
      <c r="AM601" s="84"/>
    </row>
    <row r="602" spans="35:39" x14ac:dyDescent="0.35">
      <c r="AI602" s="84"/>
      <c r="AM602" s="84"/>
    </row>
    <row r="603" spans="35:39" x14ac:dyDescent="0.35">
      <c r="AI603" s="84"/>
      <c r="AM603" s="84"/>
    </row>
    <row r="604" spans="35:39" x14ac:dyDescent="0.35">
      <c r="AI604" s="84"/>
      <c r="AM604" s="84"/>
    </row>
    <row r="605" spans="35:39" x14ac:dyDescent="0.35">
      <c r="AI605" s="84"/>
      <c r="AM605" s="84"/>
    </row>
    <row r="606" spans="35:39" x14ac:dyDescent="0.35">
      <c r="AI606" s="84"/>
      <c r="AM606" s="84"/>
    </row>
    <row r="607" spans="35:39" x14ac:dyDescent="0.35">
      <c r="AI607" s="84"/>
      <c r="AM607" s="84"/>
    </row>
    <row r="608" spans="35:39" x14ac:dyDescent="0.35">
      <c r="AI608" s="84"/>
      <c r="AM608" s="84"/>
    </row>
    <row r="609" spans="35:39" x14ac:dyDescent="0.35">
      <c r="AI609" s="84"/>
      <c r="AM609" s="84"/>
    </row>
    <row r="610" spans="35:39" x14ac:dyDescent="0.35">
      <c r="AI610" s="84"/>
      <c r="AM610" s="84"/>
    </row>
    <row r="611" spans="35:39" x14ac:dyDescent="0.35">
      <c r="AI611" s="84"/>
      <c r="AM611" s="84"/>
    </row>
    <row r="612" spans="35:39" x14ac:dyDescent="0.35">
      <c r="AI612" s="84"/>
      <c r="AM612" s="84"/>
    </row>
    <row r="613" spans="35:39" x14ac:dyDescent="0.35">
      <c r="AI613" s="84"/>
      <c r="AM613" s="84"/>
    </row>
    <row r="614" spans="35:39" x14ac:dyDescent="0.35">
      <c r="AI614" s="84"/>
      <c r="AM614" s="84"/>
    </row>
    <row r="615" spans="35:39" x14ac:dyDescent="0.35">
      <c r="AI615" s="84"/>
      <c r="AM615" s="84"/>
    </row>
    <row r="616" spans="35:39" x14ac:dyDescent="0.35">
      <c r="AI616" s="84"/>
      <c r="AM616" s="84"/>
    </row>
    <row r="617" spans="35:39" x14ac:dyDescent="0.35">
      <c r="AI617" s="84"/>
      <c r="AM617" s="84"/>
    </row>
    <row r="618" spans="35:39" x14ac:dyDescent="0.35">
      <c r="AI618" s="84"/>
      <c r="AM618" s="84"/>
    </row>
    <row r="619" spans="35:39" x14ac:dyDescent="0.35">
      <c r="AI619" s="84"/>
      <c r="AM619" s="84"/>
    </row>
    <row r="620" spans="35:39" x14ac:dyDescent="0.35">
      <c r="AI620" s="84"/>
      <c r="AM620" s="84"/>
    </row>
    <row r="621" spans="35:39" x14ac:dyDescent="0.35">
      <c r="AI621" s="84"/>
      <c r="AM621" s="84"/>
    </row>
    <row r="622" spans="35:39" x14ac:dyDescent="0.35">
      <c r="AI622" s="84"/>
      <c r="AM622" s="84"/>
    </row>
    <row r="623" spans="35:39" x14ac:dyDescent="0.35">
      <c r="AI623" s="84"/>
      <c r="AM623" s="84"/>
    </row>
    <row r="624" spans="35:39" x14ac:dyDescent="0.35">
      <c r="AI624" s="84"/>
      <c r="AM624" s="84"/>
    </row>
    <row r="625" spans="35:39" x14ac:dyDescent="0.35">
      <c r="AI625" s="84"/>
      <c r="AM625" s="84"/>
    </row>
    <row r="626" spans="35:39" x14ac:dyDescent="0.35">
      <c r="AI626" s="84"/>
      <c r="AM626" s="84"/>
    </row>
    <row r="627" spans="35:39" x14ac:dyDescent="0.35">
      <c r="AI627" s="84"/>
      <c r="AM627" s="84"/>
    </row>
    <row r="628" spans="35:39" x14ac:dyDescent="0.35">
      <c r="AI628" s="84"/>
      <c r="AM628" s="84"/>
    </row>
    <row r="629" spans="35:39" x14ac:dyDescent="0.35">
      <c r="AI629" s="84"/>
      <c r="AM629" s="84"/>
    </row>
    <row r="630" spans="35:39" x14ac:dyDescent="0.35">
      <c r="AI630" s="84"/>
      <c r="AM630" s="84"/>
    </row>
    <row r="631" spans="35:39" x14ac:dyDescent="0.35">
      <c r="AI631" s="84"/>
      <c r="AM631" s="84"/>
    </row>
    <row r="632" spans="35:39" x14ac:dyDescent="0.35">
      <c r="AI632" s="84"/>
      <c r="AM632" s="84"/>
    </row>
    <row r="633" spans="35:39" x14ac:dyDescent="0.35">
      <c r="AI633" s="84"/>
      <c r="AM633" s="84"/>
    </row>
    <row r="634" spans="35:39" x14ac:dyDescent="0.35">
      <c r="AI634" s="84"/>
      <c r="AM634" s="84"/>
    </row>
    <row r="635" spans="35:39" x14ac:dyDescent="0.35">
      <c r="AI635" s="84"/>
      <c r="AM635" s="84"/>
    </row>
    <row r="636" spans="35:39" x14ac:dyDescent="0.35">
      <c r="AI636" s="84"/>
      <c r="AM636" s="84"/>
    </row>
    <row r="637" spans="35:39" x14ac:dyDescent="0.35">
      <c r="AI637" s="84"/>
      <c r="AM637" s="84"/>
    </row>
    <row r="638" spans="35:39" x14ac:dyDescent="0.35">
      <c r="AI638" s="84"/>
      <c r="AM638" s="84"/>
    </row>
    <row r="639" spans="35:39" x14ac:dyDescent="0.35">
      <c r="AI639" s="84"/>
      <c r="AM639" s="84"/>
    </row>
    <row r="640" spans="35:39" x14ac:dyDescent="0.35">
      <c r="AI640" s="84"/>
      <c r="AM640" s="84"/>
    </row>
    <row r="641" spans="35:39" x14ac:dyDescent="0.35">
      <c r="AI641" s="84"/>
      <c r="AM641" s="84"/>
    </row>
    <row r="642" spans="35:39" x14ac:dyDescent="0.35">
      <c r="AI642" s="84"/>
      <c r="AM642" s="84"/>
    </row>
    <row r="643" spans="35:39" x14ac:dyDescent="0.35">
      <c r="AI643" s="84"/>
      <c r="AM643" s="84"/>
    </row>
    <row r="644" spans="35:39" x14ac:dyDescent="0.35">
      <c r="AI644" s="84"/>
      <c r="AM644" s="84"/>
    </row>
    <row r="645" spans="35:39" x14ac:dyDescent="0.35">
      <c r="AI645" s="84"/>
      <c r="AM645" s="84"/>
    </row>
    <row r="646" spans="35:39" x14ac:dyDescent="0.35">
      <c r="AI646" s="84"/>
      <c r="AM646" s="84"/>
    </row>
    <row r="647" spans="35:39" x14ac:dyDescent="0.35">
      <c r="AI647" s="84"/>
      <c r="AM647" s="84"/>
    </row>
    <row r="648" spans="35:39" x14ac:dyDescent="0.35">
      <c r="AI648" s="84"/>
      <c r="AM648" s="84"/>
    </row>
    <row r="649" spans="35:39" x14ac:dyDescent="0.35">
      <c r="AI649" s="84"/>
      <c r="AM649" s="84"/>
    </row>
    <row r="650" spans="35:39" x14ac:dyDescent="0.35">
      <c r="AI650" s="84"/>
      <c r="AM650" s="84"/>
    </row>
    <row r="651" spans="35:39" x14ac:dyDescent="0.35">
      <c r="AI651" s="84"/>
      <c r="AM651" s="84"/>
    </row>
    <row r="652" spans="35:39" x14ac:dyDescent="0.35">
      <c r="AI652" s="84"/>
      <c r="AM652" s="84"/>
    </row>
    <row r="653" spans="35:39" x14ac:dyDescent="0.35">
      <c r="AI653" s="84"/>
      <c r="AM653" s="84"/>
    </row>
    <row r="654" spans="35:39" x14ac:dyDescent="0.35">
      <c r="AI654" s="84"/>
      <c r="AM654" s="84"/>
    </row>
    <row r="655" spans="35:39" x14ac:dyDescent="0.35">
      <c r="AI655" s="84"/>
      <c r="AM655" s="84"/>
    </row>
    <row r="656" spans="35:39" x14ac:dyDescent="0.35">
      <c r="AI656" s="84"/>
      <c r="AM656" s="84"/>
    </row>
    <row r="657" spans="35:39" x14ac:dyDescent="0.35">
      <c r="AI657" s="84"/>
      <c r="AM657" s="84"/>
    </row>
    <row r="658" spans="35:39" x14ac:dyDescent="0.35">
      <c r="AI658" s="84"/>
      <c r="AM658" s="84"/>
    </row>
    <row r="659" spans="35:39" x14ac:dyDescent="0.35">
      <c r="AI659" s="84"/>
      <c r="AM659" s="84"/>
    </row>
    <row r="660" spans="35:39" x14ac:dyDescent="0.35">
      <c r="AI660" s="84"/>
      <c r="AM660" s="84"/>
    </row>
    <row r="661" spans="35:39" x14ac:dyDescent="0.35">
      <c r="AI661" s="84"/>
      <c r="AM661" s="84"/>
    </row>
    <row r="662" spans="35:39" x14ac:dyDescent="0.35">
      <c r="AI662" s="84"/>
      <c r="AM662" s="84"/>
    </row>
    <row r="663" spans="35:39" x14ac:dyDescent="0.35">
      <c r="AI663" s="84"/>
      <c r="AM663" s="84"/>
    </row>
    <row r="664" spans="35:39" x14ac:dyDescent="0.35">
      <c r="AI664" s="84"/>
      <c r="AM664" s="84"/>
    </row>
    <row r="665" spans="35:39" x14ac:dyDescent="0.35">
      <c r="AI665" s="84"/>
      <c r="AM665" s="84"/>
    </row>
    <row r="666" spans="35:39" x14ac:dyDescent="0.35">
      <c r="AI666" s="84"/>
      <c r="AM666" s="84"/>
    </row>
    <row r="667" spans="35:39" x14ac:dyDescent="0.35">
      <c r="AI667" s="84"/>
      <c r="AM667" s="84"/>
    </row>
    <row r="668" spans="35:39" x14ac:dyDescent="0.35">
      <c r="AI668" s="84"/>
      <c r="AM668" s="84"/>
    </row>
    <row r="669" spans="35:39" x14ac:dyDescent="0.35">
      <c r="AI669" s="84"/>
      <c r="AM669" s="84"/>
    </row>
    <row r="670" spans="35:39" x14ac:dyDescent="0.35">
      <c r="AI670" s="84"/>
      <c r="AM670" s="84"/>
    </row>
    <row r="671" spans="35:39" x14ac:dyDescent="0.35">
      <c r="AI671" s="84"/>
      <c r="AM671" s="84"/>
    </row>
    <row r="672" spans="35:39" x14ac:dyDescent="0.35">
      <c r="AI672" s="84"/>
      <c r="AM672" s="84"/>
    </row>
    <row r="673" spans="35:39" x14ac:dyDescent="0.35">
      <c r="AI673" s="84"/>
      <c r="AM673" s="84"/>
    </row>
    <row r="674" spans="35:39" x14ac:dyDescent="0.35">
      <c r="AI674" s="84"/>
      <c r="AM674" s="84"/>
    </row>
    <row r="675" spans="35:39" x14ac:dyDescent="0.35">
      <c r="AI675" s="84"/>
      <c r="AM675" s="84"/>
    </row>
    <row r="676" spans="35:39" x14ac:dyDescent="0.35">
      <c r="AI676" s="84"/>
      <c r="AM676" s="84"/>
    </row>
    <row r="677" spans="35:39" x14ac:dyDescent="0.35">
      <c r="AI677" s="84"/>
      <c r="AM677" s="84"/>
    </row>
    <row r="678" spans="35:39" x14ac:dyDescent="0.35">
      <c r="AI678" s="84"/>
      <c r="AM678" s="84"/>
    </row>
    <row r="679" spans="35:39" x14ac:dyDescent="0.35">
      <c r="AI679" s="84"/>
      <c r="AM679" s="84"/>
    </row>
    <row r="680" spans="35:39" x14ac:dyDescent="0.35">
      <c r="AI680" s="84"/>
      <c r="AM680" s="84"/>
    </row>
    <row r="681" spans="35:39" x14ac:dyDescent="0.35">
      <c r="AI681" s="84"/>
      <c r="AM681" s="84"/>
    </row>
    <row r="682" spans="35:39" x14ac:dyDescent="0.35">
      <c r="AI682" s="84"/>
      <c r="AM682" s="84"/>
    </row>
    <row r="683" spans="35:39" x14ac:dyDescent="0.35">
      <c r="AI683" s="84"/>
      <c r="AM683" s="84"/>
    </row>
    <row r="684" spans="35:39" x14ac:dyDescent="0.35">
      <c r="AI684" s="84"/>
      <c r="AM684" s="84"/>
    </row>
    <row r="685" spans="35:39" x14ac:dyDescent="0.35">
      <c r="AI685" s="84"/>
      <c r="AM685" s="84"/>
    </row>
    <row r="686" spans="35:39" x14ac:dyDescent="0.35">
      <c r="AI686" s="84"/>
      <c r="AM686" s="84"/>
    </row>
    <row r="687" spans="35:39" x14ac:dyDescent="0.35">
      <c r="AI687" s="84"/>
      <c r="AM687" s="84"/>
    </row>
    <row r="688" spans="35:39" x14ac:dyDescent="0.35">
      <c r="AI688" s="84"/>
      <c r="AM688" s="84"/>
    </row>
    <row r="689" spans="35:39" x14ac:dyDescent="0.35">
      <c r="AI689" s="84"/>
      <c r="AM689" s="84"/>
    </row>
    <row r="690" spans="35:39" x14ac:dyDescent="0.35">
      <c r="AI690" s="84"/>
      <c r="AM690" s="84"/>
    </row>
    <row r="691" spans="35:39" x14ac:dyDescent="0.35">
      <c r="AI691" s="84"/>
      <c r="AM691" s="84"/>
    </row>
    <row r="692" spans="35:39" x14ac:dyDescent="0.35">
      <c r="AI692" s="84"/>
      <c r="AM692" s="84"/>
    </row>
    <row r="693" spans="35:39" x14ac:dyDescent="0.35">
      <c r="AI693" s="84"/>
      <c r="AM693" s="84"/>
    </row>
    <row r="694" spans="35:39" x14ac:dyDescent="0.35">
      <c r="AI694" s="84"/>
      <c r="AM694" s="84"/>
    </row>
    <row r="695" spans="35:39" x14ac:dyDescent="0.35">
      <c r="AI695" s="84"/>
      <c r="AM695" s="84"/>
    </row>
    <row r="696" spans="35:39" x14ac:dyDescent="0.35">
      <c r="AI696" s="84"/>
      <c r="AM696" s="84"/>
    </row>
    <row r="697" spans="35:39" x14ac:dyDescent="0.35">
      <c r="AI697" s="84"/>
      <c r="AM697" s="84"/>
    </row>
    <row r="698" spans="35:39" x14ac:dyDescent="0.35">
      <c r="AI698" s="84"/>
      <c r="AM698" s="84"/>
    </row>
    <row r="699" spans="35:39" x14ac:dyDescent="0.35">
      <c r="AI699" s="84"/>
      <c r="AM699" s="84"/>
    </row>
    <row r="700" spans="35:39" x14ac:dyDescent="0.35">
      <c r="AI700" s="84"/>
      <c r="AM700" s="84"/>
    </row>
    <row r="701" spans="35:39" x14ac:dyDescent="0.35">
      <c r="AI701" s="84"/>
      <c r="AM701" s="84"/>
    </row>
    <row r="702" spans="35:39" x14ac:dyDescent="0.35">
      <c r="AI702" s="84"/>
      <c r="AM702" s="84"/>
    </row>
    <row r="703" spans="35:39" x14ac:dyDescent="0.35">
      <c r="AI703" s="84"/>
      <c r="AM703" s="84"/>
    </row>
    <row r="704" spans="35:39" x14ac:dyDescent="0.35">
      <c r="AI704" s="84"/>
      <c r="AM704" s="84"/>
    </row>
    <row r="705" spans="35:39" x14ac:dyDescent="0.35">
      <c r="AI705" s="84"/>
      <c r="AM705" s="84"/>
    </row>
    <row r="706" spans="35:39" x14ac:dyDescent="0.35">
      <c r="AI706" s="84"/>
      <c r="AM706" s="84"/>
    </row>
    <row r="707" spans="35:39" x14ac:dyDescent="0.35">
      <c r="AI707" s="84"/>
      <c r="AM707" s="84"/>
    </row>
    <row r="708" spans="35:39" x14ac:dyDescent="0.35">
      <c r="AI708" s="84"/>
      <c r="AM708" s="84"/>
    </row>
    <row r="709" spans="35:39" x14ac:dyDescent="0.35">
      <c r="AI709" s="84"/>
      <c r="AM709" s="84"/>
    </row>
    <row r="710" spans="35:39" x14ac:dyDescent="0.35">
      <c r="AI710" s="84"/>
      <c r="AM710" s="84"/>
    </row>
    <row r="711" spans="35:39" x14ac:dyDescent="0.35">
      <c r="AI711" s="84"/>
      <c r="AM711" s="84"/>
    </row>
    <row r="712" spans="35:39" x14ac:dyDescent="0.35">
      <c r="AI712" s="84"/>
      <c r="AM712" s="84"/>
    </row>
    <row r="713" spans="35:39" x14ac:dyDescent="0.35">
      <c r="AI713" s="84"/>
      <c r="AM713" s="84"/>
    </row>
    <row r="714" spans="35:39" x14ac:dyDescent="0.35">
      <c r="AI714" s="84"/>
      <c r="AM714" s="84"/>
    </row>
    <row r="715" spans="35:39" x14ac:dyDescent="0.35">
      <c r="AI715" s="84"/>
      <c r="AM715" s="84"/>
    </row>
    <row r="716" spans="35:39" x14ac:dyDescent="0.35">
      <c r="AI716" s="84"/>
      <c r="AM716" s="84"/>
    </row>
    <row r="717" spans="35:39" x14ac:dyDescent="0.35">
      <c r="AI717" s="84"/>
      <c r="AM717" s="84"/>
    </row>
    <row r="718" spans="35:39" x14ac:dyDescent="0.35">
      <c r="AI718" s="84"/>
      <c r="AM718" s="84"/>
    </row>
    <row r="719" spans="35:39" x14ac:dyDescent="0.35">
      <c r="AI719" s="84"/>
      <c r="AM719" s="84"/>
    </row>
    <row r="720" spans="35:39" x14ac:dyDescent="0.35">
      <c r="AI720" s="84"/>
      <c r="AM720" s="84"/>
    </row>
    <row r="721" spans="35:39" x14ac:dyDescent="0.35">
      <c r="AI721" s="84"/>
      <c r="AM721" s="84"/>
    </row>
    <row r="722" spans="35:39" x14ac:dyDescent="0.35">
      <c r="AI722" s="84"/>
      <c r="AM722" s="84"/>
    </row>
    <row r="723" spans="35:39" x14ac:dyDescent="0.35">
      <c r="AI723" s="84"/>
      <c r="AM723" s="84"/>
    </row>
    <row r="724" spans="35:39" x14ac:dyDescent="0.35">
      <c r="AI724" s="84"/>
      <c r="AM724" s="84"/>
    </row>
    <row r="725" spans="35:39" x14ac:dyDescent="0.35">
      <c r="AI725" s="84"/>
      <c r="AM725" s="84"/>
    </row>
    <row r="726" spans="35:39" x14ac:dyDescent="0.35">
      <c r="AI726" s="84"/>
      <c r="AM726" s="84"/>
    </row>
    <row r="727" spans="35:39" x14ac:dyDescent="0.35">
      <c r="AI727" s="84"/>
      <c r="AM727" s="84"/>
    </row>
    <row r="728" spans="35:39" x14ac:dyDescent="0.35">
      <c r="AI728" s="84"/>
      <c r="AM728" s="84"/>
    </row>
    <row r="729" spans="35:39" x14ac:dyDescent="0.35">
      <c r="AI729" s="84"/>
      <c r="AM729" s="84"/>
    </row>
    <row r="730" spans="35:39" x14ac:dyDescent="0.35">
      <c r="AI730" s="84"/>
      <c r="AM730" s="84"/>
    </row>
    <row r="731" spans="35:39" x14ac:dyDescent="0.35">
      <c r="AI731" s="84"/>
      <c r="AM731" s="84"/>
    </row>
    <row r="732" spans="35:39" x14ac:dyDescent="0.35">
      <c r="AI732" s="84"/>
      <c r="AM732" s="84"/>
    </row>
    <row r="733" spans="35:39" x14ac:dyDescent="0.35">
      <c r="AI733" s="84"/>
      <c r="AM733" s="84"/>
    </row>
    <row r="734" spans="35:39" x14ac:dyDescent="0.35">
      <c r="AI734" s="84"/>
      <c r="AM734" s="84"/>
    </row>
    <row r="735" spans="35:39" x14ac:dyDescent="0.35">
      <c r="AI735" s="84"/>
      <c r="AM735" s="84"/>
    </row>
    <row r="736" spans="35:39" x14ac:dyDescent="0.35">
      <c r="AI736" s="84"/>
      <c r="AM736" s="84"/>
    </row>
    <row r="737" spans="35:39" x14ac:dyDescent="0.35">
      <c r="AI737" s="84"/>
      <c r="AM737" s="84"/>
    </row>
    <row r="738" spans="35:39" x14ac:dyDescent="0.35">
      <c r="AI738" s="84"/>
      <c r="AM738" s="84"/>
    </row>
    <row r="739" spans="35:39" x14ac:dyDescent="0.35">
      <c r="AI739" s="84"/>
      <c r="AM739" s="84"/>
    </row>
    <row r="740" spans="35:39" x14ac:dyDescent="0.35">
      <c r="AI740" s="84"/>
      <c r="AM740" s="84"/>
    </row>
    <row r="741" spans="35:39" x14ac:dyDescent="0.35">
      <c r="AI741" s="84"/>
      <c r="AM741" s="84"/>
    </row>
    <row r="742" spans="35:39" x14ac:dyDescent="0.35">
      <c r="AI742" s="84"/>
      <c r="AM742" s="84"/>
    </row>
    <row r="743" spans="35:39" x14ac:dyDescent="0.35">
      <c r="AI743" s="84"/>
      <c r="AM743" s="84"/>
    </row>
    <row r="744" spans="35:39" x14ac:dyDescent="0.35">
      <c r="AI744" s="84"/>
      <c r="AM744" s="84"/>
    </row>
    <row r="745" spans="35:39" x14ac:dyDescent="0.35">
      <c r="AI745" s="84"/>
      <c r="AM745" s="84"/>
    </row>
    <row r="746" spans="35:39" x14ac:dyDescent="0.35">
      <c r="AI746" s="84"/>
      <c r="AM746" s="84"/>
    </row>
    <row r="747" spans="35:39" x14ac:dyDescent="0.35">
      <c r="AI747" s="84"/>
      <c r="AM747" s="84"/>
    </row>
    <row r="748" spans="35:39" x14ac:dyDescent="0.35">
      <c r="AI748" s="84"/>
      <c r="AM748" s="84"/>
    </row>
    <row r="749" spans="35:39" x14ac:dyDescent="0.35">
      <c r="AI749" s="84"/>
      <c r="AM749" s="84"/>
    </row>
    <row r="750" spans="35:39" x14ac:dyDescent="0.35">
      <c r="AI750" s="84"/>
      <c r="AM750" s="84"/>
    </row>
    <row r="751" spans="35:39" x14ac:dyDescent="0.35">
      <c r="AI751" s="84"/>
      <c r="AM751" s="84"/>
    </row>
    <row r="752" spans="35:39" x14ac:dyDescent="0.35">
      <c r="AI752" s="84"/>
      <c r="AM752" s="84"/>
    </row>
    <row r="753" spans="35:39" x14ac:dyDescent="0.35">
      <c r="AI753" s="84"/>
      <c r="AM753" s="84"/>
    </row>
    <row r="754" spans="35:39" x14ac:dyDescent="0.35">
      <c r="AI754" s="84"/>
      <c r="AM754" s="84"/>
    </row>
    <row r="755" spans="35:39" x14ac:dyDescent="0.35">
      <c r="AI755" s="84"/>
      <c r="AM755" s="84"/>
    </row>
    <row r="756" spans="35:39" x14ac:dyDescent="0.35">
      <c r="AI756" s="84"/>
      <c r="AM756" s="84"/>
    </row>
    <row r="757" spans="35:39" x14ac:dyDescent="0.35">
      <c r="AI757" s="84"/>
      <c r="AM757" s="84"/>
    </row>
    <row r="758" spans="35:39" x14ac:dyDescent="0.35">
      <c r="AI758" s="84"/>
      <c r="AM758" s="84"/>
    </row>
    <row r="759" spans="35:39" x14ac:dyDescent="0.35">
      <c r="AI759" s="84"/>
      <c r="AM759" s="84"/>
    </row>
    <row r="760" spans="35:39" x14ac:dyDescent="0.35">
      <c r="AI760" s="84"/>
      <c r="AM760" s="84"/>
    </row>
    <row r="761" spans="35:39" x14ac:dyDescent="0.35">
      <c r="AI761" s="84"/>
      <c r="AM761" s="84"/>
    </row>
    <row r="762" spans="35:39" x14ac:dyDescent="0.35">
      <c r="AI762" s="84"/>
      <c r="AM762" s="84"/>
    </row>
    <row r="763" spans="35:39" x14ac:dyDescent="0.35">
      <c r="AI763" s="84"/>
      <c r="AM763" s="84"/>
    </row>
    <row r="764" spans="35:39" x14ac:dyDescent="0.35">
      <c r="AI764" s="84"/>
      <c r="AM764" s="84"/>
    </row>
    <row r="765" spans="35:39" x14ac:dyDescent="0.35">
      <c r="AI765" s="84"/>
      <c r="AM765" s="84"/>
    </row>
    <row r="766" spans="35:39" x14ac:dyDescent="0.35">
      <c r="AI766" s="84"/>
      <c r="AM766" s="84"/>
    </row>
    <row r="767" spans="35:39" x14ac:dyDescent="0.35">
      <c r="AI767" s="84"/>
      <c r="AM767" s="84"/>
    </row>
    <row r="768" spans="35:39" x14ac:dyDescent="0.35">
      <c r="AI768" s="84"/>
      <c r="AM768" s="84"/>
    </row>
    <row r="769" spans="35:39" x14ac:dyDescent="0.35">
      <c r="AI769" s="84"/>
      <c r="AM769" s="84"/>
    </row>
    <row r="770" spans="35:39" x14ac:dyDescent="0.35">
      <c r="AI770" s="84"/>
      <c r="AM770" s="84"/>
    </row>
    <row r="771" spans="35:39" x14ac:dyDescent="0.35">
      <c r="AI771" s="84"/>
      <c r="AM771" s="84"/>
    </row>
    <row r="772" spans="35:39" x14ac:dyDescent="0.35">
      <c r="AI772" s="84"/>
      <c r="AM772" s="84"/>
    </row>
    <row r="773" spans="35:39" x14ac:dyDescent="0.35">
      <c r="AI773" s="84"/>
      <c r="AM773" s="84"/>
    </row>
    <row r="774" spans="35:39" x14ac:dyDescent="0.35">
      <c r="AI774" s="84"/>
      <c r="AM774" s="84"/>
    </row>
    <row r="775" spans="35:39" x14ac:dyDescent="0.35">
      <c r="AI775" s="84"/>
      <c r="AM775" s="84"/>
    </row>
    <row r="776" spans="35:39" x14ac:dyDescent="0.35">
      <c r="AI776" s="84"/>
      <c r="AM776" s="84"/>
    </row>
    <row r="777" spans="35:39" x14ac:dyDescent="0.35">
      <c r="AI777" s="84"/>
      <c r="AM777" s="84"/>
    </row>
    <row r="778" spans="35:39" x14ac:dyDescent="0.35">
      <c r="AI778" s="84"/>
      <c r="AM778" s="84"/>
    </row>
    <row r="779" spans="35:39" x14ac:dyDescent="0.35">
      <c r="AI779" s="84"/>
      <c r="AM779" s="84"/>
    </row>
    <row r="780" spans="35:39" x14ac:dyDescent="0.35">
      <c r="AI780" s="84"/>
      <c r="AM780" s="84"/>
    </row>
    <row r="781" spans="35:39" x14ac:dyDescent="0.35">
      <c r="AI781" s="84"/>
      <c r="AM781" s="84"/>
    </row>
    <row r="782" spans="35:39" x14ac:dyDescent="0.35">
      <c r="AI782" s="84"/>
      <c r="AM782" s="84"/>
    </row>
    <row r="783" spans="35:39" x14ac:dyDescent="0.35">
      <c r="AI783" s="84"/>
      <c r="AM783" s="84"/>
    </row>
    <row r="784" spans="35:39" x14ac:dyDescent="0.35">
      <c r="AI784" s="84"/>
      <c r="AM784" s="84"/>
    </row>
    <row r="785" spans="35:39" x14ac:dyDescent="0.35">
      <c r="AI785" s="84"/>
      <c r="AM785" s="84"/>
    </row>
    <row r="786" spans="35:39" x14ac:dyDescent="0.35">
      <c r="AI786" s="84"/>
      <c r="AM786" s="84"/>
    </row>
    <row r="787" spans="35:39" x14ac:dyDescent="0.35">
      <c r="AI787" s="84"/>
      <c r="AM787" s="84"/>
    </row>
    <row r="788" spans="35:39" x14ac:dyDescent="0.35">
      <c r="AI788" s="84"/>
      <c r="AM788" s="84"/>
    </row>
    <row r="789" spans="35:39" x14ac:dyDescent="0.35">
      <c r="AI789" s="84"/>
      <c r="AM789" s="84"/>
    </row>
    <row r="790" spans="35:39" x14ac:dyDescent="0.35">
      <c r="AI790" s="84"/>
      <c r="AM790" s="84"/>
    </row>
    <row r="791" spans="35:39" x14ac:dyDescent="0.35">
      <c r="AI791" s="84"/>
      <c r="AM791" s="84"/>
    </row>
    <row r="792" spans="35:39" x14ac:dyDescent="0.35">
      <c r="AI792" s="84"/>
      <c r="AM792" s="84"/>
    </row>
    <row r="793" spans="35:39" x14ac:dyDescent="0.35">
      <c r="AI793" s="84"/>
      <c r="AM793" s="84"/>
    </row>
    <row r="794" spans="35:39" x14ac:dyDescent="0.35">
      <c r="AI794" s="84"/>
      <c r="AM794" s="84"/>
    </row>
    <row r="795" spans="35:39" x14ac:dyDescent="0.35">
      <c r="AI795" s="84"/>
      <c r="AM795" s="84"/>
    </row>
    <row r="796" spans="35:39" x14ac:dyDescent="0.35">
      <c r="AI796" s="84"/>
      <c r="AM796" s="84"/>
    </row>
    <row r="797" spans="35:39" x14ac:dyDescent="0.35">
      <c r="AI797" s="84"/>
      <c r="AM797" s="84"/>
    </row>
    <row r="798" spans="35:39" x14ac:dyDescent="0.35">
      <c r="AI798" s="84"/>
      <c r="AM798" s="84"/>
    </row>
    <row r="799" spans="35:39" x14ac:dyDescent="0.35">
      <c r="AI799" s="84"/>
      <c r="AM799" s="84"/>
    </row>
    <row r="800" spans="35:39" x14ac:dyDescent="0.35">
      <c r="AI800" s="84"/>
      <c r="AM800" s="84"/>
    </row>
    <row r="801" spans="35:39" x14ac:dyDescent="0.35">
      <c r="AI801" s="84"/>
      <c r="AM801" s="84"/>
    </row>
    <row r="802" spans="35:39" x14ac:dyDescent="0.35">
      <c r="AI802" s="84"/>
      <c r="AM802" s="84"/>
    </row>
    <row r="803" spans="35:39" x14ac:dyDescent="0.35">
      <c r="AI803" s="84"/>
      <c r="AM803" s="84"/>
    </row>
    <row r="804" spans="35:39" x14ac:dyDescent="0.35">
      <c r="AI804" s="84"/>
      <c r="AM804" s="84"/>
    </row>
    <row r="805" spans="35:39" x14ac:dyDescent="0.35">
      <c r="AI805" s="84"/>
      <c r="AM805" s="84"/>
    </row>
    <row r="806" spans="35:39" x14ac:dyDescent="0.35">
      <c r="AI806" s="84"/>
      <c r="AM806" s="84"/>
    </row>
    <row r="807" spans="35:39" x14ac:dyDescent="0.35">
      <c r="AI807" s="84"/>
      <c r="AM807" s="84"/>
    </row>
    <row r="808" spans="35:39" x14ac:dyDescent="0.35">
      <c r="AI808" s="84"/>
      <c r="AM808" s="84"/>
    </row>
    <row r="809" spans="35:39" x14ac:dyDescent="0.35">
      <c r="AI809" s="84"/>
      <c r="AM809" s="84"/>
    </row>
    <row r="810" spans="35:39" x14ac:dyDescent="0.35">
      <c r="AI810" s="84"/>
      <c r="AM810" s="84"/>
    </row>
    <row r="811" spans="35:39" x14ac:dyDescent="0.35">
      <c r="AI811" s="84"/>
      <c r="AM811" s="84"/>
    </row>
    <row r="812" spans="35:39" x14ac:dyDescent="0.35">
      <c r="AI812" s="84"/>
      <c r="AM812" s="84"/>
    </row>
    <row r="813" spans="35:39" x14ac:dyDescent="0.35">
      <c r="AI813" s="84"/>
      <c r="AM813" s="84"/>
    </row>
    <row r="814" spans="35:39" x14ac:dyDescent="0.35">
      <c r="AI814" s="84"/>
      <c r="AM814" s="84"/>
    </row>
    <row r="815" spans="35:39" x14ac:dyDescent="0.35">
      <c r="AI815" s="84"/>
      <c r="AM815" s="84"/>
    </row>
    <row r="816" spans="35:39" x14ac:dyDescent="0.35">
      <c r="AI816" s="84"/>
      <c r="AM816" s="84"/>
    </row>
    <row r="817" spans="35:39" x14ac:dyDescent="0.35">
      <c r="AI817" s="84"/>
      <c r="AM817" s="84"/>
    </row>
    <row r="818" spans="35:39" x14ac:dyDescent="0.35">
      <c r="AI818" s="84"/>
      <c r="AM818" s="84"/>
    </row>
    <row r="819" spans="35:39" x14ac:dyDescent="0.35">
      <c r="AI819" s="84"/>
      <c r="AM819" s="84"/>
    </row>
    <row r="820" spans="35:39" x14ac:dyDescent="0.35">
      <c r="AI820" s="84"/>
      <c r="AM820" s="84"/>
    </row>
    <row r="821" spans="35:39" x14ac:dyDescent="0.35">
      <c r="AI821" s="84"/>
      <c r="AM821" s="84"/>
    </row>
    <row r="822" spans="35:39" x14ac:dyDescent="0.35">
      <c r="AI822" s="84"/>
      <c r="AM822" s="84"/>
    </row>
    <row r="823" spans="35:39" x14ac:dyDescent="0.35">
      <c r="AI823" s="84"/>
      <c r="AM823" s="84"/>
    </row>
    <row r="824" spans="35:39" x14ac:dyDescent="0.35">
      <c r="AI824" s="84"/>
      <c r="AM824" s="84"/>
    </row>
    <row r="825" spans="35:39" x14ac:dyDescent="0.35">
      <c r="AI825" s="84"/>
      <c r="AM825" s="84"/>
    </row>
    <row r="826" spans="35:39" x14ac:dyDescent="0.35">
      <c r="AI826" s="84"/>
      <c r="AM826" s="84"/>
    </row>
    <row r="827" spans="35:39" x14ac:dyDescent="0.35">
      <c r="AI827" s="84"/>
      <c r="AM827" s="84"/>
    </row>
    <row r="828" spans="35:39" x14ac:dyDescent="0.35">
      <c r="AI828" s="84"/>
      <c r="AM828" s="84"/>
    </row>
    <row r="829" spans="35:39" x14ac:dyDescent="0.35">
      <c r="AI829" s="84"/>
      <c r="AM829" s="84"/>
    </row>
    <row r="830" spans="35:39" x14ac:dyDescent="0.35">
      <c r="AI830" s="84"/>
      <c r="AM830" s="84"/>
    </row>
    <row r="831" spans="35:39" x14ac:dyDescent="0.35">
      <c r="AI831" s="84"/>
      <c r="AM831" s="84"/>
    </row>
    <row r="832" spans="35:39" x14ac:dyDescent="0.35">
      <c r="AI832" s="84"/>
      <c r="AM832" s="84"/>
    </row>
    <row r="833" spans="35:39" x14ac:dyDescent="0.35">
      <c r="AI833" s="84"/>
      <c r="AM833" s="84"/>
    </row>
    <row r="834" spans="35:39" x14ac:dyDescent="0.35">
      <c r="AI834" s="84"/>
      <c r="AM834" s="84"/>
    </row>
    <row r="835" spans="35:39" x14ac:dyDescent="0.35">
      <c r="AI835" s="84"/>
      <c r="AM835" s="84"/>
    </row>
    <row r="836" spans="35:39" x14ac:dyDescent="0.35">
      <c r="AI836" s="84"/>
      <c r="AM836" s="84"/>
    </row>
    <row r="837" spans="35:39" x14ac:dyDescent="0.35">
      <c r="AI837" s="84"/>
      <c r="AM837" s="84"/>
    </row>
    <row r="838" spans="35:39" x14ac:dyDescent="0.35">
      <c r="AI838" s="84"/>
      <c r="AM838" s="84"/>
    </row>
    <row r="839" spans="35:39" x14ac:dyDescent="0.35">
      <c r="AI839" s="84"/>
      <c r="AM839" s="84"/>
    </row>
    <row r="840" spans="35:39" x14ac:dyDescent="0.35">
      <c r="AI840" s="84"/>
      <c r="AM840" s="84"/>
    </row>
    <row r="841" spans="35:39" x14ac:dyDescent="0.35">
      <c r="AI841" s="84"/>
      <c r="AM841" s="84"/>
    </row>
    <row r="842" spans="35:39" x14ac:dyDescent="0.35">
      <c r="AI842" s="84"/>
      <c r="AM842" s="84"/>
    </row>
    <row r="843" spans="35:39" x14ac:dyDescent="0.35">
      <c r="AI843" s="84"/>
      <c r="AM843" s="84"/>
    </row>
    <row r="844" spans="35:39" x14ac:dyDescent="0.35">
      <c r="AI844" s="84"/>
      <c r="AM844" s="84"/>
    </row>
    <row r="845" spans="35:39" x14ac:dyDescent="0.35">
      <c r="AI845" s="84"/>
      <c r="AM845" s="84"/>
    </row>
    <row r="846" spans="35:39" x14ac:dyDescent="0.35">
      <c r="AI846" s="84"/>
      <c r="AM846" s="84"/>
    </row>
    <row r="847" spans="35:39" x14ac:dyDescent="0.35">
      <c r="AI847" s="84"/>
      <c r="AM847" s="84"/>
    </row>
    <row r="848" spans="35:39" x14ac:dyDescent="0.35">
      <c r="AI848" s="84"/>
      <c r="AM848" s="84"/>
    </row>
    <row r="849" spans="35:39" x14ac:dyDescent="0.35">
      <c r="AI849" s="84"/>
      <c r="AM849" s="84"/>
    </row>
    <row r="850" spans="35:39" x14ac:dyDescent="0.35">
      <c r="AI850" s="84"/>
      <c r="AM850" s="84"/>
    </row>
    <row r="851" spans="35:39" x14ac:dyDescent="0.35">
      <c r="AI851" s="84"/>
      <c r="AM851" s="84"/>
    </row>
    <row r="852" spans="35:39" x14ac:dyDescent="0.35">
      <c r="AI852" s="84"/>
      <c r="AM852" s="84"/>
    </row>
    <row r="853" spans="35:39" x14ac:dyDescent="0.35">
      <c r="AI853" s="84"/>
      <c r="AM853" s="84"/>
    </row>
    <row r="854" spans="35:39" x14ac:dyDescent="0.35">
      <c r="AI854" s="84"/>
      <c r="AM854" s="84"/>
    </row>
    <row r="855" spans="35:39" x14ac:dyDescent="0.35">
      <c r="AI855" s="84"/>
      <c r="AM855" s="84"/>
    </row>
    <row r="856" spans="35:39" x14ac:dyDescent="0.35">
      <c r="AI856" s="84"/>
      <c r="AM856" s="84"/>
    </row>
    <row r="857" spans="35:39" x14ac:dyDescent="0.35">
      <c r="AI857" s="84"/>
      <c r="AM857" s="84"/>
    </row>
    <row r="858" spans="35:39" x14ac:dyDescent="0.35">
      <c r="AI858" s="84"/>
      <c r="AM858" s="84"/>
    </row>
    <row r="859" spans="35:39" x14ac:dyDescent="0.35">
      <c r="AI859" s="84"/>
      <c r="AM859" s="84"/>
    </row>
    <row r="860" spans="35:39" x14ac:dyDescent="0.35">
      <c r="AI860" s="84"/>
      <c r="AM860" s="84"/>
    </row>
    <row r="861" spans="35:39" x14ac:dyDescent="0.35">
      <c r="AI861" s="84"/>
      <c r="AM861" s="84"/>
    </row>
    <row r="862" spans="35:39" x14ac:dyDescent="0.35">
      <c r="AI862" s="84"/>
      <c r="AM862" s="84"/>
    </row>
    <row r="863" spans="35:39" x14ac:dyDescent="0.35">
      <c r="AI863" s="84"/>
      <c r="AM863" s="84"/>
    </row>
    <row r="864" spans="35:39" x14ac:dyDescent="0.35">
      <c r="AI864" s="84"/>
      <c r="AM864" s="84"/>
    </row>
    <row r="865" spans="35:39" x14ac:dyDescent="0.35">
      <c r="AI865" s="84"/>
      <c r="AM865" s="84"/>
    </row>
    <row r="866" spans="35:39" x14ac:dyDescent="0.35">
      <c r="AI866" s="84"/>
      <c r="AM866" s="84"/>
    </row>
    <row r="867" spans="35:39" x14ac:dyDescent="0.35">
      <c r="AI867" s="84"/>
      <c r="AM867" s="84"/>
    </row>
    <row r="868" spans="35:39" x14ac:dyDescent="0.35">
      <c r="AI868" s="84"/>
      <c r="AM868" s="84"/>
    </row>
    <row r="869" spans="35:39" x14ac:dyDescent="0.35">
      <c r="AI869" s="84"/>
      <c r="AM869" s="84"/>
    </row>
    <row r="870" spans="35:39" x14ac:dyDescent="0.35">
      <c r="AI870" s="84"/>
      <c r="AM870" s="84"/>
    </row>
    <row r="871" spans="35:39" x14ac:dyDescent="0.35">
      <c r="AI871" s="84"/>
      <c r="AM871" s="84"/>
    </row>
    <row r="872" spans="35:39" x14ac:dyDescent="0.35">
      <c r="AI872" s="84"/>
      <c r="AM872" s="84"/>
    </row>
    <row r="873" spans="35:39" x14ac:dyDescent="0.35">
      <c r="AI873" s="84"/>
      <c r="AM873" s="84"/>
    </row>
    <row r="874" spans="35:39" x14ac:dyDescent="0.35">
      <c r="AI874" s="84"/>
      <c r="AM874" s="84"/>
    </row>
    <row r="875" spans="35:39" x14ac:dyDescent="0.35">
      <c r="AI875" s="84"/>
      <c r="AM875" s="84"/>
    </row>
    <row r="876" spans="35:39" x14ac:dyDescent="0.35">
      <c r="AI876" s="84"/>
      <c r="AM876" s="84"/>
    </row>
    <row r="877" spans="35:39" x14ac:dyDescent="0.35">
      <c r="AI877" s="84"/>
      <c r="AM877" s="84"/>
    </row>
    <row r="878" spans="35:39" x14ac:dyDescent="0.35">
      <c r="AI878" s="84"/>
      <c r="AM878" s="84"/>
    </row>
    <row r="879" spans="35:39" x14ac:dyDescent="0.35">
      <c r="AI879" s="84"/>
      <c r="AM879" s="84"/>
    </row>
    <row r="880" spans="35:39" x14ac:dyDescent="0.35">
      <c r="AI880" s="84"/>
      <c r="AM880" s="84"/>
    </row>
    <row r="881" spans="35:39" x14ac:dyDescent="0.35">
      <c r="AI881" s="84"/>
      <c r="AM881" s="84"/>
    </row>
    <row r="882" spans="35:39" x14ac:dyDescent="0.35">
      <c r="AI882" s="84"/>
      <c r="AM882" s="84"/>
    </row>
    <row r="883" spans="35:39" x14ac:dyDescent="0.35">
      <c r="AI883" s="84"/>
      <c r="AM883" s="84"/>
    </row>
    <row r="884" spans="35:39" x14ac:dyDescent="0.35">
      <c r="AI884" s="84"/>
      <c r="AM884" s="84"/>
    </row>
    <row r="885" spans="35:39" x14ac:dyDescent="0.35">
      <c r="AI885" s="84"/>
      <c r="AM885" s="84"/>
    </row>
    <row r="886" spans="35:39" x14ac:dyDescent="0.35">
      <c r="AI886" s="84"/>
      <c r="AM886" s="84"/>
    </row>
    <row r="887" spans="35:39" x14ac:dyDescent="0.35">
      <c r="AI887" s="84"/>
      <c r="AM887" s="84"/>
    </row>
    <row r="888" spans="35:39" x14ac:dyDescent="0.35">
      <c r="AI888" s="84"/>
      <c r="AM888" s="84"/>
    </row>
    <row r="889" spans="35:39" x14ac:dyDescent="0.35">
      <c r="AI889" s="84"/>
      <c r="AM889" s="84"/>
    </row>
    <row r="890" spans="35:39" x14ac:dyDescent="0.35">
      <c r="AI890" s="84"/>
      <c r="AM890" s="84"/>
    </row>
    <row r="891" spans="35:39" x14ac:dyDescent="0.35">
      <c r="AI891" s="84"/>
      <c r="AM891" s="84"/>
    </row>
    <row r="892" spans="35:39" x14ac:dyDescent="0.35">
      <c r="AI892" s="84"/>
      <c r="AM892" s="84"/>
    </row>
    <row r="893" spans="35:39" x14ac:dyDescent="0.35">
      <c r="AI893" s="84"/>
      <c r="AM893" s="84"/>
    </row>
    <row r="894" spans="35:39" x14ac:dyDescent="0.35">
      <c r="AI894" s="84"/>
      <c r="AM894" s="84"/>
    </row>
    <row r="895" spans="35:39" x14ac:dyDescent="0.35">
      <c r="AI895" s="84"/>
      <c r="AM895" s="84"/>
    </row>
    <row r="896" spans="35:39" x14ac:dyDescent="0.35">
      <c r="AI896" s="84"/>
      <c r="AM896" s="84"/>
    </row>
    <row r="897" spans="35:39" x14ac:dyDescent="0.35">
      <c r="AI897" s="84"/>
      <c r="AM897" s="84"/>
    </row>
    <row r="898" spans="35:39" x14ac:dyDescent="0.35">
      <c r="AI898" s="84"/>
      <c r="AM898" s="84"/>
    </row>
    <row r="899" spans="35:39" x14ac:dyDescent="0.35">
      <c r="AI899" s="84"/>
      <c r="AM899" s="84"/>
    </row>
    <row r="900" spans="35:39" x14ac:dyDescent="0.35">
      <c r="AI900" s="84"/>
      <c r="AM900" s="84"/>
    </row>
    <row r="901" spans="35:39" x14ac:dyDescent="0.35">
      <c r="AI901" s="84"/>
      <c r="AM901" s="84"/>
    </row>
    <row r="902" spans="35:39" x14ac:dyDescent="0.35">
      <c r="AI902" s="84"/>
      <c r="AM902" s="84"/>
    </row>
    <row r="903" spans="35:39" x14ac:dyDescent="0.35">
      <c r="AI903" s="84"/>
      <c r="AM903" s="84"/>
    </row>
    <row r="904" spans="35:39" x14ac:dyDescent="0.35">
      <c r="AI904" s="84"/>
      <c r="AM904" s="84"/>
    </row>
    <row r="905" spans="35:39" x14ac:dyDescent="0.35">
      <c r="AI905" s="84"/>
      <c r="AM905" s="84"/>
    </row>
    <row r="906" spans="35:39" x14ac:dyDescent="0.35">
      <c r="AI906" s="84"/>
      <c r="AM906" s="84"/>
    </row>
    <row r="907" spans="35:39" x14ac:dyDescent="0.35">
      <c r="AI907" s="84"/>
      <c r="AM907" s="84"/>
    </row>
    <row r="908" spans="35:39" x14ac:dyDescent="0.35">
      <c r="AI908" s="84"/>
      <c r="AM908" s="84"/>
    </row>
    <row r="909" spans="35:39" x14ac:dyDescent="0.35">
      <c r="AI909" s="84"/>
      <c r="AM909" s="84"/>
    </row>
    <row r="910" spans="35:39" x14ac:dyDescent="0.35">
      <c r="AI910" s="84"/>
      <c r="AM910" s="84"/>
    </row>
    <row r="911" spans="35:39" x14ac:dyDescent="0.35">
      <c r="AI911" s="84"/>
      <c r="AM911" s="84"/>
    </row>
    <row r="912" spans="35:39" x14ac:dyDescent="0.35">
      <c r="AI912" s="84"/>
      <c r="AM912" s="84"/>
    </row>
    <row r="913" spans="35:39" x14ac:dyDescent="0.35">
      <c r="AI913" s="84"/>
      <c r="AM913" s="84"/>
    </row>
    <row r="914" spans="35:39" x14ac:dyDescent="0.35">
      <c r="AI914" s="84"/>
      <c r="AM914" s="84"/>
    </row>
    <row r="915" spans="35:39" x14ac:dyDescent="0.35">
      <c r="AI915" s="84"/>
      <c r="AM915" s="84"/>
    </row>
    <row r="916" spans="35:39" x14ac:dyDescent="0.35">
      <c r="AI916" s="84"/>
      <c r="AM916" s="84"/>
    </row>
    <row r="917" spans="35:39" x14ac:dyDescent="0.35">
      <c r="AI917" s="84"/>
      <c r="AM917" s="84"/>
    </row>
    <row r="918" spans="35:39" x14ac:dyDescent="0.35">
      <c r="AI918" s="84"/>
      <c r="AM918" s="84"/>
    </row>
    <row r="919" spans="35:39" x14ac:dyDescent="0.35">
      <c r="AI919" s="84"/>
      <c r="AM919" s="84"/>
    </row>
    <row r="920" spans="35:39" x14ac:dyDescent="0.35">
      <c r="AI920" s="84"/>
      <c r="AM920" s="84"/>
    </row>
    <row r="921" spans="35:39" x14ac:dyDescent="0.35">
      <c r="AI921" s="84"/>
      <c r="AM921" s="84"/>
    </row>
    <row r="922" spans="35:39" x14ac:dyDescent="0.35">
      <c r="AI922" s="84"/>
      <c r="AM922" s="84"/>
    </row>
    <row r="923" spans="35:39" x14ac:dyDescent="0.35">
      <c r="AI923" s="84"/>
      <c r="AM923" s="84"/>
    </row>
    <row r="924" spans="35:39" x14ac:dyDescent="0.35">
      <c r="AI924" s="84"/>
      <c r="AM924" s="84"/>
    </row>
    <row r="925" spans="35:39" x14ac:dyDescent="0.35">
      <c r="AI925" s="84"/>
      <c r="AM925" s="84"/>
    </row>
    <row r="926" spans="35:39" x14ac:dyDescent="0.35">
      <c r="AI926" s="84"/>
      <c r="AM926" s="84"/>
    </row>
    <row r="927" spans="35:39" x14ac:dyDescent="0.35">
      <c r="AI927" s="84"/>
      <c r="AM927" s="84"/>
    </row>
    <row r="928" spans="35:39" x14ac:dyDescent="0.35">
      <c r="AI928" s="84"/>
      <c r="AM928" s="84"/>
    </row>
    <row r="929" spans="35:39" x14ac:dyDescent="0.35">
      <c r="AI929" s="84"/>
      <c r="AM929" s="84"/>
    </row>
    <row r="930" spans="35:39" x14ac:dyDescent="0.35">
      <c r="AI930" s="84"/>
      <c r="AM930" s="84"/>
    </row>
    <row r="931" spans="35:39" x14ac:dyDescent="0.35">
      <c r="AI931" s="84"/>
      <c r="AM931" s="84"/>
    </row>
    <row r="932" spans="35:39" x14ac:dyDescent="0.35">
      <c r="AI932" s="84"/>
      <c r="AM932" s="84"/>
    </row>
    <row r="933" spans="35:39" x14ac:dyDescent="0.35">
      <c r="AI933" s="84"/>
      <c r="AM933" s="84"/>
    </row>
    <row r="934" spans="35:39" x14ac:dyDescent="0.35">
      <c r="AI934" s="84"/>
      <c r="AM934" s="84"/>
    </row>
    <row r="935" spans="35:39" x14ac:dyDescent="0.35">
      <c r="AI935" s="84"/>
      <c r="AM935" s="84"/>
    </row>
    <row r="936" spans="35:39" x14ac:dyDescent="0.35">
      <c r="AI936" s="84"/>
      <c r="AM936" s="84"/>
    </row>
    <row r="937" spans="35:39" x14ac:dyDescent="0.35">
      <c r="AI937" s="84"/>
      <c r="AM937" s="84"/>
    </row>
    <row r="938" spans="35:39" x14ac:dyDescent="0.35">
      <c r="AI938" s="84"/>
      <c r="AM938" s="84"/>
    </row>
    <row r="939" spans="35:39" x14ac:dyDescent="0.35">
      <c r="AI939" s="84"/>
      <c r="AM939" s="84"/>
    </row>
    <row r="940" spans="35:39" x14ac:dyDescent="0.35">
      <c r="AI940" s="84"/>
      <c r="AM940" s="84"/>
    </row>
    <row r="941" spans="35:39" x14ac:dyDescent="0.35">
      <c r="AI941" s="84"/>
      <c r="AM941" s="84"/>
    </row>
    <row r="942" spans="35:39" x14ac:dyDescent="0.35">
      <c r="AI942" s="84"/>
      <c r="AM942" s="84"/>
    </row>
    <row r="943" spans="35:39" x14ac:dyDescent="0.35">
      <c r="AI943" s="84"/>
      <c r="AM943" s="84"/>
    </row>
    <row r="944" spans="35:39" x14ac:dyDescent="0.35">
      <c r="AI944" s="84"/>
      <c r="AM944" s="84"/>
    </row>
    <row r="945" spans="35:39" x14ac:dyDescent="0.35">
      <c r="AI945" s="84"/>
      <c r="AM945" s="84"/>
    </row>
    <row r="946" spans="35:39" x14ac:dyDescent="0.35">
      <c r="AI946" s="84"/>
      <c r="AM946" s="84"/>
    </row>
    <row r="947" spans="35:39" x14ac:dyDescent="0.35">
      <c r="AI947" s="84"/>
      <c r="AM947" s="84"/>
    </row>
    <row r="948" spans="35:39" x14ac:dyDescent="0.35">
      <c r="AI948" s="84"/>
      <c r="AM948" s="84"/>
    </row>
    <row r="949" spans="35:39" x14ac:dyDescent="0.35">
      <c r="AI949" s="84"/>
      <c r="AM949" s="84"/>
    </row>
    <row r="950" spans="35:39" x14ac:dyDescent="0.35">
      <c r="AI950" s="84"/>
      <c r="AM950" s="84"/>
    </row>
    <row r="951" spans="35:39" x14ac:dyDescent="0.35">
      <c r="AI951" s="84"/>
      <c r="AM951" s="84"/>
    </row>
    <row r="952" spans="35:39" x14ac:dyDescent="0.35">
      <c r="AI952" s="84"/>
      <c r="AM952" s="84"/>
    </row>
    <row r="953" spans="35:39" x14ac:dyDescent="0.35">
      <c r="AI953" s="84"/>
      <c r="AM953" s="84"/>
    </row>
    <row r="954" spans="35:39" x14ac:dyDescent="0.35">
      <c r="AI954" s="84"/>
      <c r="AM954" s="84"/>
    </row>
    <row r="955" spans="35:39" x14ac:dyDescent="0.35">
      <c r="AI955" s="84"/>
      <c r="AM955" s="84"/>
    </row>
    <row r="956" spans="35:39" x14ac:dyDescent="0.35">
      <c r="AI956" s="84"/>
      <c r="AM956" s="84"/>
    </row>
    <row r="957" spans="35:39" x14ac:dyDescent="0.35">
      <c r="AI957" s="84"/>
      <c r="AM957" s="84"/>
    </row>
    <row r="958" spans="35:39" x14ac:dyDescent="0.35">
      <c r="AI958" s="84"/>
      <c r="AM958" s="84"/>
    </row>
    <row r="959" spans="35:39" x14ac:dyDescent="0.35">
      <c r="AI959" s="84"/>
      <c r="AM959" s="84"/>
    </row>
    <row r="960" spans="35:39" x14ac:dyDescent="0.35">
      <c r="AI960" s="84"/>
      <c r="AM960" s="84"/>
    </row>
    <row r="961" spans="35:39" x14ac:dyDescent="0.35">
      <c r="AI961" s="84"/>
      <c r="AM961" s="84"/>
    </row>
    <row r="962" spans="35:39" x14ac:dyDescent="0.35">
      <c r="AI962" s="84"/>
      <c r="AM962" s="84"/>
    </row>
    <row r="963" spans="35:39" x14ac:dyDescent="0.35">
      <c r="AI963" s="84"/>
      <c r="AM963" s="84"/>
    </row>
    <row r="964" spans="35:39" x14ac:dyDescent="0.35">
      <c r="AI964" s="84"/>
      <c r="AM964" s="84"/>
    </row>
    <row r="965" spans="35:39" x14ac:dyDescent="0.35">
      <c r="AI965" s="84"/>
      <c r="AM965" s="84"/>
    </row>
    <row r="966" spans="35:39" x14ac:dyDescent="0.35">
      <c r="AI966" s="84"/>
      <c r="AM966" s="84"/>
    </row>
    <row r="967" spans="35:39" x14ac:dyDescent="0.35">
      <c r="AI967" s="84"/>
      <c r="AM967" s="84"/>
    </row>
    <row r="968" spans="35:39" x14ac:dyDescent="0.35">
      <c r="AI968" s="84"/>
      <c r="AM968" s="84"/>
    </row>
    <row r="969" spans="35:39" x14ac:dyDescent="0.35">
      <c r="AI969" s="84"/>
      <c r="AM969" s="84"/>
    </row>
    <row r="970" spans="35:39" x14ac:dyDescent="0.35">
      <c r="AI970" s="84"/>
      <c r="AM970" s="84"/>
    </row>
    <row r="971" spans="35:39" x14ac:dyDescent="0.35">
      <c r="AI971" s="84"/>
      <c r="AM971" s="84"/>
    </row>
    <row r="972" spans="35:39" x14ac:dyDescent="0.35">
      <c r="AI972" s="84"/>
      <c r="AM972" s="84"/>
    </row>
    <row r="973" spans="35:39" x14ac:dyDescent="0.35">
      <c r="AI973" s="84"/>
      <c r="AM973" s="84"/>
    </row>
    <row r="974" spans="35:39" x14ac:dyDescent="0.35">
      <c r="AI974" s="84"/>
      <c r="AM974" s="84"/>
    </row>
    <row r="975" spans="35:39" x14ac:dyDescent="0.35">
      <c r="AI975" s="84"/>
      <c r="AM975" s="84"/>
    </row>
    <row r="976" spans="35:39" x14ac:dyDescent="0.35">
      <c r="AI976" s="84"/>
      <c r="AM976" s="84"/>
    </row>
    <row r="977" spans="35:39" x14ac:dyDescent="0.35">
      <c r="AI977" s="84"/>
      <c r="AM977" s="84"/>
    </row>
    <row r="978" spans="35:39" x14ac:dyDescent="0.35">
      <c r="AI978" s="84"/>
      <c r="AM978" s="84"/>
    </row>
    <row r="979" spans="35:39" x14ac:dyDescent="0.35">
      <c r="AI979" s="84"/>
      <c r="AM979" s="84"/>
    </row>
    <row r="980" spans="35:39" x14ac:dyDescent="0.35">
      <c r="AI980" s="84"/>
      <c r="AM980" s="84"/>
    </row>
    <row r="981" spans="35:39" x14ac:dyDescent="0.35">
      <c r="AI981" s="84"/>
      <c r="AM981" s="84"/>
    </row>
    <row r="982" spans="35:39" x14ac:dyDescent="0.35">
      <c r="AI982" s="84"/>
      <c r="AM982" s="84"/>
    </row>
    <row r="983" spans="35:39" x14ac:dyDescent="0.35">
      <c r="AI983" s="84"/>
      <c r="AM983" s="84"/>
    </row>
    <row r="984" spans="35:39" x14ac:dyDescent="0.35">
      <c r="AI984" s="84"/>
      <c r="AM984" s="84"/>
    </row>
    <row r="985" spans="35:39" x14ac:dyDescent="0.35">
      <c r="AI985" s="84"/>
      <c r="AM985" s="84"/>
    </row>
    <row r="986" spans="35:39" x14ac:dyDescent="0.35">
      <c r="AI986" s="84"/>
      <c r="AM986" s="84"/>
    </row>
    <row r="987" spans="35:39" x14ac:dyDescent="0.35">
      <c r="AI987" s="84"/>
      <c r="AM987" s="84"/>
    </row>
    <row r="988" spans="35:39" x14ac:dyDescent="0.35">
      <c r="AI988" s="84"/>
      <c r="AM988" s="84"/>
    </row>
    <row r="989" spans="35:39" x14ac:dyDescent="0.35">
      <c r="AI989" s="84"/>
      <c r="AM989" s="84"/>
    </row>
    <row r="990" spans="35:39" x14ac:dyDescent="0.35">
      <c r="AI990" s="84"/>
      <c r="AM990" s="84"/>
    </row>
    <row r="991" spans="35:39" x14ac:dyDescent="0.35">
      <c r="AI991" s="84"/>
      <c r="AM991" s="84"/>
    </row>
    <row r="992" spans="35:39" x14ac:dyDescent="0.35">
      <c r="AI992" s="84"/>
      <c r="AM992" s="84"/>
    </row>
    <row r="993" spans="35:39" x14ac:dyDescent="0.35">
      <c r="AI993" s="84"/>
      <c r="AM993" s="84"/>
    </row>
    <row r="994" spans="35:39" x14ac:dyDescent="0.35">
      <c r="AI994" s="84"/>
      <c r="AM994" s="84"/>
    </row>
    <row r="995" spans="35:39" x14ac:dyDescent="0.35">
      <c r="AI995" s="84"/>
      <c r="AM995" s="84"/>
    </row>
    <row r="996" spans="35:39" x14ac:dyDescent="0.35">
      <c r="AI996" s="84"/>
      <c r="AM996" s="84"/>
    </row>
    <row r="997" spans="35:39" x14ac:dyDescent="0.35">
      <c r="AI997" s="84"/>
      <c r="AM997" s="84"/>
    </row>
    <row r="998" spans="35:39" x14ac:dyDescent="0.35">
      <c r="AI998" s="84"/>
      <c r="AM998" s="84"/>
    </row>
    <row r="999" spans="35:39" x14ac:dyDescent="0.35">
      <c r="AI999" s="84"/>
      <c r="AM999" s="84"/>
    </row>
    <row r="1000" spans="35:39" x14ac:dyDescent="0.35">
      <c r="AI1000" s="84"/>
      <c r="AM1000" s="84"/>
    </row>
    <row r="1001" spans="35:39" x14ac:dyDescent="0.35">
      <c r="AI1001" s="84"/>
      <c r="AM1001" s="84"/>
    </row>
    <row r="1002" spans="35:39" x14ac:dyDescent="0.35">
      <c r="AI1002" s="84"/>
      <c r="AM1002" s="84"/>
    </row>
    <row r="1003" spans="35:39" x14ac:dyDescent="0.35">
      <c r="AI1003" s="84"/>
      <c r="AM1003" s="84"/>
    </row>
    <row r="1004" spans="35:39" x14ac:dyDescent="0.35">
      <c r="AI1004" s="84"/>
      <c r="AM1004" s="84"/>
    </row>
    <row r="1005" spans="35:39" x14ac:dyDescent="0.35">
      <c r="AI1005" s="84"/>
      <c r="AM1005" s="84"/>
    </row>
    <row r="1006" spans="35:39" x14ac:dyDescent="0.35">
      <c r="AI1006" s="84"/>
      <c r="AM1006" s="84"/>
    </row>
    <row r="1007" spans="35:39" x14ac:dyDescent="0.35">
      <c r="AI1007" s="84"/>
      <c r="AM1007" s="84"/>
    </row>
    <row r="1008" spans="35:39" x14ac:dyDescent="0.35">
      <c r="AI1008" s="84"/>
      <c r="AM1008" s="84"/>
    </row>
    <row r="1009" spans="35:39" x14ac:dyDescent="0.35">
      <c r="AI1009" s="84"/>
      <c r="AM1009" s="84"/>
    </row>
    <row r="1010" spans="35:39" x14ac:dyDescent="0.35">
      <c r="AI1010" s="84"/>
      <c r="AM1010" s="84"/>
    </row>
    <row r="1011" spans="35:39" x14ac:dyDescent="0.35">
      <c r="AI1011" s="84"/>
      <c r="AM1011" s="84"/>
    </row>
    <row r="1012" spans="35:39" x14ac:dyDescent="0.35">
      <c r="AI1012" s="84"/>
      <c r="AM1012" s="84"/>
    </row>
    <row r="1013" spans="35:39" x14ac:dyDescent="0.35">
      <c r="AI1013" s="84"/>
      <c r="AM1013" s="84"/>
    </row>
    <row r="1014" spans="35:39" x14ac:dyDescent="0.35">
      <c r="AI1014" s="84"/>
      <c r="AM1014" s="84"/>
    </row>
    <row r="1015" spans="35:39" x14ac:dyDescent="0.35">
      <c r="AI1015" s="84"/>
      <c r="AM1015" s="84"/>
    </row>
    <row r="1016" spans="35:39" x14ac:dyDescent="0.35">
      <c r="AI1016" s="84"/>
      <c r="AM1016" s="84"/>
    </row>
    <row r="1017" spans="35:39" x14ac:dyDescent="0.35">
      <c r="AI1017" s="84"/>
      <c r="AM1017" s="84"/>
    </row>
    <row r="1018" spans="35:39" x14ac:dyDescent="0.35">
      <c r="AI1018" s="84"/>
      <c r="AM1018" s="84"/>
    </row>
    <row r="1019" spans="35:39" x14ac:dyDescent="0.35">
      <c r="AI1019" s="84"/>
      <c r="AM1019" s="84"/>
    </row>
    <row r="1020" spans="35:39" x14ac:dyDescent="0.35">
      <c r="AI1020" s="84"/>
      <c r="AM1020" s="84"/>
    </row>
    <row r="1021" spans="35:39" x14ac:dyDescent="0.35">
      <c r="AI1021" s="84"/>
      <c r="AM1021" s="84"/>
    </row>
    <row r="1022" spans="35:39" x14ac:dyDescent="0.35">
      <c r="AI1022" s="84"/>
      <c r="AM1022" s="84"/>
    </row>
    <row r="1023" spans="35:39" x14ac:dyDescent="0.35">
      <c r="AI1023" s="84"/>
      <c r="AM1023" s="84"/>
    </row>
    <row r="1024" spans="35:39" x14ac:dyDescent="0.35">
      <c r="AI1024" s="84"/>
      <c r="AM1024" s="84"/>
    </row>
    <row r="1025" spans="35:39" x14ac:dyDescent="0.35">
      <c r="AI1025" s="84"/>
      <c r="AM1025" s="84"/>
    </row>
    <row r="1026" spans="35:39" x14ac:dyDescent="0.35">
      <c r="AI1026" s="84"/>
      <c r="AM1026" s="84"/>
    </row>
    <row r="1027" spans="35:39" x14ac:dyDescent="0.35">
      <c r="AI1027" s="84"/>
      <c r="AM1027" s="84"/>
    </row>
    <row r="1028" spans="35:39" x14ac:dyDescent="0.35">
      <c r="AI1028" s="84"/>
      <c r="AM1028" s="84"/>
    </row>
    <row r="1029" spans="35:39" x14ac:dyDescent="0.35">
      <c r="AI1029" s="84"/>
      <c r="AM1029" s="84"/>
    </row>
    <row r="1030" spans="35:39" x14ac:dyDescent="0.35">
      <c r="AI1030" s="84"/>
      <c r="AM1030" s="84"/>
    </row>
    <row r="1031" spans="35:39" x14ac:dyDescent="0.35">
      <c r="AI1031" s="84"/>
      <c r="AM1031" s="84"/>
    </row>
    <row r="1032" spans="35:39" x14ac:dyDescent="0.35">
      <c r="AI1032" s="84"/>
      <c r="AM1032" s="84"/>
    </row>
    <row r="1033" spans="35:39" x14ac:dyDescent="0.35">
      <c r="AI1033" s="84"/>
      <c r="AM1033" s="84"/>
    </row>
    <row r="1034" spans="35:39" x14ac:dyDescent="0.35">
      <c r="AI1034" s="84"/>
      <c r="AM1034" s="84"/>
    </row>
    <row r="1035" spans="35:39" x14ac:dyDescent="0.35">
      <c r="AI1035" s="84"/>
      <c r="AM1035" s="84"/>
    </row>
    <row r="1036" spans="35:39" x14ac:dyDescent="0.35">
      <c r="AI1036" s="84"/>
      <c r="AM1036" s="84"/>
    </row>
    <row r="1037" spans="35:39" x14ac:dyDescent="0.35">
      <c r="AI1037" s="84"/>
      <c r="AM1037" s="84"/>
    </row>
    <row r="1038" spans="35:39" x14ac:dyDescent="0.35">
      <c r="AI1038" s="84"/>
      <c r="AM1038" s="84"/>
    </row>
    <row r="1039" spans="35:39" x14ac:dyDescent="0.35">
      <c r="AI1039" s="84"/>
      <c r="AM1039" s="84"/>
    </row>
    <row r="1040" spans="35:39" x14ac:dyDescent="0.35">
      <c r="AI1040" s="84"/>
      <c r="AM1040" s="84"/>
    </row>
    <row r="1041" spans="35:39" x14ac:dyDescent="0.35">
      <c r="AI1041" s="84"/>
      <c r="AM1041" s="84"/>
    </row>
    <row r="1042" spans="35:39" x14ac:dyDescent="0.35">
      <c r="AI1042" s="84"/>
      <c r="AM1042" s="84"/>
    </row>
    <row r="1043" spans="35:39" x14ac:dyDescent="0.35">
      <c r="AI1043" s="84"/>
      <c r="AM1043" s="84"/>
    </row>
    <row r="1044" spans="35:39" x14ac:dyDescent="0.35">
      <c r="AI1044" s="84"/>
      <c r="AM1044" s="84"/>
    </row>
    <row r="1045" spans="35:39" x14ac:dyDescent="0.35">
      <c r="AI1045" s="84"/>
      <c r="AM1045" s="84"/>
    </row>
    <row r="1046" spans="35:39" x14ac:dyDescent="0.35">
      <c r="AI1046" s="84"/>
      <c r="AM1046" s="84"/>
    </row>
    <row r="1047" spans="35:39" x14ac:dyDescent="0.35">
      <c r="AI1047" s="84"/>
      <c r="AM1047" s="84"/>
    </row>
    <row r="1048" spans="35:39" x14ac:dyDescent="0.35">
      <c r="AI1048" s="84"/>
      <c r="AM1048" s="84"/>
    </row>
    <row r="1049" spans="35:39" x14ac:dyDescent="0.35">
      <c r="AI1049" s="84"/>
      <c r="AM1049" s="84"/>
    </row>
    <row r="1050" spans="35:39" x14ac:dyDescent="0.35">
      <c r="AI1050" s="84"/>
      <c r="AM1050" s="84"/>
    </row>
    <row r="1051" spans="35:39" x14ac:dyDescent="0.35">
      <c r="AI1051" s="84"/>
      <c r="AM1051" s="84"/>
    </row>
    <row r="1052" spans="35:39" x14ac:dyDescent="0.35">
      <c r="AI1052" s="84"/>
      <c r="AM1052" s="84"/>
    </row>
    <row r="1053" spans="35:39" x14ac:dyDescent="0.35">
      <c r="AI1053" s="84"/>
      <c r="AM1053" s="84"/>
    </row>
    <row r="1054" spans="35:39" x14ac:dyDescent="0.35">
      <c r="AI1054" s="84"/>
      <c r="AM1054" s="84"/>
    </row>
    <row r="1055" spans="35:39" x14ac:dyDescent="0.35">
      <c r="AI1055" s="84"/>
      <c r="AM1055" s="84"/>
    </row>
    <row r="1056" spans="35:39" x14ac:dyDescent="0.35">
      <c r="AI1056" s="84"/>
      <c r="AM1056" s="84"/>
    </row>
    <row r="1057" spans="35:39" x14ac:dyDescent="0.35">
      <c r="AI1057" s="84"/>
      <c r="AM1057" s="84"/>
    </row>
    <row r="1058" spans="35:39" x14ac:dyDescent="0.35">
      <c r="AI1058" s="84"/>
      <c r="AM1058" s="84"/>
    </row>
    <row r="1059" spans="35:39" x14ac:dyDescent="0.35">
      <c r="AI1059" s="84"/>
      <c r="AM1059" s="84"/>
    </row>
    <row r="1060" spans="35:39" x14ac:dyDescent="0.35">
      <c r="AI1060" s="84"/>
      <c r="AM1060" s="84"/>
    </row>
    <row r="1061" spans="35:39" x14ac:dyDescent="0.35">
      <c r="AI1061" s="84"/>
      <c r="AM1061" s="84"/>
    </row>
    <row r="1062" spans="35:39" x14ac:dyDescent="0.35">
      <c r="AI1062" s="84"/>
      <c r="AM1062" s="84"/>
    </row>
    <row r="1063" spans="35:39" x14ac:dyDescent="0.35">
      <c r="AI1063" s="84"/>
      <c r="AM1063" s="84"/>
    </row>
    <row r="1064" spans="35:39" x14ac:dyDescent="0.35">
      <c r="AI1064" s="84"/>
      <c r="AM1064" s="84"/>
    </row>
    <row r="1065" spans="35:39" x14ac:dyDescent="0.35">
      <c r="AI1065" s="84"/>
      <c r="AM1065" s="84"/>
    </row>
    <row r="1066" spans="35:39" x14ac:dyDescent="0.35">
      <c r="AI1066" s="84"/>
      <c r="AM1066" s="84"/>
    </row>
    <row r="1067" spans="35:39" x14ac:dyDescent="0.35">
      <c r="AI1067" s="84"/>
      <c r="AM1067" s="84"/>
    </row>
    <row r="1068" spans="35:39" x14ac:dyDescent="0.35">
      <c r="AI1068" s="84"/>
      <c r="AM1068" s="84"/>
    </row>
    <row r="1069" spans="35:39" x14ac:dyDescent="0.35">
      <c r="AI1069" s="84"/>
      <c r="AM1069" s="84"/>
    </row>
    <row r="1070" spans="35:39" x14ac:dyDescent="0.35">
      <c r="AI1070" s="84"/>
      <c r="AM1070" s="84"/>
    </row>
    <row r="1071" spans="35:39" x14ac:dyDescent="0.35">
      <c r="AI1071" s="84"/>
      <c r="AM1071" s="84"/>
    </row>
    <row r="1072" spans="35:39" x14ac:dyDescent="0.35">
      <c r="AI1072" s="84"/>
      <c r="AM1072" s="84"/>
    </row>
    <row r="1073" spans="35:39" x14ac:dyDescent="0.35">
      <c r="AI1073" s="84"/>
      <c r="AM1073" s="84"/>
    </row>
    <row r="1074" spans="35:39" x14ac:dyDescent="0.35">
      <c r="AI1074" s="84"/>
      <c r="AM1074" s="84"/>
    </row>
    <row r="1075" spans="35:39" x14ac:dyDescent="0.35">
      <c r="AI1075" s="84"/>
      <c r="AM1075" s="84"/>
    </row>
    <row r="1076" spans="35:39" x14ac:dyDescent="0.35">
      <c r="AI1076" s="84"/>
      <c r="AM1076" s="84"/>
    </row>
    <row r="1077" spans="35:39" x14ac:dyDescent="0.35">
      <c r="AI1077" s="84"/>
      <c r="AM1077" s="84"/>
    </row>
    <row r="1078" spans="35:39" x14ac:dyDescent="0.35">
      <c r="AI1078" s="84"/>
      <c r="AM1078" s="84"/>
    </row>
    <row r="1079" spans="35:39" x14ac:dyDescent="0.35">
      <c r="AI1079" s="84"/>
      <c r="AM1079" s="84"/>
    </row>
    <row r="1080" spans="35:39" x14ac:dyDescent="0.35">
      <c r="AI1080" s="84"/>
      <c r="AM1080" s="84"/>
    </row>
    <row r="1081" spans="35:39" x14ac:dyDescent="0.35">
      <c r="AI1081" s="84"/>
      <c r="AM1081" s="84"/>
    </row>
    <row r="1082" spans="35:39" x14ac:dyDescent="0.35">
      <c r="AI1082" s="84"/>
      <c r="AM1082" s="84"/>
    </row>
    <row r="1083" spans="35:39" x14ac:dyDescent="0.35">
      <c r="AI1083" s="84"/>
      <c r="AM1083" s="84"/>
    </row>
    <row r="1084" spans="35:39" x14ac:dyDescent="0.35">
      <c r="AI1084" s="84"/>
      <c r="AM1084" s="84"/>
    </row>
    <row r="1085" spans="35:39" x14ac:dyDescent="0.35">
      <c r="AI1085" s="84"/>
      <c r="AM1085" s="84"/>
    </row>
    <row r="1086" spans="35:39" x14ac:dyDescent="0.35">
      <c r="AI1086" s="84"/>
      <c r="AM1086" s="84"/>
    </row>
    <row r="1087" spans="35:39" x14ac:dyDescent="0.35">
      <c r="AI1087" s="84"/>
      <c r="AM1087" s="84"/>
    </row>
    <row r="1088" spans="35:39" x14ac:dyDescent="0.35">
      <c r="AI1088" s="84"/>
      <c r="AM1088" s="84"/>
    </row>
    <row r="1089" spans="35:39" x14ac:dyDescent="0.35">
      <c r="AI1089" s="84"/>
      <c r="AM1089" s="84"/>
    </row>
    <row r="1090" spans="35:39" x14ac:dyDescent="0.35">
      <c r="AI1090" s="84"/>
      <c r="AM1090" s="84"/>
    </row>
    <row r="1091" spans="35:39" x14ac:dyDescent="0.35">
      <c r="AI1091" s="84"/>
      <c r="AM1091" s="84"/>
    </row>
    <row r="1092" spans="35:39" x14ac:dyDescent="0.35">
      <c r="AI1092" s="84"/>
      <c r="AM1092" s="84"/>
    </row>
    <row r="1093" spans="35:39" x14ac:dyDescent="0.35">
      <c r="AI1093" s="84"/>
      <c r="AM1093" s="84"/>
    </row>
    <row r="1094" spans="35:39" x14ac:dyDescent="0.35">
      <c r="AI1094" s="84"/>
      <c r="AM1094" s="84"/>
    </row>
    <row r="1095" spans="35:39" x14ac:dyDescent="0.35">
      <c r="AI1095" s="84"/>
      <c r="AM1095" s="84"/>
    </row>
    <row r="1096" spans="35:39" x14ac:dyDescent="0.35">
      <c r="AI1096" s="84"/>
      <c r="AM1096" s="84"/>
    </row>
    <row r="1097" spans="35:39" x14ac:dyDescent="0.35">
      <c r="AI1097" s="84"/>
      <c r="AM1097" s="84"/>
    </row>
    <row r="1098" spans="35:39" x14ac:dyDescent="0.35">
      <c r="AI1098" s="84"/>
      <c r="AM1098" s="84"/>
    </row>
    <row r="1099" spans="35:39" x14ac:dyDescent="0.35">
      <c r="AI1099" s="84"/>
      <c r="AM1099" s="84"/>
    </row>
    <row r="1100" spans="35:39" x14ac:dyDescent="0.35">
      <c r="AI1100" s="84"/>
      <c r="AM1100" s="84"/>
    </row>
    <row r="1101" spans="35:39" x14ac:dyDescent="0.35">
      <c r="AI1101" s="84"/>
      <c r="AM1101" s="84"/>
    </row>
    <row r="1102" spans="35:39" x14ac:dyDescent="0.35">
      <c r="AI1102" s="84"/>
      <c r="AM1102" s="84"/>
    </row>
    <row r="1103" spans="35:39" x14ac:dyDescent="0.35">
      <c r="AI1103" s="84"/>
      <c r="AM1103" s="84"/>
    </row>
    <row r="1104" spans="35:39" x14ac:dyDescent="0.35">
      <c r="AI1104" s="84"/>
      <c r="AM1104" s="84"/>
    </row>
    <row r="1105" spans="35:39" x14ac:dyDescent="0.35">
      <c r="AI1105" s="84"/>
      <c r="AM1105" s="84"/>
    </row>
    <row r="1106" spans="35:39" x14ac:dyDescent="0.35">
      <c r="AI1106" s="84"/>
      <c r="AM1106" s="84"/>
    </row>
    <row r="1107" spans="35:39" x14ac:dyDescent="0.35">
      <c r="AI1107" s="84"/>
      <c r="AM1107" s="84"/>
    </row>
    <row r="1108" spans="35:39" x14ac:dyDescent="0.35">
      <c r="AI1108" s="84"/>
      <c r="AM1108" s="84"/>
    </row>
    <row r="1109" spans="35:39" x14ac:dyDescent="0.35">
      <c r="AI1109" s="84"/>
      <c r="AM1109" s="84"/>
    </row>
    <row r="1110" spans="35:39" x14ac:dyDescent="0.35">
      <c r="AI1110" s="84"/>
      <c r="AM1110" s="84"/>
    </row>
    <row r="1111" spans="35:39" x14ac:dyDescent="0.35">
      <c r="AI1111" s="84"/>
      <c r="AM1111" s="84"/>
    </row>
    <row r="1112" spans="35:39" x14ac:dyDescent="0.35">
      <c r="AI1112" s="84"/>
      <c r="AM1112" s="84"/>
    </row>
    <row r="1113" spans="35:39" x14ac:dyDescent="0.35">
      <c r="AI1113" s="84"/>
      <c r="AM1113" s="84"/>
    </row>
    <row r="1114" spans="35:39" x14ac:dyDescent="0.35">
      <c r="AI1114" s="84"/>
      <c r="AM1114" s="84"/>
    </row>
    <row r="1115" spans="35:39" x14ac:dyDescent="0.35">
      <c r="AI1115" s="84"/>
      <c r="AM1115" s="84"/>
    </row>
    <row r="1116" spans="35:39" x14ac:dyDescent="0.35">
      <c r="AI1116" s="84"/>
      <c r="AM1116" s="84"/>
    </row>
    <row r="1117" spans="35:39" x14ac:dyDescent="0.35">
      <c r="AI1117" s="84"/>
      <c r="AM1117" s="84"/>
    </row>
    <row r="1118" spans="35:39" x14ac:dyDescent="0.35">
      <c r="AI1118" s="84"/>
      <c r="AM1118" s="84"/>
    </row>
    <row r="1119" spans="35:39" x14ac:dyDescent="0.35">
      <c r="AI1119" s="84"/>
      <c r="AM1119" s="84"/>
    </row>
    <row r="1120" spans="35:39" x14ac:dyDescent="0.35">
      <c r="AI1120" s="84"/>
      <c r="AM1120" s="84"/>
    </row>
    <row r="1121" spans="35:39" x14ac:dyDescent="0.35">
      <c r="AI1121" s="84"/>
      <c r="AM1121" s="84"/>
    </row>
    <row r="1122" spans="35:39" x14ac:dyDescent="0.35">
      <c r="AI1122" s="84"/>
      <c r="AM1122" s="84"/>
    </row>
    <row r="1123" spans="35:39" x14ac:dyDescent="0.35">
      <c r="AI1123" s="84"/>
      <c r="AM1123" s="84"/>
    </row>
    <row r="1124" spans="35:39" x14ac:dyDescent="0.35">
      <c r="AI1124" s="84"/>
      <c r="AM1124" s="84"/>
    </row>
    <row r="1125" spans="35:39" x14ac:dyDescent="0.35">
      <c r="AI1125" s="84"/>
      <c r="AM1125" s="84"/>
    </row>
    <row r="1126" spans="35:39" x14ac:dyDescent="0.35">
      <c r="AI1126" s="84"/>
      <c r="AM1126" s="84"/>
    </row>
    <row r="1127" spans="35:39" x14ac:dyDescent="0.35">
      <c r="AI1127" s="84"/>
      <c r="AM1127" s="84"/>
    </row>
    <row r="1128" spans="35:39" x14ac:dyDescent="0.35">
      <c r="AI1128" s="84"/>
      <c r="AM1128" s="84"/>
    </row>
    <row r="1129" spans="35:39" x14ac:dyDescent="0.35">
      <c r="AI1129" s="84"/>
      <c r="AM1129" s="84"/>
    </row>
    <row r="1130" spans="35:39" x14ac:dyDescent="0.35">
      <c r="AI1130" s="84"/>
      <c r="AM1130" s="84"/>
    </row>
    <row r="1131" spans="35:39" x14ac:dyDescent="0.35">
      <c r="AI1131" s="84"/>
      <c r="AM1131" s="84"/>
    </row>
    <row r="1132" spans="35:39" x14ac:dyDescent="0.35">
      <c r="AI1132" s="84"/>
      <c r="AM1132" s="84"/>
    </row>
    <row r="1133" spans="35:39" x14ac:dyDescent="0.35">
      <c r="AI1133" s="84"/>
      <c r="AM1133" s="84"/>
    </row>
    <row r="1134" spans="35:39" x14ac:dyDescent="0.35">
      <c r="AI1134" s="84"/>
      <c r="AM1134" s="84"/>
    </row>
    <row r="1135" spans="35:39" x14ac:dyDescent="0.35">
      <c r="AI1135" s="84"/>
      <c r="AM1135" s="84"/>
    </row>
    <row r="1136" spans="35:39" x14ac:dyDescent="0.35">
      <c r="AI1136" s="84"/>
      <c r="AM1136" s="84"/>
    </row>
    <row r="1137" spans="35:39" x14ac:dyDescent="0.35">
      <c r="AI1137" s="84"/>
      <c r="AM1137" s="84"/>
    </row>
    <row r="1138" spans="35:39" x14ac:dyDescent="0.35">
      <c r="AI1138" s="84"/>
      <c r="AM1138" s="84"/>
    </row>
    <row r="1139" spans="35:39" x14ac:dyDescent="0.35">
      <c r="AI1139" s="84"/>
      <c r="AM1139" s="84"/>
    </row>
    <row r="1140" spans="35:39" x14ac:dyDescent="0.35">
      <c r="AI1140" s="84"/>
      <c r="AM1140" s="84"/>
    </row>
    <row r="1141" spans="35:39" x14ac:dyDescent="0.35">
      <c r="AI1141" s="84"/>
      <c r="AM1141" s="84"/>
    </row>
    <row r="1142" spans="35:39" x14ac:dyDescent="0.35">
      <c r="AI1142" s="84"/>
      <c r="AM1142" s="84"/>
    </row>
    <row r="1143" spans="35:39" x14ac:dyDescent="0.35">
      <c r="AI1143" s="84"/>
      <c r="AM1143" s="84"/>
    </row>
    <row r="1144" spans="35:39" x14ac:dyDescent="0.35">
      <c r="AI1144" s="84"/>
      <c r="AM1144" s="84"/>
    </row>
    <row r="1145" spans="35:39" x14ac:dyDescent="0.35">
      <c r="AI1145" s="84"/>
      <c r="AM1145" s="84"/>
    </row>
    <row r="1146" spans="35:39" x14ac:dyDescent="0.35">
      <c r="AI1146" s="84"/>
      <c r="AM1146" s="84"/>
    </row>
    <row r="1147" spans="35:39" x14ac:dyDescent="0.35">
      <c r="AI1147" s="84"/>
      <c r="AM1147" s="84"/>
    </row>
    <row r="1148" spans="35:39" x14ac:dyDescent="0.35">
      <c r="AI1148" s="84"/>
      <c r="AM1148" s="84"/>
    </row>
    <row r="1149" spans="35:39" x14ac:dyDescent="0.35">
      <c r="AI1149" s="84"/>
      <c r="AM1149" s="84"/>
    </row>
    <row r="1150" spans="35:39" x14ac:dyDescent="0.35">
      <c r="AI1150" s="84"/>
      <c r="AM1150" s="84"/>
    </row>
    <row r="1151" spans="35:39" x14ac:dyDescent="0.35">
      <c r="AI1151" s="84"/>
      <c r="AM1151" s="84"/>
    </row>
    <row r="1152" spans="35:39" x14ac:dyDescent="0.35">
      <c r="AI1152" s="84"/>
      <c r="AM1152" s="84"/>
    </row>
    <row r="1153" spans="35:39" x14ac:dyDescent="0.35">
      <c r="AI1153" s="84"/>
      <c r="AM1153" s="84"/>
    </row>
    <row r="1154" spans="35:39" x14ac:dyDescent="0.35">
      <c r="AI1154" s="84"/>
      <c r="AM1154" s="84"/>
    </row>
    <row r="1155" spans="35:39" x14ac:dyDescent="0.35">
      <c r="AI1155" s="84"/>
      <c r="AM1155" s="84"/>
    </row>
    <row r="1156" spans="35:39" x14ac:dyDescent="0.35">
      <c r="AI1156" s="84"/>
      <c r="AM1156" s="84"/>
    </row>
    <row r="1157" spans="35:39" x14ac:dyDescent="0.35">
      <c r="AI1157" s="84"/>
      <c r="AM1157" s="84"/>
    </row>
    <row r="1158" spans="35:39" x14ac:dyDescent="0.35">
      <c r="AI1158" s="84"/>
      <c r="AM1158" s="84"/>
    </row>
    <row r="1159" spans="35:39" x14ac:dyDescent="0.35">
      <c r="AI1159" s="84"/>
      <c r="AM1159" s="84"/>
    </row>
    <row r="1160" spans="35:39" x14ac:dyDescent="0.35">
      <c r="AI1160" s="84"/>
      <c r="AM1160" s="84"/>
    </row>
    <row r="1161" spans="35:39" x14ac:dyDescent="0.35">
      <c r="AI1161" s="84"/>
      <c r="AM1161" s="84"/>
    </row>
    <row r="1162" spans="35:39" x14ac:dyDescent="0.35">
      <c r="AI1162" s="84"/>
      <c r="AM1162" s="84"/>
    </row>
    <row r="1163" spans="35:39" x14ac:dyDescent="0.35">
      <c r="AI1163" s="84"/>
      <c r="AM1163" s="84"/>
    </row>
    <row r="1164" spans="35:39" x14ac:dyDescent="0.35">
      <c r="AI1164" s="84"/>
      <c r="AM1164" s="84"/>
    </row>
    <row r="1165" spans="35:39" x14ac:dyDescent="0.35">
      <c r="AI1165" s="84"/>
      <c r="AM1165" s="84"/>
    </row>
    <row r="1166" spans="35:39" x14ac:dyDescent="0.35">
      <c r="AI1166" s="84"/>
      <c r="AM1166" s="84"/>
    </row>
    <row r="1167" spans="35:39" x14ac:dyDescent="0.35">
      <c r="AI1167" s="84"/>
      <c r="AM1167" s="84"/>
    </row>
    <row r="1168" spans="35:39" x14ac:dyDescent="0.35">
      <c r="AI1168" s="84"/>
      <c r="AM1168" s="84"/>
    </row>
    <row r="1169" spans="35:39" x14ac:dyDescent="0.35">
      <c r="AI1169" s="84"/>
      <c r="AM1169" s="84"/>
    </row>
    <row r="1170" spans="35:39" x14ac:dyDescent="0.35">
      <c r="AI1170" s="84"/>
      <c r="AM1170" s="84"/>
    </row>
    <row r="1171" spans="35:39" x14ac:dyDescent="0.35">
      <c r="AI1171" s="84"/>
      <c r="AM1171" s="84"/>
    </row>
    <row r="1172" spans="35:39" x14ac:dyDescent="0.35">
      <c r="AI1172" s="84"/>
      <c r="AM1172" s="84"/>
    </row>
    <row r="1173" spans="35:39" x14ac:dyDescent="0.35">
      <c r="AI1173" s="84"/>
      <c r="AM1173" s="84"/>
    </row>
    <row r="1174" spans="35:39" x14ac:dyDescent="0.35">
      <c r="AI1174" s="84"/>
      <c r="AM1174" s="84"/>
    </row>
    <row r="1175" spans="35:39" x14ac:dyDescent="0.35">
      <c r="AI1175" s="84"/>
      <c r="AM1175" s="84"/>
    </row>
    <row r="1176" spans="35:39" x14ac:dyDescent="0.35">
      <c r="AI1176" s="84"/>
      <c r="AM1176" s="84"/>
    </row>
    <row r="1177" spans="35:39" x14ac:dyDescent="0.35">
      <c r="AI1177" s="84"/>
      <c r="AM1177" s="84"/>
    </row>
    <row r="1178" spans="35:39" x14ac:dyDescent="0.35">
      <c r="AI1178" s="84"/>
      <c r="AM1178" s="84"/>
    </row>
    <row r="1179" spans="35:39" x14ac:dyDescent="0.35">
      <c r="AI1179" s="84"/>
      <c r="AM1179" s="84"/>
    </row>
    <row r="1180" spans="35:39" x14ac:dyDescent="0.35">
      <c r="AI1180" s="84"/>
      <c r="AM1180" s="84"/>
    </row>
    <row r="1181" spans="35:39" x14ac:dyDescent="0.35">
      <c r="AI1181" s="84"/>
      <c r="AM1181" s="84"/>
    </row>
    <row r="1182" spans="35:39" x14ac:dyDescent="0.35">
      <c r="AI1182" s="84"/>
      <c r="AM1182" s="84"/>
    </row>
    <row r="1183" spans="35:39" x14ac:dyDescent="0.35">
      <c r="AI1183" s="84"/>
      <c r="AM1183" s="84"/>
    </row>
    <row r="1184" spans="35:39" x14ac:dyDescent="0.35">
      <c r="AI1184" s="84"/>
      <c r="AM1184" s="84"/>
    </row>
    <row r="1185" spans="35:39" x14ac:dyDescent="0.35">
      <c r="AI1185" s="84"/>
      <c r="AM1185" s="84"/>
    </row>
    <row r="1186" spans="35:39" x14ac:dyDescent="0.35">
      <c r="AI1186" s="84"/>
      <c r="AM1186" s="84"/>
    </row>
    <row r="1187" spans="35:39" x14ac:dyDescent="0.35">
      <c r="AI1187" s="84"/>
      <c r="AM1187" s="84"/>
    </row>
    <row r="1188" spans="35:39" x14ac:dyDescent="0.35">
      <c r="AI1188" s="84"/>
      <c r="AM1188" s="84"/>
    </row>
    <row r="1189" spans="35:39" x14ac:dyDescent="0.35">
      <c r="AI1189" s="84"/>
      <c r="AM1189" s="84"/>
    </row>
    <row r="1190" spans="35:39" x14ac:dyDescent="0.35">
      <c r="AI1190" s="84"/>
      <c r="AM1190" s="84"/>
    </row>
    <row r="1191" spans="35:39" x14ac:dyDescent="0.35">
      <c r="AI1191" s="84"/>
      <c r="AM1191" s="84"/>
    </row>
    <row r="1192" spans="35:39" x14ac:dyDescent="0.35">
      <c r="AI1192" s="84"/>
      <c r="AM1192" s="84"/>
    </row>
    <row r="1193" spans="35:39" x14ac:dyDescent="0.35">
      <c r="AI1193" s="84"/>
      <c r="AM1193" s="84"/>
    </row>
    <row r="1194" spans="35:39" x14ac:dyDescent="0.35">
      <c r="AI1194" s="84"/>
      <c r="AM1194" s="84"/>
    </row>
    <row r="1195" spans="35:39" x14ac:dyDescent="0.35">
      <c r="AI1195" s="84"/>
      <c r="AM1195" s="84"/>
    </row>
    <row r="1196" spans="35:39" x14ac:dyDescent="0.35">
      <c r="AI1196" s="84"/>
      <c r="AM1196" s="84"/>
    </row>
    <row r="1197" spans="35:39" x14ac:dyDescent="0.35">
      <c r="AI1197" s="84"/>
      <c r="AM1197" s="84"/>
    </row>
    <row r="1198" spans="35:39" x14ac:dyDescent="0.35">
      <c r="AI1198" s="84"/>
      <c r="AM1198" s="84"/>
    </row>
    <row r="1199" spans="35:39" x14ac:dyDescent="0.35">
      <c r="AI1199" s="84"/>
      <c r="AM1199" s="84"/>
    </row>
    <row r="1200" spans="35:39" x14ac:dyDescent="0.35">
      <c r="AI1200" s="84"/>
      <c r="AM1200" s="84"/>
    </row>
    <row r="1201" spans="35:39" x14ac:dyDescent="0.35">
      <c r="AI1201" s="84"/>
      <c r="AM1201" s="84"/>
    </row>
    <row r="1202" spans="35:39" x14ac:dyDescent="0.35">
      <c r="AI1202" s="84"/>
      <c r="AM1202" s="84"/>
    </row>
    <row r="1203" spans="35:39" x14ac:dyDescent="0.35">
      <c r="AI1203" s="84"/>
      <c r="AM1203" s="84"/>
    </row>
    <row r="1204" spans="35:39" x14ac:dyDescent="0.35">
      <c r="AI1204" s="84"/>
      <c r="AM1204" s="84"/>
    </row>
    <row r="1205" spans="35:39" x14ac:dyDescent="0.35">
      <c r="AI1205" s="84"/>
      <c r="AM1205" s="84"/>
    </row>
    <row r="1206" spans="35:39" x14ac:dyDescent="0.35">
      <c r="AI1206" s="84"/>
      <c r="AM1206" s="84"/>
    </row>
    <row r="1207" spans="35:39" x14ac:dyDescent="0.35">
      <c r="AI1207" s="84"/>
      <c r="AM1207" s="84"/>
    </row>
    <row r="1208" spans="35:39" x14ac:dyDescent="0.35">
      <c r="AI1208" s="84"/>
      <c r="AM1208" s="84"/>
    </row>
    <row r="1209" spans="35:39" x14ac:dyDescent="0.35">
      <c r="AI1209" s="84"/>
      <c r="AM1209" s="84"/>
    </row>
    <row r="1210" spans="35:39" x14ac:dyDescent="0.35">
      <c r="AI1210" s="84"/>
      <c r="AM1210" s="84"/>
    </row>
    <row r="1211" spans="35:39" x14ac:dyDescent="0.35">
      <c r="AI1211" s="84"/>
      <c r="AM1211" s="84"/>
    </row>
    <row r="1212" spans="35:39" x14ac:dyDescent="0.35">
      <c r="AI1212" s="84"/>
      <c r="AM1212" s="84"/>
    </row>
    <row r="1213" spans="35:39" x14ac:dyDescent="0.35">
      <c r="AI1213" s="84"/>
      <c r="AM1213" s="84"/>
    </row>
    <row r="1214" spans="35:39" x14ac:dyDescent="0.35">
      <c r="AI1214" s="84"/>
      <c r="AM1214" s="84"/>
    </row>
    <row r="1215" spans="35:39" x14ac:dyDescent="0.35">
      <c r="AI1215" s="84"/>
      <c r="AM1215" s="84"/>
    </row>
    <row r="1216" spans="35:39" x14ac:dyDescent="0.35">
      <c r="AI1216" s="84"/>
      <c r="AM1216" s="84"/>
    </row>
    <row r="1217" spans="35:39" x14ac:dyDescent="0.35">
      <c r="AI1217" s="84"/>
      <c r="AM1217" s="84"/>
    </row>
    <row r="1218" spans="35:39" x14ac:dyDescent="0.35">
      <c r="AI1218" s="84"/>
      <c r="AM1218" s="84"/>
    </row>
    <row r="1219" spans="35:39" x14ac:dyDescent="0.35">
      <c r="AI1219" s="84"/>
      <c r="AM1219" s="84"/>
    </row>
    <row r="1220" spans="35:39" x14ac:dyDescent="0.35">
      <c r="AI1220" s="84"/>
      <c r="AM1220" s="84"/>
    </row>
    <row r="1221" spans="35:39" x14ac:dyDescent="0.35">
      <c r="AI1221" s="84"/>
      <c r="AM1221" s="84"/>
    </row>
    <row r="1222" spans="35:39" x14ac:dyDescent="0.35">
      <c r="AI1222" s="84"/>
      <c r="AM1222" s="84"/>
    </row>
    <row r="1223" spans="35:39" x14ac:dyDescent="0.35">
      <c r="AI1223" s="84"/>
      <c r="AM1223" s="84"/>
    </row>
    <row r="1224" spans="35:39" x14ac:dyDescent="0.35">
      <c r="AI1224" s="84"/>
      <c r="AM1224" s="84"/>
    </row>
    <row r="1225" spans="35:39" x14ac:dyDescent="0.35">
      <c r="AI1225" s="84"/>
      <c r="AM1225" s="84"/>
    </row>
    <row r="1226" spans="35:39" x14ac:dyDescent="0.35">
      <c r="AI1226" s="84"/>
      <c r="AM1226" s="84"/>
    </row>
    <row r="1227" spans="35:39" x14ac:dyDescent="0.35">
      <c r="AI1227" s="84"/>
      <c r="AM1227" s="84"/>
    </row>
    <row r="1228" spans="35:39" x14ac:dyDescent="0.35">
      <c r="AI1228" s="84"/>
      <c r="AM1228" s="84"/>
    </row>
    <row r="1229" spans="35:39" x14ac:dyDescent="0.35">
      <c r="AI1229" s="84"/>
      <c r="AM1229" s="84"/>
    </row>
    <row r="1230" spans="35:39" x14ac:dyDescent="0.35">
      <c r="AI1230" s="84"/>
      <c r="AM1230" s="84"/>
    </row>
    <row r="1231" spans="35:39" x14ac:dyDescent="0.35">
      <c r="AI1231" s="84"/>
      <c r="AM1231" s="84"/>
    </row>
    <row r="1232" spans="35:39" x14ac:dyDescent="0.35">
      <c r="AI1232" s="84"/>
      <c r="AM1232" s="84"/>
    </row>
    <row r="1233" spans="35:39" x14ac:dyDescent="0.35">
      <c r="AI1233" s="84"/>
      <c r="AM1233" s="84"/>
    </row>
    <row r="1234" spans="35:39" x14ac:dyDescent="0.35">
      <c r="AI1234" s="84"/>
      <c r="AM1234" s="84"/>
    </row>
    <row r="1235" spans="35:39" x14ac:dyDescent="0.35">
      <c r="AI1235" s="84"/>
      <c r="AM1235" s="84"/>
    </row>
    <row r="1236" spans="35:39" x14ac:dyDescent="0.35">
      <c r="AI1236" s="84"/>
      <c r="AM1236" s="84"/>
    </row>
    <row r="1237" spans="35:39" x14ac:dyDescent="0.35">
      <c r="AI1237" s="84"/>
      <c r="AM1237" s="84"/>
    </row>
    <row r="1238" spans="35:39" x14ac:dyDescent="0.35">
      <c r="AI1238" s="84"/>
      <c r="AM1238" s="84"/>
    </row>
    <row r="1239" spans="35:39" x14ac:dyDescent="0.35">
      <c r="AI1239" s="84"/>
      <c r="AM1239" s="84"/>
    </row>
    <row r="1240" spans="35:39" x14ac:dyDescent="0.35">
      <c r="AI1240" s="84"/>
      <c r="AM1240" s="84"/>
    </row>
    <row r="1241" spans="35:39" x14ac:dyDescent="0.35">
      <c r="AI1241" s="84"/>
      <c r="AM1241" s="84"/>
    </row>
    <row r="1242" spans="35:39" x14ac:dyDescent="0.35">
      <c r="AI1242" s="84"/>
      <c r="AM1242" s="84"/>
    </row>
    <row r="1243" spans="35:39" x14ac:dyDescent="0.35">
      <c r="AI1243" s="84"/>
      <c r="AM1243" s="84"/>
    </row>
    <row r="1244" spans="35:39" x14ac:dyDescent="0.35">
      <c r="AI1244" s="84"/>
      <c r="AM1244" s="84"/>
    </row>
    <row r="1245" spans="35:39" x14ac:dyDescent="0.35">
      <c r="AI1245" s="84"/>
      <c r="AM1245" s="84"/>
    </row>
    <row r="1246" spans="35:39" x14ac:dyDescent="0.35">
      <c r="AI1246" s="84"/>
      <c r="AM1246" s="84"/>
    </row>
    <row r="1247" spans="35:39" x14ac:dyDescent="0.35">
      <c r="AI1247" s="84"/>
      <c r="AM1247" s="84"/>
    </row>
    <row r="1248" spans="35:39" x14ac:dyDescent="0.35">
      <c r="AI1248" s="84"/>
      <c r="AM1248" s="84"/>
    </row>
    <row r="1249" spans="35:39" x14ac:dyDescent="0.35">
      <c r="AI1249" s="84"/>
      <c r="AM1249" s="84"/>
    </row>
    <row r="1250" spans="35:39" x14ac:dyDescent="0.35">
      <c r="AI1250" s="84"/>
      <c r="AM1250" s="84"/>
    </row>
    <row r="1251" spans="35:39" x14ac:dyDescent="0.35">
      <c r="AI1251" s="84"/>
      <c r="AM1251" s="84"/>
    </row>
    <row r="1252" spans="35:39" x14ac:dyDescent="0.35">
      <c r="AI1252" s="84"/>
      <c r="AM1252" s="84"/>
    </row>
    <row r="1253" spans="35:39" x14ac:dyDescent="0.35">
      <c r="AI1253" s="84"/>
      <c r="AM1253" s="84"/>
    </row>
    <row r="1254" spans="35:39" x14ac:dyDescent="0.35">
      <c r="AI1254" s="84"/>
      <c r="AM1254" s="84"/>
    </row>
    <row r="1255" spans="35:39" x14ac:dyDescent="0.35">
      <c r="AI1255" s="84"/>
      <c r="AM1255" s="84"/>
    </row>
    <row r="1256" spans="35:39" x14ac:dyDescent="0.35">
      <c r="AI1256" s="84"/>
      <c r="AM1256" s="84"/>
    </row>
    <row r="1257" spans="35:39" x14ac:dyDescent="0.35">
      <c r="AI1257" s="84"/>
      <c r="AM1257" s="84"/>
    </row>
    <row r="1258" spans="35:39" x14ac:dyDescent="0.35">
      <c r="AI1258" s="84"/>
      <c r="AM1258" s="84"/>
    </row>
    <row r="1259" spans="35:39" x14ac:dyDescent="0.35">
      <c r="AI1259" s="84"/>
      <c r="AM1259" s="84"/>
    </row>
    <row r="1260" spans="35:39" x14ac:dyDescent="0.35">
      <c r="AI1260" s="84"/>
      <c r="AM1260" s="84"/>
    </row>
    <row r="1261" spans="35:39" x14ac:dyDescent="0.35">
      <c r="AI1261" s="84"/>
      <c r="AM1261" s="84"/>
    </row>
    <row r="1262" spans="35:39" x14ac:dyDescent="0.35">
      <c r="AI1262" s="84"/>
      <c r="AM1262" s="84"/>
    </row>
    <row r="1263" spans="35:39" x14ac:dyDescent="0.35">
      <c r="AI1263" s="84"/>
      <c r="AM1263" s="84"/>
    </row>
    <row r="1264" spans="35:39" x14ac:dyDescent="0.35">
      <c r="AI1264" s="84"/>
      <c r="AM1264" s="84"/>
    </row>
    <row r="1265" spans="35:39" x14ac:dyDescent="0.35">
      <c r="AI1265" s="84"/>
      <c r="AM1265" s="84"/>
    </row>
    <row r="1266" spans="35:39" x14ac:dyDescent="0.35">
      <c r="AI1266" s="84"/>
      <c r="AM1266" s="84"/>
    </row>
    <row r="1267" spans="35:39" x14ac:dyDescent="0.35">
      <c r="AI1267" s="84"/>
      <c r="AM1267" s="84"/>
    </row>
    <row r="1268" spans="35:39" x14ac:dyDescent="0.35">
      <c r="AI1268" s="84"/>
      <c r="AM1268" s="84"/>
    </row>
    <row r="1269" spans="35:39" x14ac:dyDescent="0.35">
      <c r="AI1269" s="84"/>
      <c r="AM1269" s="84"/>
    </row>
    <row r="1270" spans="35:39" x14ac:dyDescent="0.35">
      <c r="AI1270" s="84"/>
      <c r="AM1270" s="84"/>
    </row>
    <row r="1271" spans="35:39" x14ac:dyDescent="0.35">
      <c r="AI1271" s="84"/>
      <c r="AM1271" s="84"/>
    </row>
    <row r="1272" spans="35:39" x14ac:dyDescent="0.35">
      <c r="AI1272" s="84"/>
      <c r="AM1272" s="84"/>
    </row>
    <row r="1273" spans="35:39" x14ac:dyDescent="0.35">
      <c r="AI1273" s="84"/>
      <c r="AM1273" s="84"/>
    </row>
    <row r="1274" spans="35:39" x14ac:dyDescent="0.35">
      <c r="AI1274" s="84"/>
      <c r="AM1274" s="84"/>
    </row>
    <row r="1275" spans="35:39" x14ac:dyDescent="0.35">
      <c r="AI1275" s="84"/>
      <c r="AM1275" s="84"/>
    </row>
    <row r="1276" spans="35:39" x14ac:dyDescent="0.35">
      <c r="AI1276" s="84"/>
      <c r="AM1276" s="84"/>
    </row>
    <row r="1277" spans="35:39" x14ac:dyDescent="0.35">
      <c r="AI1277" s="84"/>
      <c r="AM1277" s="84"/>
    </row>
    <row r="1278" spans="35:39" x14ac:dyDescent="0.35">
      <c r="AI1278" s="84"/>
      <c r="AM1278" s="84"/>
    </row>
    <row r="1279" spans="35:39" x14ac:dyDescent="0.35">
      <c r="AI1279" s="84"/>
      <c r="AM1279" s="84"/>
    </row>
    <row r="1280" spans="35:39" x14ac:dyDescent="0.35">
      <c r="AI1280" s="84"/>
      <c r="AM1280" s="84"/>
    </row>
    <row r="1281" spans="35:39" x14ac:dyDescent="0.35">
      <c r="AI1281" s="84"/>
      <c r="AM1281" s="84"/>
    </row>
    <row r="1282" spans="35:39" x14ac:dyDescent="0.35">
      <c r="AI1282" s="84"/>
      <c r="AM1282" s="84"/>
    </row>
    <row r="1283" spans="35:39" x14ac:dyDescent="0.35">
      <c r="AI1283" s="84"/>
      <c r="AM1283" s="84"/>
    </row>
    <row r="1284" spans="35:39" x14ac:dyDescent="0.35">
      <c r="AI1284" s="84"/>
      <c r="AM1284" s="84"/>
    </row>
    <row r="1285" spans="35:39" x14ac:dyDescent="0.35">
      <c r="AI1285" s="84"/>
      <c r="AM1285" s="84"/>
    </row>
    <row r="1286" spans="35:39" x14ac:dyDescent="0.35">
      <c r="AI1286" s="84"/>
      <c r="AM1286" s="84"/>
    </row>
    <row r="1287" spans="35:39" x14ac:dyDescent="0.35">
      <c r="AI1287" s="84"/>
      <c r="AM1287" s="84"/>
    </row>
    <row r="1288" spans="35:39" x14ac:dyDescent="0.35">
      <c r="AI1288" s="84"/>
      <c r="AM1288" s="84"/>
    </row>
    <row r="1289" spans="35:39" x14ac:dyDescent="0.35">
      <c r="AI1289" s="84"/>
      <c r="AM1289" s="84"/>
    </row>
    <row r="1290" spans="35:39" x14ac:dyDescent="0.35">
      <c r="AI1290" s="84"/>
      <c r="AM1290" s="84"/>
    </row>
    <row r="1291" spans="35:39" x14ac:dyDescent="0.35">
      <c r="AI1291" s="84"/>
      <c r="AM1291" s="84"/>
    </row>
    <row r="1292" spans="35:39" x14ac:dyDescent="0.35">
      <c r="AI1292" s="84"/>
      <c r="AM1292" s="84"/>
    </row>
    <row r="1293" spans="35:39" x14ac:dyDescent="0.35">
      <c r="AI1293" s="84"/>
      <c r="AM1293" s="84"/>
    </row>
    <row r="1294" spans="35:39" x14ac:dyDescent="0.35">
      <c r="AI1294" s="84"/>
      <c r="AM1294" s="84"/>
    </row>
    <row r="1295" spans="35:39" x14ac:dyDescent="0.35">
      <c r="AI1295" s="84"/>
      <c r="AM1295" s="84"/>
    </row>
    <row r="1296" spans="35:39" x14ac:dyDescent="0.35">
      <c r="AI1296" s="84"/>
      <c r="AM1296" s="84"/>
    </row>
    <row r="1297" spans="35:39" x14ac:dyDescent="0.35">
      <c r="AI1297" s="84"/>
      <c r="AM1297" s="84"/>
    </row>
    <row r="1298" spans="35:39" x14ac:dyDescent="0.35">
      <c r="AI1298" s="84"/>
      <c r="AM1298" s="84"/>
    </row>
    <row r="1299" spans="35:39" x14ac:dyDescent="0.35">
      <c r="AI1299" s="84"/>
      <c r="AM1299" s="84"/>
    </row>
    <row r="1300" spans="35:39" x14ac:dyDescent="0.35">
      <c r="AI1300" s="84"/>
      <c r="AM1300" s="84"/>
    </row>
    <row r="1301" spans="35:39" x14ac:dyDescent="0.35">
      <c r="AI1301" s="84"/>
      <c r="AM1301" s="84"/>
    </row>
    <row r="1302" spans="35:39" x14ac:dyDescent="0.35">
      <c r="AI1302" s="84"/>
      <c r="AM1302" s="84"/>
    </row>
    <row r="1303" spans="35:39" x14ac:dyDescent="0.35">
      <c r="AI1303" s="84"/>
      <c r="AM1303" s="84"/>
    </row>
    <row r="1304" spans="35:39" x14ac:dyDescent="0.35">
      <c r="AI1304" s="84"/>
      <c r="AM1304" s="84"/>
    </row>
    <row r="1305" spans="35:39" x14ac:dyDescent="0.35">
      <c r="AI1305" s="84"/>
      <c r="AM1305" s="84"/>
    </row>
    <row r="1306" spans="35:39" x14ac:dyDescent="0.35">
      <c r="AI1306" s="84"/>
      <c r="AM1306" s="84"/>
    </row>
    <row r="1307" spans="35:39" x14ac:dyDescent="0.35">
      <c r="AI1307" s="84"/>
      <c r="AM1307" s="84"/>
    </row>
    <row r="1308" spans="35:39" x14ac:dyDescent="0.35">
      <c r="AI1308" s="84"/>
      <c r="AM1308" s="84"/>
    </row>
    <row r="1309" spans="35:39" x14ac:dyDescent="0.35">
      <c r="AI1309" s="84"/>
      <c r="AM1309" s="84"/>
    </row>
    <row r="1310" spans="35:39" x14ac:dyDescent="0.35">
      <c r="AI1310" s="84"/>
      <c r="AM1310" s="84"/>
    </row>
    <row r="1311" spans="35:39" x14ac:dyDescent="0.35">
      <c r="AI1311" s="84"/>
      <c r="AM1311" s="84"/>
    </row>
    <row r="1312" spans="35:39" x14ac:dyDescent="0.35">
      <c r="AI1312" s="84"/>
      <c r="AM1312" s="84"/>
    </row>
    <row r="1313" spans="35:39" x14ac:dyDescent="0.35">
      <c r="AI1313" s="84"/>
      <c r="AM1313" s="84"/>
    </row>
    <row r="1314" spans="35:39" x14ac:dyDescent="0.35">
      <c r="AI1314" s="84"/>
      <c r="AM1314" s="84"/>
    </row>
    <row r="1315" spans="35:39" x14ac:dyDescent="0.35">
      <c r="AI1315" s="84"/>
      <c r="AM1315" s="84"/>
    </row>
    <row r="1316" spans="35:39" x14ac:dyDescent="0.35">
      <c r="AI1316" s="84"/>
      <c r="AM1316" s="84"/>
    </row>
    <row r="1317" spans="35:39" x14ac:dyDescent="0.35">
      <c r="AI1317" s="84"/>
      <c r="AM1317" s="84"/>
    </row>
    <row r="1318" spans="35:39" x14ac:dyDescent="0.35">
      <c r="AI1318" s="84"/>
      <c r="AM1318" s="84"/>
    </row>
    <row r="1319" spans="35:39" x14ac:dyDescent="0.35">
      <c r="AI1319" s="84"/>
      <c r="AM1319" s="84"/>
    </row>
    <row r="1320" spans="35:39" x14ac:dyDescent="0.35">
      <c r="AI1320" s="84"/>
      <c r="AM1320" s="84"/>
    </row>
    <row r="1321" spans="35:39" x14ac:dyDescent="0.35">
      <c r="AI1321" s="84"/>
      <c r="AM1321" s="84"/>
    </row>
    <row r="1322" spans="35:39" x14ac:dyDescent="0.35">
      <c r="AI1322" s="84"/>
      <c r="AM1322" s="84"/>
    </row>
    <row r="1323" spans="35:39" x14ac:dyDescent="0.35">
      <c r="AI1323" s="84"/>
      <c r="AM1323" s="84"/>
    </row>
    <row r="1324" spans="35:39" x14ac:dyDescent="0.35">
      <c r="AI1324" s="84"/>
      <c r="AM1324" s="84"/>
    </row>
    <row r="1325" spans="35:39" x14ac:dyDescent="0.35">
      <c r="AI1325" s="84"/>
      <c r="AM1325" s="84"/>
    </row>
    <row r="1326" spans="35:39" x14ac:dyDescent="0.35">
      <c r="AI1326" s="84"/>
      <c r="AM1326" s="84"/>
    </row>
    <row r="1327" spans="35:39" x14ac:dyDescent="0.35">
      <c r="AI1327" s="84"/>
      <c r="AM1327" s="84"/>
    </row>
    <row r="1328" spans="35:39" x14ac:dyDescent="0.35">
      <c r="AI1328" s="84"/>
      <c r="AM1328" s="84"/>
    </row>
    <row r="1329" spans="35:39" x14ac:dyDescent="0.35">
      <c r="AI1329" s="84"/>
      <c r="AM1329" s="84"/>
    </row>
    <row r="1330" spans="35:39" x14ac:dyDescent="0.35">
      <c r="AI1330" s="84"/>
      <c r="AM1330" s="84"/>
    </row>
    <row r="1331" spans="35:39" x14ac:dyDescent="0.35">
      <c r="AI1331" s="84"/>
      <c r="AM1331" s="84"/>
    </row>
    <row r="1332" spans="35:39" x14ac:dyDescent="0.35">
      <c r="AI1332" s="84"/>
      <c r="AM1332" s="84"/>
    </row>
    <row r="1333" spans="35:39" x14ac:dyDescent="0.35">
      <c r="AI1333" s="84"/>
      <c r="AM1333" s="84"/>
    </row>
    <row r="1334" spans="35:39" x14ac:dyDescent="0.35">
      <c r="AI1334" s="84"/>
      <c r="AM1334" s="84"/>
    </row>
    <row r="1335" spans="35:39" x14ac:dyDescent="0.35">
      <c r="AI1335" s="84"/>
      <c r="AM1335" s="84"/>
    </row>
    <row r="1336" spans="35:39" x14ac:dyDescent="0.35">
      <c r="AI1336" s="84"/>
      <c r="AM1336" s="84"/>
    </row>
    <row r="1337" spans="35:39" x14ac:dyDescent="0.35">
      <c r="AI1337" s="84"/>
      <c r="AM1337" s="84"/>
    </row>
    <row r="1338" spans="35:39" x14ac:dyDescent="0.35">
      <c r="AI1338" s="84"/>
      <c r="AM1338" s="84"/>
    </row>
    <row r="1339" spans="35:39" x14ac:dyDescent="0.35">
      <c r="AI1339" s="84"/>
      <c r="AM1339" s="84"/>
    </row>
    <row r="1340" spans="35:39" x14ac:dyDescent="0.35">
      <c r="AI1340" s="84"/>
      <c r="AM1340" s="84"/>
    </row>
    <row r="1341" spans="35:39" x14ac:dyDescent="0.35">
      <c r="AI1341" s="84"/>
      <c r="AM1341" s="84"/>
    </row>
    <row r="1342" spans="35:39" x14ac:dyDescent="0.35">
      <c r="AI1342" s="84"/>
      <c r="AM1342" s="84"/>
    </row>
    <row r="1343" spans="35:39" x14ac:dyDescent="0.35">
      <c r="AI1343" s="84"/>
      <c r="AM1343" s="84"/>
    </row>
    <row r="1344" spans="35:39" x14ac:dyDescent="0.35">
      <c r="AI1344" s="84"/>
      <c r="AM1344" s="84"/>
    </row>
    <row r="1345" spans="35:39" x14ac:dyDescent="0.35">
      <c r="AI1345" s="84"/>
      <c r="AM1345" s="84"/>
    </row>
    <row r="1346" spans="35:39" x14ac:dyDescent="0.35">
      <c r="AI1346" s="84"/>
      <c r="AM1346" s="84"/>
    </row>
    <row r="1347" spans="35:39" x14ac:dyDescent="0.35">
      <c r="AI1347" s="84"/>
      <c r="AM1347" s="84"/>
    </row>
    <row r="1348" spans="35:39" x14ac:dyDescent="0.35">
      <c r="AI1348" s="84"/>
      <c r="AM1348" s="84"/>
    </row>
    <row r="1349" spans="35:39" x14ac:dyDescent="0.35">
      <c r="AI1349" s="84"/>
      <c r="AM1349" s="84"/>
    </row>
    <row r="1350" spans="35:39" x14ac:dyDescent="0.35">
      <c r="AI1350" s="84"/>
      <c r="AM1350" s="84"/>
    </row>
    <row r="1351" spans="35:39" x14ac:dyDescent="0.35">
      <c r="AI1351" s="84"/>
      <c r="AM1351" s="84"/>
    </row>
    <row r="1352" spans="35:39" x14ac:dyDescent="0.35">
      <c r="AI1352" s="84"/>
      <c r="AM1352" s="84"/>
    </row>
    <row r="1353" spans="35:39" x14ac:dyDescent="0.35">
      <c r="AI1353" s="84"/>
      <c r="AM1353" s="84"/>
    </row>
    <row r="1354" spans="35:39" x14ac:dyDescent="0.35">
      <c r="AI1354" s="84"/>
      <c r="AM1354" s="84"/>
    </row>
    <row r="1355" spans="35:39" x14ac:dyDescent="0.35">
      <c r="AI1355" s="84"/>
      <c r="AM1355" s="84"/>
    </row>
    <row r="1356" spans="35:39" x14ac:dyDescent="0.35">
      <c r="AI1356" s="84"/>
      <c r="AM1356" s="84"/>
    </row>
    <row r="1357" spans="35:39" x14ac:dyDescent="0.35">
      <c r="AI1357" s="84"/>
      <c r="AM1357" s="84"/>
    </row>
    <row r="1358" spans="35:39" x14ac:dyDescent="0.35">
      <c r="AI1358" s="84"/>
      <c r="AM1358" s="84"/>
    </row>
    <row r="1359" spans="35:39" x14ac:dyDescent="0.35">
      <c r="AI1359" s="84"/>
      <c r="AM1359" s="84"/>
    </row>
    <row r="1360" spans="35:39" x14ac:dyDescent="0.35">
      <c r="AI1360" s="84"/>
      <c r="AM1360" s="84"/>
    </row>
    <row r="1361" spans="35:39" x14ac:dyDescent="0.35">
      <c r="AI1361" s="84"/>
      <c r="AM1361" s="84"/>
    </row>
    <row r="1362" spans="35:39" x14ac:dyDescent="0.35">
      <c r="AI1362" s="84"/>
      <c r="AM1362" s="84"/>
    </row>
    <row r="1363" spans="35:39" x14ac:dyDescent="0.35">
      <c r="AI1363" s="84"/>
      <c r="AM1363" s="84"/>
    </row>
    <row r="1364" spans="35:39" x14ac:dyDescent="0.35">
      <c r="AI1364" s="84"/>
      <c r="AM1364" s="84"/>
    </row>
    <row r="1365" spans="35:39" x14ac:dyDescent="0.35">
      <c r="AI1365" s="84"/>
      <c r="AM1365" s="84"/>
    </row>
    <row r="1366" spans="35:39" x14ac:dyDescent="0.35">
      <c r="AI1366" s="84"/>
      <c r="AM1366" s="84"/>
    </row>
    <row r="1367" spans="35:39" x14ac:dyDescent="0.35">
      <c r="AI1367" s="84"/>
      <c r="AM1367" s="84"/>
    </row>
    <row r="1368" spans="35:39" x14ac:dyDescent="0.35">
      <c r="AI1368" s="84"/>
      <c r="AM1368" s="84"/>
    </row>
    <row r="1369" spans="35:39" x14ac:dyDescent="0.35">
      <c r="AI1369" s="84"/>
      <c r="AM1369" s="84"/>
    </row>
    <row r="1370" spans="35:39" x14ac:dyDescent="0.35">
      <c r="AI1370" s="84"/>
      <c r="AM1370" s="84"/>
    </row>
    <row r="1371" spans="35:39" x14ac:dyDescent="0.35">
      <c r="AI1371" s="84"/>
      <c r="AM1371" s="84"/>
    </row>
    <row r="1372" spans="35:39" x14ac:dyDescent="0.35">
      <c r="AI1372" s="84"/>
      <c r="AM1372" s="84"/>
    </row>
    <row r="1373" spans="35:39" x14ac:dyDescent="0.35">
      <c r="AI1373" s="84"/>
      <c r="AM1373" s="84"/>
    </row>
    <row r="1374" spans="35:39" x14ac:dyDescent="0.35">
      <c r="AI1374" s="84"/>
      <c r="AM1374" s="84"/>
    </row>
    <row r="1375" spans="35:39" x14ac:dyDescent="0.35">
      <c r="AI1375" s="84"/>
      <c r="AM1375" s="84"/>
    </row>
    <row r="1376" spans="35:39" x14ac:dyDescent="0.35">
      <c r="AI1376" s="84"/>
      <c r="AM1376" s="84"/>
    </row>
    <row r="1377" spans="35:39" x14ac:dyDescent="0.35">
      <c r="AI1377" s="84"/>
      <c r="AM1377" s="84"/>
    </row>
    <row r="1378" spans="35:39" x14ac:dyDescent="0.35">
      <c r="AI1378" s="84"/>
      <c r="AM1378" s="84"/>
    </row>
    <row r="1379" spans="35:39" x14ac:dyDescent="0.35">
      <c r="AI1379" s="84"/>
      <c r="AM1379" s="84"/>
    </row>
    <row r="1380" spans="35:39" x14ac:dyDescent="0.35">
      <c r="AI1380" s="84"/>
      <c r="AM1380" s="84"/>
    </row>
    <row r="1381" spans="35:39" x14ac:dyDescent="0.35">
      <c r="AI1381" s="84"/>
      <c r="AM1381" s="84"/>
    </row>
    <row r="1382" spans="35:39" x14ac:dyDescent="0.35">
      <c r="AI1382" s="84"/>
      <c r="AM1382" s="84"/>
    </row>
    <row r="1383" spans="35:39" x14ac:dyDescent="0.35">
      <c r="AI1383" s="84"/>
      <c r="AM1383" s="84"/>
    </row>
    <row r="1384" spans="35:39" x14ac:dyDescent="0.35">
      <c r="AI1384" s="84"/>
      <c r="AM1384" s="84"/>
    </row>
    <row r="1385" spans="35:39" x14ac:dyDescent="0.35">
      <c r="AI1385" s="84"/>
      <c r="AM1385" s="84"/>
    </row>
    <row r="1386" spans="35:39" x14ac:dyDescent="0.35">
      <c r="AI1386" s="84"/>
      <c r="AM1386" s="84"/>
    </row>
    <row r="1387" spans="35:39" x14ac:dyDescent="0.35">
      <c r="AI1387" s="84"/>
      <c r="AM1387" s="84"/>
    </row>
    <row r="1388" spans="35:39" x14ac:dyDescent="0.35">
      <c r="AI1388" s="84"/>
      <c r="AM1388" s="84"/>
    </row>
    <row r="1389" spans="35:39" x14ac:dyDescent="0.35">
      <c r="AI1389" s="84"/>
      <c r="AM1389" s="84"/>
    </row>
    <row r="1390" spans="35:39" x14ac:dyDescent="0.35">
      <c r="AI1390" s="84"/>
      <c r="AM1390" s="84"/>
    </row>
    <row r="1391" spans="35:39" x14ac:dyDescent="0.35">
      <c r="AI1391" s="84"/>
      <c r="AM1391" s="84"/>
    </row>
    <row r="1392" spans="35:39" x14ac:dyDescent="0.35">
      <c r="AI1392" s="84"/>
      <c r="AM1392" s="84"/>
    </row>
    <row r="1393" spans="35:39" x14ac:dyDescent="0.35">
      <c r="AI1393" s="84"/>
      <c r="AM1393" s="84"/>
    </row>
    <row r="1394" spans="35:39" x14ac:dyDescent="0.35">
      <c r="AI1394" s="84"/>
      <c r="AM1394" s="84"/>
    </row>
    <row r="1395" spans="35:39" x14ac:dyDescent="0.35">
      <c r="AI1395" s="84"/>
      <c r="AM1395" s="84"/>
    </row>
    <row r="1396" spans="35:39" x14ac:dyDescent="0.35">
      <c r="AI1396" s="84"/>
      <c r="AM1396" s="84"/>
    </row>
    <row r="1397" spans="35:39" x14ac:dyDescent="0.35">
      <c r="AI1397" s="84"/>
      <c r="AM1397" s="84"/>
    </row>
    <row r="1398" spans="35:39" x14ac:dyDescent="0.35">
      <c r="AI1398" s="84"/>
      <c r="AM1398" s="84"/>
    </row>
    <row r="1399" spans="35:39" x14ac:dyDescent="0.35">
      <c r="AI1399" s="84"/>
      <c r="AM1399" s="84"/>
    </row>
    <row r="1400" spans="35:39" x14ac:dyDescent="0.35">
      <c r="AI1400" s="84"/>
      <c r="AM1400" s="84"/>
    </row>
    <row r="1401" spans="35:39" x14ac:dyDescent="0.35">
      <c r="AI1401" s="84"/>
      <c r="AM1401" s="84"/>
    </row>
    <row r="1402" spans="35:39" x14ac:dyDescent="0.35">
      <c r="AI1402" s="84"/>
      <c r="AM1402" s="84"/>
    </row>
    <row r="1403" spans="35:39" x14ac:dyDescent="0.35">
      <c r="AI1403" s="84"/>
      <c r="AM1403" s="84"/>
    </row>
    <row r="1404" spans="35:39" x14ac:dyDescent="0.35">
      <c r="AI1404" s="84"/>
      <c r="AM1404" s="84"/>
    </row>
    <row r="1405" spans="35:39" x14ac:dyDescent="0.35">
      <c r="AI1405" s="84"/>
      <c r="AM1405" s="84"/>
    </row>
    <row r="1406" spans="35:39" x14ac:dyDescent="0.35">
      <c r="AI1406" s="84"/>
      <c r="AM1406" s="84"/>
    </row>
    <row r="1407" spans="35:39" x14ac:dyDescent="0.35">
      <c r="AI1407" s="84"/>
      <c r="AM1407" s="84"/>
    </row>
    <row r="1408" spans="35:39" x14ac:dyDescent="0.35">
      <c r="AI1408" s="84"/>
      <c r="AM1408" s="84"/>
    </row>
    <row r="1409" spans="35:39" x14ac:dyDescent="0.35">
      <c r="AI1409" s="84"/>
      <c r="AM1409" s="84"/>
    </row>
    <row r="1410" spans="35:39" x14ac:dyDescent="0.35">
      <c r="AI1410" s="84"/>
      <c r="AM1410" s="84"/>
    </row>
    <row r="1411" spans="35:39" x14ac:dyDescent="0.35">
      <c r="AI1411" s="84"/>
      <c r="AM1411" s="84"/>
    </row>
    <row r="1412" spans="35:39" x14ac:dyDescent="0.35">
      <c r="AI1412" s="84"/>
      <c r="AM1412" s="84"/>
    </row>
    <row r="1413" spans="35:39" x14ac:dyDescent="0.35">
      <c r="AI1413" s="84"/>
      <c r="AM1413" s="84"/>
    </row>
    <row r="1414" spans="35:39" x14ac:dyDescent="0.35">
      <c r="AI1414" s="84"/>
      <c r="AM1414" s="84"/>
    </row>
    <row r="1415" spans="35:39" x14ac:dyDescent="0.35">
      <c r="AI1415" s="84"/>
      <c r="AM1415" s="84"/>
    </row>
    <row r="1416" spans="35:39" x14ac:dyDescent="0.35">
      <c r="AI1416" s="84"/>
      <c r="AM1416" s="84"/>
    </row>
    <row r="1417" spans="35:39" x14ac:dyDescent="0.35">
      <c r="AI1417" s="84"/>
      <c r="AM1417" s="84"/>
    </row>
    <row r="1418" spans="35:39" x14ac:dyDescent="0.35">
      <c r="AI1418" s="84"/>
      <c r="AM1418" s="84"/>
    </row>
    <row r="1419" spans="35:39" x14ac:dyDescent="0.35">
      <c r="AI1419" s="84"/>
      <c r="AM1419" s="84"/>
    </row>
    <row r="1420" spans="35:39" x14ac:dyDescent="0.35">
      <c r="AI1420" s="84"/>
      <c r="AM1420" s="84"/>
    </row>
    <row r="1421" spans="35:39" x14ac:dyDescent="0.35">
      <c r="AI1421" s="84"/>
      <c r="AM1421" s="84"/>
    </row>
    <row r="1422" spans="35:39" x14ac:dyDescent="0.35">
      <c r="AI1422" s="84"/>
      <c r="AM1422" s="84"/>
    </row>
    <row r="1423" spans="35:39" x14ac:dyDescent="0.35">
      <c r="AI1423" s="84"/>
      <c r="AM1423" s="84"/>
    </row>
    <row r="1424" spans="35:39" x14ac:dyDescent="0.35">
      <c r="AI1424" s="84"/>
      <c r="AM1424" s="84"/>
    </row>
    <row r="1425" spans="35:39" x14ac:dyDescent="0.35">
      <c r="AI1425" s="84"/>
      <c r="AM1425" s="84"/>
    </row>
    <row r="1426" spans="35:39" x14ac:dyDescent="0.35">
      <c r="AI1426" s="84"/>
      <c r="AM1426" s="84"/>
    </row>
    <row r="1427" spans="35:39" x14ac:dyDescent="0.35">
      <c r="AI1427" s="84"/>
      <c r="AM1427" s="84"/>
    </row>
    <row r="1428" spans="35:39" x14ac:dyDescent="0.35">
      <c r="AI1428" s="84"/>
      <c r="AM1428" s="84"/>
    </row>
    <row r="1429" spans="35:39" x14ac:dyDescent="0.35">
      <c r="AI1429" s="84"/>
      <c r="AM1429" s="84"/>
    </row>
    <row r="1430" spans="35:39" x14ac:dyDescent="0.35">
      <c r="AI1430" s="84"/>
      <c r="AM1430" s="84"/>
    </row>
    <row r="1431" spans="35:39" x14ac:dyDescent="0.35">
      <c r="AI1431" s="84"/>
      <c r="AM1431" s="84"/>
    </row>
    <row r="1432" spans="35:39" x14ac:dyDescent="0.35">
      <c r="AI1432" s="84"/>
      <c r="AM1432" s="84"/>
    </row>
    <row r="1433" spans="35:39" x14ac:dyDescent="0.35">
      <c r="AI1433" s="84"/>
      <c r="AM1433" s="84"/>
    </row>
    <row r="1434" spans="35:39" x14ac:dyDescent="0.35">
      <c r="AI1434" s="84"/>
      <c r="AM1434" s="84"/>
    </row>
    <row r="1435" spans="35:39" x14ac:dyDescent="0.35">
      <c r="AI1435" s="84"/>
      <c r="AM1435" s="84"/>
    </row>
    <row r="1436" spans="35:39" x14ac:dyDescent="0.35">
      <c r="AI1436" s="84"/>
      <c r="AM1436" s="84"/>
    </row>
    <row r="1437" spans="35:39" x14ac:dyDescent="0.35">
      <c r="AI1437" s="84"/>
      <c r="AM1437" s="84"/>
    </row>
    <row r="1438" spans="35:39" x14ac:dyDescent="0.35">
      <c r="AI1438" s="84"/>
      <c r="AM1438" s="84"/>
    </row>
    <row r="1439" spans="35:39" x14ac:dyDescent="0.35">
      <c r="AI1439" s="84"/>
      <c r="AM1439" s="84"/>
    </row>
    <row r="1440" spans="35:39" x14ac:dyDescent="0.35">
      <c r="AI1440" s="84"/>
      <c r="AM1440" s="84"/>
    </row>
    <row r="1441" spans="35:39" x14ac:dyDescent="0.35">
      <c r="AI1441" s="84"/>
      <c r="AM1441" s="84"/>
    </row>
    <row r="1442" spans="35:39" x14ac:dyDescent="0.35">
      <c r="AI1442" s="84"/>
      <c r="AM1442" s="84"/>
    </row>
    <row r="1443" spans="35:39" x14ac:dyDescent="0.35">
      <c r="AI1443" s="84"/>
      <c r="AM1443" s="84"/>
    </row>
    <row r="1444" spans="35:39" x14ac:dyDescent="0.35">
      <c r="AI1444" s="84"/>
      <c r="AM1444" s="84"/>
    </row>
    <row r="1445" spans="35:39" x14ac:dyDescent="0.35">
      <c r="AI1445" s="84"/>
      <c r="AM1445" s="84"/>
    </row>
    <row r="1446" spans="35:39" x14ac:dyDescent="0.35">
      <c r="AI1446" s="84"/>
      <c r="AM1446" s="84"/>
    </row>
    <row r="1447" spans="35:39" x14ac:dyDescent="0.35">
      <c r="AI1447" s="84"/>
      <c r="AM1447" s="84"/>
    </row>
    <row r="1448" spans="35:39" x14ac:dyDescent="0.35">
      <c r="AI1448" s="84"/>
      <c r="AM1448" s="84"/>
    </row>
    <row r="1449" spans="35:39" x14ac:dyDescent="0.35">
      <c r="AI1449" s="84"/>
      <c r="AM1449" s="84"/>
    </row>
    <row r="1450" spans="35:39" x14ac:dyDescent="0.35">
      <c r="AI1450" s="84"/>
      <c r="AM1450" s="84"/>
    </row>
    <row r="1451" spans="35:39" x14ac:dyDescent="0.35">
      <c r="AI1451" s="84"/>
      <c r="AM1451" s="84"/>
    </row>
    <row r="1452" spans="35:39" x14ac:dyDescent="0.35">
      <c r="AI1452" s="84"/>
      <c r="AM1452" s="84"/>
    </row>
    <row r="1453" spans="35:39" x14ac:dyDescent="0.35">
      <c r="AI1453" s="84"/>
      <c r="AM1453" s="84"/>
    </row>
    <row r="1454" spans="35:39" x14ac:dyDescent="0.35">
      <c r="AI1454" s="84"/>
      <c r="AM1454" s="84"/>
    </row>
    <row r="1455" spans="35:39" x14ac:dyDescent="0.35">
      <c r="AI1455" s="84"/>
      <c r="AM1455" s="84"/>
    </row>
    <row r="1456" spans="35:39" x14ac:dyDescent="0.35">
      <c r="AI1456" s="84"/>
      <c r="AM1456" s="84"/>
    </row>
    <row r="1457" spans="35:39" x14ac:dyDescent="0.35">
      <c r="AI1457" s="84"/>
      <c r="AM1457" s="84"/>
    </row>
    <row r="1458" spans="35:39" x14ac:dyDescent="0.35">
      <c r="AI1458" s="84"/>
      <c r="AM1458" s="84"/>
    </row>
    <row r="1459" spans="35:39" x14ac:dyDescent="0.35">
      <c r="AI1459" s="84"/>
      <c r="AM1459" s="84"/>
    </row>
    <row r="1460" spans="35:39" x14ac:dyDescent="0.35">
      <c r="AI1460" s="84"/>
      <c r="AM1460" s="84"/>
    </row>
    <row r="1461" spans="35:39" x14ac:dyDescent="0.35">
      <c r="AI1461" s="84"/>
      <c r="AM1461" s="84"/>
    </row>
    <row r="1462" spans="35:39" x14ac:dyDescent="0.35">
      <c r="AI1462" s="84"/>
      <c r="AM1462" s="84"/>
    </row>
    <row r="1463" spans="35:39" x14ac:dyDescent="0.35">
      <c r="AI1463" s="84"/>
      <c r="AM1463" s="84"/>
    </row>
    <row r="1464" spans="35:39" x14ac:dyDescent="0.35">
      <c r="AI1464" s="84"/>
      <c r="AM1464" s="84"/>
    </row>
    <row r="1465" spans="35:39" x14ac:dyDescent="0.35">
      <c r="AI1465" s="84"/>
      <c r="AM1465" s="84"/>
    </row>
    <row r="1466" spans="35:39" x14ac:dyDescent="0.35">
      <c r="AI1466" s="84"/>
      <c r="AM1466" s="84"/>
    </row>
    <row r="1467" spans="35:39" x14ac:dyDescent="0.35">
      <c r="AI1467" s="84"/>
      <c r="AM1467" s="84"/>
    </row>
    <row r="1468" spans="35:39" x14ac:dyDescent="0.35">
      <c r="AI1468" s="84"/>
      <c r="AM1468" s="84"/>
    </row>
    <row r="1469" spans="35:39" x14ac:dyDescent="0.35">
      <c r="AI1469" s="84"/>
      <c r="AM1469" s="84"/>
    </row>
    <row r="1470" spans="35:39" x14ac:dyDescent="0.35">
      <c r="AI1470" s="84"/>
      <c r="AM1470" s="84"/>
    </row>
    <row r="1471" spans="35:39" x14ac:dyDescent="0.35">
      <c r="AI1471" s="84"/>
      <c r="AM1471" s="84"/>
    </row>
    <row r="1472" spans="35:39" x14ac:dyDescent="0.35">
      <c r="AI1472" s="84"/>
      <c r="AM1472" s="84"/>
    </row>
    <row r="1473" spans="35:39" x14ac:dyDescent="0.35">
      <c r="AI1473" s="84"/>
      <c r="AM1473" s="84"/>
    </row>
    <row r="1474" spans="35:39" x14ac:dyDescent="0.35">
      <c r="AI1474" s="84"/>
      <c r="AM1474" s="84"/>
    </row>
    <row r="1475" spans="35:39" x14ac:dyDescent="0.35">
      <c r="AI1475" s="84"/>
      <c r="AM1475" s="84"/>
    </row>
    <row r="1476" spans="35:39" x14ac:dyDescent="0.35">
      <c r="AI1476" s="84"/>
      <c r="AM1476" s="84"/>
    </row>
    <row r="1477" spans="35:39" x14ac:dyDescent="0.35">
      <c r="AI1477" s="84"/>
      <c r="AM1477" s="84"/>
    </row>
    <row r="1478" spans="35:39" x14ac:dyDescent="0.35">
      <c r="AI1478" s="84"/>
      <c r="AM1478" s="84"/>
    </row>
    <row r="1479" spans="35:39" x14ac:dyDescent="0.35">
      <c r="AI1479" s="84"/>
      <c r="AM1479" s="84"/>
    </row>
    <row r="1480" spans="35:39" x14ac:dyDescent="0.35">
      <c r="AI1480" s="84"/>
      <c r="AM1480" s="84"/>
    </row>
    <row r="1481" spans="35:39" x14ac:dyDescent="0.35">
      <c r="AI1481" s="84"/>
      <c r="AM1481" s="84"/>
    </row>
    <row r="1482" spans="35:39" x14ac:dyDescent="0.35">
      <c r="AI1482" s="84"/>
      <c r="AM1482" s="84"/>
    </row>
    <row r="1483" spans="35:39" x14ac:dyDescent="0.35">
      <c r="AI1483" s="84"/>
      <c r="AM1483" s="84"/>
    </row>
    <row r="1484" spans="35:39" x14ac:dyDescent="0.35">
      <c r="AI1484" s="84"/>
      <c r="AM1484" s="84"/>
    </row>
    <row r="1485" spans="35:39" x14ac:dyDescent="0.35">
      <c r="AI1485" s="84"/>
      <c r="AM1485" s="84"/>
    </row>
    <row r="1486" spans="35:39" x14ac:dyDescent="0.35">
      <c r="AI1486" s="84"/>
      <c r="AM1486" s="84"/>
    </row>
    <row r="1487" spans="35:39" x14ac:dyDescent="0.35">
      <c r="AI1487" s="84"/>
      <c r="AM1487" s="84"/>
    </row>
    <row r="1488" spans="35:39" x14ac:dyDescent="0.35">
      <c r="AI1488" s="84"/>
      <c r="AM1488" s="84"/>
    </row>
    <row r="1489" spans="35:39" x14ac:dyDescent="0.35">
      <c r="AI1489" s="84"/>
      <c r="AM1489" s="84"/>
    </row>
    <row r="1490" spans="35:39" x14ac:dyDescent="0.35">
      <c r="AI1490" s="84"/>
      <c r="AM1490" s="84"/>
    </row>
    <row r="1491" spans="35:39" x14ac:dyDescent="0.35">
      <c r="AI1491" s="84"/>
      <c r="AM1491" s="84"/>
    </row>
    <row r="1492" spans="35:39" x14ac:dyDescent="0.35">
      <c r="AI1492" s="84"/>
      <c r="AM1492" s="84"/>
    </row>
    <row r="1493" spans="35:39" x14ac:dyDescent="0.35">
      <c r="AI1493" s="84"/>
      <c r="AM1493" s="84"/>
    </row>
    <row r="1494" spans="35:39" x14ac:dyDescent="0.35">
      <c r="AI1494" s="84"/>
      <c r="AM1494" s="84"/>
    </row>
    <row r="1495" spans="35:39" x14ac:dyDescent="0.35">
      <c r="AI1495" s="84"/>
      <c r="AM1495" s="84"/>
    </row>
    <row r="1496" spans="35:39" x14ac:dyDescent="0.35">
      <c r="AI1496" s="84"/>
      <c r="AM1496" s="84"/>
    </row>
    <row r="1497" spans="35:39" x14ac:dyDescent="0.35">
      <c r="AI1497" s="84"/>
      <c r="AM1497" s="84"/>
    </row>
    <row r="1498" spans="35:39" x14ac:dyDescent="0.35">
      <c r="AI1498" s="84"/>
      <c r="AM1498" s="84"/>
    </row>
    <row r="1499" spans="35:39" x14ac:dyDescent="0.35">
      <c r="AI1499" s="84"/>
      <c r="AM1499" s="84"/>
    </row>
    <row r="1500" spans="35:39" x14ac:dyDescent="0.35">
      <c r="AI1500" s="84"/>
      <c r="AM1500" s="84"/>
    </row>
    <row r="1501" spans="35:39" x14ac:dyDescent="0.35">
      <c r="AI1501" s="84"/>
      <c r="AM1501" s="84"/>
    </row>
    <row r="1502" spans="35:39" x14ac:dyDescent="0.35">
      <c r="AI1502" s="84"/>
      <c r="AM1502" s="84"/>
    </row>
    <row r="1503" spans="35:39" x14ac:dyDescent="0.35">
      <c r="AI1503" s="84"/>
      <c r="AM1503" s="84"/>
    </row>
    <row r="1504" spans="35:39" x14ac:dyDescent="0.35">
      <c r="AI1504" s="84"/>
      <c r="AM1504" s="84"/>
    </row>
    <row r="1505" spans="35:39" x14ac:dyDescent="0.35">
      <c r="AI1505" s="84"/>
      <c r="AM1505" s="84"/>
    </row>
    <row r="1506" spans="35:39" x14ac:dyDescent="0.35">
      <c r="AI1506" s="84"/>
      <c r="AM1506" s="84"/>
    </row>
    <row r="1507" spans="35:39" x14ac:dyDescent="0.35">
      <c r="AI1507" s="84"/>
      <c r="AM1507" s="84"/>
    </row>
    <row r="1508" spans="35:39" x14ac:dyDescent="0.35">
      <c r="AI1508" s="84"/>
      <c r="AM1508" s="84"/>
    </row>
    <row r="1509" spans="35:39" x14ac:dyDescent="0.35">
      <c r="AI1509" s="84"/>
      <c r="AM1509" s="84"/>
    </row>
    <row r="1510" spans="35:39" x14ac:dyDescent="0.35">
      <c r="AI1510" s="84"/>
      <c r="AM1510" s="84"/>
    </row>
    <row r="1511" spans="35:39" x14ac:dyDescent="0.35">
      <c r="AI1511" s="84"/>
      <c r="AM1511" s="84"/>
    </row>
    <row r="1512" spans="35:39" x14ac:dyDescent="0.35">
      <c r="AI1512" s="84"/>
      <c r="AM1512" s="84"/>
    </row>
    <row r="1513" spans="35:39" x14ac:dyDescent="0.35">
      <c r="AI1513" s="84"/>
      <c r="AM1513" s="84"/>
    </row>
    <row r="1514" spans="35:39" x14ac:dyDescent="0.35">
      <c r="AI1514" s="84"/>
      <c r="AM1514" s="84"/>
    </row>
    <row r="1515" spans="35:39" x14ac:dyDescent="0.35">
      <c r="AI1515" s="84"/>
      <c r="AM1515" s="84"/>
    </row>
    <row r="1516" spans="35:39" x14ac:dyDescent="0.35">
      <c r="AI1516" s="84"/>
      <c r="AM1516" s="84"/>
    </row>
    <row r="1517" spans="35:39" x14ac:dyDescent="0.35">
      <c r="AI1517" s="84"/>
      <c r="AM1517" s="84"/>
    </row>
    <row r="1518" spans="35:39" x14ac:dyDescent="0.35">
      <c r="AI1518" s="84"/>
      <c r="AM1518" s="84"/>
    </row>
    <row r="1519" spans="35:39" x14ac:dyDescent="0.35">
      <c r="AI1519" s="84"/>
      <c r="AM1519" s="84"/>
    </row>
    <row r="1520" spans="35:39" x14ac:dyDescent="0.35">
      <c r="AI1520" s="84"/>
      <c r="AM1520" s="84"/>
    </row>
    <row r="1521" spans="35:39" x14ac:dyDescent="0.35">
      <c r="AI1521" s="84"/>
      <c r="AM1521" s="84"/>
    </row>
    <row r="1522" spans="35:39" x14ac:dyDescent="0.35">
      <c r="AI1522" s="84"/>
      <c r="AM1522" s="84"/>
    </row>
    <row r="1523" spans="35:39" x14ac:dyDescent="0.35">
      <c r="AI1523" s="84"/>
      <c r="AM1523" s="84"/>
    </row>
    <row r="1524" spans="35:39" x14ac:dyDescent="0.35">
      <c r="AI1524" s="84"/>
      <c r="AM1524" s="84"/>
    </row>
    <row r="1525" spans="35:39" x14ac:dyDescent="0.35">
      <c r="AI1525" s="84"/>
      <c r="AM1525" s="84"/>
    </row>
    <row r="1526" spans="35:39" x14ac:dyDescent="0.35">
      <c r="AI1526" s="84"/>
      <c r="AM1526" s="84"/>
    </row>
    <row r="1527" spans="35:39" x14ac:dyDescent="0.35">
      <c r="AI1527" s="84"/>
      <c r="AM1527" s="84"/>
    </row>
    <row r="1528" spans="35:39" x14ac:dyDescent="0.35">
      <c r="AI1528" s="84"/>
      <c r="AM1528" s="84"/>
    </row>
    <row r="1529" spans="35:39" x14ac:dyDescent="0.35">
      <c r="AI1529" s="84"/>
      <c r="AM1529" s="84"/>
    </row>
    <row r="1530" spans="35:39" x14ac:dyDescent="0.35">
      <c r="AI1530" s="84"/>
      <c r="AM1530" s="84"/>
    </row>
    <row r="1531" spans="35:39" x14ac:dyDescent="0.35">
      <c r="AI1531" s="84"/>
      <c r="AM1531" s="84"/>
    </row>
    <row r="1532" spans="35:39" x14ac:dyDescent="0.35">
      <c r="AI1532" s="84"/>
      <c r="AM1532" s="84"/>
    </row>
    <row r="1533" spans="35:39" x14ac:dyDescent="0.35">
      <c r="AI1533" s="84"/>
      <c r="AM1533" s="84"/>
    </row>
    <row r="1534" spans="35:39" x14ac:dyDescent="0.35">
      <c r="AI1534" s="84"/>
      <c r="AM1534" s="84"/>
    </row>
    <row r="1535" spans="35:39" x14ac:dyDescent="0.35">
      <c r="AI1535" s="84"/>
      <c r="AM1535" s="84"/>
    </row>
    <row r="1536" spans="35:39" x14ac:dyDescent="0.35">
      <c r="AI1536" s="84"/>
      <c r="AM1536" s="84"/>
    </row>
    <row r="1537" spans="35:39" x14ac:dyDescent="0.35">
      <c r="AI1537" s="84"/>
      <c r="AM1537" s="84"/>
    </row>
    <row r="1538" spans="35:39" x14ac:dyDescent="0.35">
      <c r="AI1538" s="84"/>
      <c r="AM1538" s="84"/>
    </row>
    <row r="1539" spans="35:39" x14ac:dyDescent="0.35">
      <c r="AI1539" s="84"/>
      <c r="AM1539" s="84"/>
    </row>
    <row r="1540" spans="35:39" x14ac:dyDescent="0.35">
      <c r="AI1540" s="84"/>
      <c r="AM1540" s="84"/>
    </row>
    <row r="1541" spans="35:39" x14ac:dyDescent="0.35">
      <c r="AI1541" s="84"/>
      <c r="AM1541" s="84"/>
    </row>
    <row r="1542" spans="35:39" x14ac:dyDescent="0.35">
      <c r="AI1542" s="84"/>
      <c r="AM1542" s="84"/>
    </row>
    <row r="1543" spans="35:39" x14ac:dyDescent="0.35">
      <c r="AI1543" s="84"/>
      <c r="AM1543" s="84"/>
    </row>
    <row r="1544" spans="35:39" x14ac:dyDescent="0.35">
      <c r="AI1544" s="84"/>
      <c r="AM1544" s="84"/>
    </row>
    <row r="1545" spans="35:39" x14ac:dyDescent="0.35">
      <c r="AI1545" s="84"/>
      <c r="AM1545" s="84"/>
    </row>
    <row r="1546" spans="35:39" x14ac:dyDescent="0.35">
      <c r="AI1546" s="84"/>
      <c r="AM1546" s="84"/>
    </row>
    <row r="1547" spans="35:39" x14ac:dyDescent="0.35">
      <c r="AI1547" s="84"/>
      <c r="AM1547" s="84"/>
    </row>
    <row r="1548" spans="35:39" x14ac:dyDescent="0.35">
      <c r="AI1548" s="84"/>
      <c r="AM1548" s="84"/>
    </row>
    <row r="1549" spans="35:39" x14ac:dyDescent="0.35">
      <c r="AI1549" s="84"/>
      <c r="AM1549" s="84"/>
    </row>
    <row r="1550" spans="35:39" x14ac:dyDescent="0.35">
      <c r="AI1550" s="84"/>
      <c r="AM1550" s="84"/>
    </row>
    <row r="1551" spans="35:39" x14ac:dyDescent="0.35">
      <c r="AI1551" s="84"/>
      <c r="AM1551" s="84"/>
    </row>
    <row r="1552" spans="35:39" x14ac:dyDescent="0.35">
      <c r="AI1552" s="84"/>
      <c r="AM1552" s="84"/>
    </row>
    <row r="1553" spans="35:39" x14ac:dyDescent="0.35">
      <c r="AI1553" s="84"/>
      <c r="AM1553" s="84"/>
    </row>
    <row r="1554" spans="35:39" x14ac:dyDescent="0.35">
      <c r="AI1554" s="84"/>
      <c r="AM1554" s="84"/>
    </row>
    <row r="1555" spans="35:39" x14ac:dyDescent="0.35">
      <c r="AI1555" s="84"/>
      <c r="AM1555" s="84"/>
    </row>
    <row r="1556" spans="35:39" x14ac:dyDescent="0.35">
      <c r="AI1556" s="84"/>
      <c r="AM1556" s="84"/>
    </row>
    <row r="1557" spans="35:39" x14ac:dyDescent="0.35">
      <c r="AI1557" s="84"/>
      <c r="AM1557" s="84"/>
    </row>
    <row r="1558" spans="35:39" x14ac:dyDescent="0.35">
      <c r="AI1558" s="84"/>
      <c r="AM1558" s="84"/>
    </row>
    <row r="1559" spans="35:39" x14ac:dyDescent="0.35">
      <c r="AI1559" s="84"/>
      <c r="AM1559" s="84"/>
    </row>
    <row r="1560" spans="35:39" x14ac:dyDescent="0.35">
      <c r="AI1560" s="84"/>
      <c r="AM1560" s="84"/>
    </row>
    <row r="1561" spans="35:39" x14ac:dyDescent="0.35">
      <c r="AI1561" s="84"/>
      <c r="AM1561" s="84"/>
    </row>
    <row r="1562" spans="35:39" x14ac:dyDescent="0.35">
      <c r="AI1562" s="84"/>
      <c r="AM1562" s="84"/>
    </row>
    <row r="1563" spans="35:39" x14ac:dyDescent="0.35">
      <c r="AI1563" s="84"/>
      <c r="AM1563" s="84"/>
    </row>
    <row r="1564" spans="35:39" x14ac:dyDescent="0.35">
      <c r="AI1564" s="84"/>
      <c r="AM1564" s="84"/>
    </row>
    <row r="1565" spans="35:39" x14ac:dyDescent="0.35">
      <c r="AI1565" s="84"/>
      <c r="AM1565" s="84"/>
    </row>
    <row r="1566" spans="35:39" x14ac:dyDescent="0.35">
      <c r="AI1566" s="84"/>
      <c r="AM1566" s="84"/>
    </row>
    <row r="1567" spans="35:39" x14ac:dyDescent="0.35">
      <c r="AI1567" s="84"/>
      <c r="AM1567" s="84"/>
    </row>
    <row r="1568" spans="35:39" x14ac:dyDescent="0.35">
      <c r="AI1568" s="84"/>
      <c r="AM1568" s="84"/>
    </row>
    <row r="1569" spans="35:39" x14ac:dyDescent="0.35">
      <c r="AI1569" s="84"/>
      <c r="AM1569" s="84"/>
    </row>
    <row r="1570" spans="35:39" x14ac:dyDescent="0.35">
      <c r="AI1570" s="84"/>
      <c r="AM1570" s="84"/>
    </row>
    <row r="1571" spans="35:39" x14ac:dyDescent="0.35">
      <c r="AI1571" s="84"/>
      <c r="AM1571" s="84"/>
    </row>
    <row r="1572" spans="35:39" x14ac:dyDescent="0.35">
      <c r="AI1572" s="84"/>
      <c r="AM1572" s="84"/>
    </row>
    <row r="1573" spans="35:39" x14ac:dyDescent="0.35">
      <c r="AI1573" s="84"/>
      <c r="AM1573" s="84"/>
    </row>
    <row r="1574" spans="35:39" x14ac:dyDescent="0.35">
      <c r="AI1574" s="84"/>
      <c r="AM1574" s="84"/>
    </row>
    <row r="1575" spans="35:39" x14ac:dyDescent="0.35">
      <c r="AI1575" s="84"/>
      <c r="AM1575" s="84"/>
    </row>
    <row r="1576" spans="35:39" x14ac:dyDescent="0.35">
      <c r="AI1576" s="84"/>
      <c r="AM1576" s="84"/>
    </row>
    <row r="1577" spans="35:39" x14ac:dyDescent="0.35">
      <c r="AI1577" s="84"/>
      <c r="AM1577" s="84"/>
    </row>
    <row r="1578" spans="35:39" x14ac:dyDescent="0.35">
      <c r="AI1578" s="84"/>
      <c r="AM1578" s="84"/>
    </row>
    <row r="1579" spans="35:39" x14ac:dyDescent="0.35">
      <c r="AI1579" s="84"/>
      <c r="AM1579" s="84"/>
    </row>
    <row r="1580" spans="35:39" x14ac:dyDescent="0.35">
      <c r="AI1580" s="84"/>
      <c r="AM1580" s="84"/>
    </row>
    <row r="1581" spans="35:39" x14ac:dyDescent="0.35">
      <c r="AI1581" s="84"/>
      <c r="AM1581" s="84"/>
    </row>
    <row r="1582" spans="35:39" x14ac:dyDescent="0.35">
      <c r="AI1582" s="84"/>
      <c r="AM1582" s="84"/>
    </row>
    <row r="1583" spans="35:39" x14ac:dyDescent="0.35">
      <c r="AI1583" s="84"/>
      <c r="AM1583" s="84"/>
    </row>
    <row r="1584" spans="35:39" x14ac:dyDescent="0.35">
      <c r="AI1584" s="84"/>
      <c r="AM1584" s="84"/>
    </row>
    <row r="1585" spans="35:39" x14ac:dyDescent="0.35">
      <c r="AI1585" s="84"/>
      <c r="AM1585" s="84"/>
    </row>
    <row r="1586" spans="35:39" x14ac:dyDescent="0.35">
      <c r="AI1586" s="84"/>
      <c r="AM1586" s="84"/>
    </row>
    <row r="1587" spans="35:39" x14ac:dyDescent="0.35">
      <c r="AI1587" s="84"/>
      <c r="AM1587" s="84"/>
    </row>
    <row r="1588" spans="35:39" x14ac:dyDescent="0.35">
      <c r="AI1588" s="84"/>
      <c r="AM1588" s="84"/>
    </row>
    <row r="1589" spans="35:39" x14ac:dyDescent="0.35">
      <c r="AI1589" s="84"/>
      <c r="AM1589" s="84"/>
    </row>
    <row r="1590" spans="35:39" x14ac:dyDescent="0.35">
      <c r="AI1590" s="84"/>
      <c r="AM1590" s="84"/>
    </row>
    <row r="1591" spans="35:39" x14ac:dyDescent="0.35">
      <c r="AI1591" s="84"/>
      <c r="AM1591" s="84"/>
    </row>
    <row r="1592" spans="35:39" x14ac:dyDescent="0.35">
      <c r="AI1592" s="84"/>
      <c r="AM1592" s="84"/>
    </row>
    <row r="1593" spans="35:39" x14ac:dyDescent="0.35">
      <c r="AI1593" s="84"/>
      <c r="AM1593" s="84"/>
    </row>
    <row r="1594" spans="35:39" x14ac:dyDescent="0.35">
      <c r="AI1594" s="84"/>
      <c r="AM1594" s="84"/>
    </row>
    <row r="1595" spans="35:39" x14ac:dyDescent="0.35">
      <c r="AI1595" s="84"/>
      <c r="AM1595" s="84"/>
    </row>
    <row r="1596" spans="35:39" x14ac:dyDescent="0.35">
      <c r="AI1596" s="84"/>
      <c r="AM1596" s="84"/>
    </row>
    <row r="1597" spans="35:39" x14ac:dyDescent="0.35">
      <c r="AI1597" s="84"/>
      <c r="AM1597" s="84"/>
    </row>
    <row r="1598" spans="35:39" x14ac:dyDescent="0.35">
      <c r="AI1598" s="84"/>
      <c r="AM1598" s="84"/>
    </row>
    <row r="1599" spans="35:39" x14ac:dyDescent="0.35">
      <c r="AI1599" s="84"/>
      <c r="AM1599" s="84"/>
    </row>
    <row r="1600" spans="35:39" x14ac:dyDescent="0.35">
      <c r="AI1600" s="84"/>
      <c r="AM1600" s="84"/>
    </row>
    <row r="1601" spans="35:39" x14ac:dyDescent="0.35">
      <c r="AI1601" s="84"/>
      <c r="AM1601" s="84"/>
    </row>
    <row r="1602" spans="35:39" x14ac:dyDescent="0.35">
      <c r="AI1602" s="84"/>
      <c r="AM1602" s="84"/>
    </row>
    <row r="1603" spans="35:39" x14ac:dyDescent="0.35">
      <c r="AI1603" s="84"/>
      <c r="AM1603" s="84"/>
    </row>
    <row r="1604" spans="35:39" x14ac:dyDescent="0.35">
      <c r="AI1604" s="84"/>
      <c r="AM1604" s="84"/>
    </row>
    <row r="1605" spans="35:39" x14ac:dyDescent="0.35">
      <c r="AI1605" s="84"/>
      <c r="AM1605" s="84"/>
    </row>
    <row r="1606" spans="35:39" x14ac:dyDescent="0.35">
      <c r="AI1606" s="84"/>
      <c r="AM1606" s="84"/>
    </row>
    <row r="1607" spans="35:39" x14ac:dyDescent="0.35">
      <c r="AI1607" s="84"/>
      <c r="AM1607" s="84"/>
    </row>
    <row r="1608" spans="35:39" x14ac:dyDescent="0.35">
      <c r="AI1608" s="84"/>
      <c r="AM1608" s="84"/>
    </row>
    <row r="1609" spans="35:39" x14ac:dyDescent="0.35">
      <c r="AI1609" s="84"/>
      <c r="AM1609" s="84"/>
    </row>
    <row r="1610" spans="35:39" x14ac:dyDescent="0.35">
      <c r="AI1610" s="84"/>
      <c r="AM1610" s="84"/>
    </row>
    <row r="1611" spans="35:39" x14ac:dyDescent="0.35">
      <c r="AI1611" s="84"/>
      <c r="AM1611" s="84"/>
    </row>
    <row r="1612" spans="35:39" x14ac:dyDescent="0.35">
      <c r="AI1612" s="84"/>
      <c r="AM1612" s="84"/>
    </row>
    <row r="1613" spans="35:39" x14ac:dyDescent="0.35">
      <c r="AI1613" s="84"/>
      <c r="AM1613" s="84"/>
    </row>
    <row r="1614" spans="35:39" x14ac:dyDescent="0.35">
      <c r="AI1614" s="84"/>
      <c r="AM1614" s="84"/>
    </row>
    <row r="1615" spans="35:39" x14ac:dyDescent="0.35">
      <c r="AI1615" s="84"/>
      <c r="AM1615" s="84"/>
    </row>
    <row r="1616" spans="35:39" x14ac:dyDescent="0.35">
      <c r="AI1616" s="84"/>
      <c r="AM1616" s="84"/>
    </row>
    <row r="1617" spans="35:39" x14ac:dyDescent="0.35">
      <c r="AI1617" s="84"/>
      <c r="AM1617" s="84"/>
    </row>
    <row r="1618" spans="35:39" x14ac:dyDescent="0.35">
      <c r="AI1618" s="84"/>
      <c r="AM1618" s="84"/>
    </row>
    <row r="1619" spans="35:39" x14ac:dyDescent="0.35">
      <c r="AI1619" s="84"/>
      <c r="AM1619" s="84"/>
    </row>
    <row r="1620" spans="35:39" x14ac:dyDescent="0.35">
      <c r="AI1620" s="84"/>
      <c r="AM1620" s="84"/>
    </row>
    <row r="1621" spans="35:39" x14ac:dyDescent="0.35">
      <c r="AI1621" s="84"/>
      <c r="AM1621" s="84"/>
    </row>
    <row r="1622" spans="35:39" x14ac:dyDescent="0.35">
      <c r="AI1622" s="84"/>
      <c r="AM1622" s="84"/>
    </row>
    <row r="1623" spans="35:39" x14ac:dyDescent="0.35">
      <c r="AI1623" s="84"/>
      <c r="AM1623" s="84"/>
    </row>
    <row r="1624" spans="35:39" x14ac:dyDescent="0.35">
      <c r="AI1624" s="84"/>
      <c r="AM1624" s="84"/>
    </row>
    <row r="1625" spans="35:39" x14ac:dyDescent="0.35">
      <c r="AI1625" s="84"/>
      <c r="AM1625" s="84"/>
    </row>
    <row r="1626" spans="35:39" x14ac:dyDescent="0.35">
      <c r="AI1626" s="84"/>
      <c r="AM1626" s="84"/>
    </row>
    <row r="1627" spans="35:39" x14ac:dyDescent="0.35">
      <c r="AI1627" s="84"/>
      <c r="AM1627" s="84"/>
    </row>
    <row r="1628" spans="35:39" x14ac:dyDescent="0.35">
      <c r="AI1628" s="84"/>
      <c r="AM1628" s="84"/>
    </row>
    <row r="1629" spans="35:39" x14ac:dyDescent="0.35">
      <c r="AI1629" s="84"/>
      <c r="AM1629" s="84"/>
    </row>
    <row r="1630" spans="35:39" x14ac:dyDescent="0.35">
      <c r="AI1630" s="84"/>
      <c r="AM1630" s="84"/>
    </row>
    <row r="1631" spans="35:39" x14ac:dyDescent="0.35">
      <c r="AI1631" s="84"/>
      <c r="AM1631" s="84"/>
    </row>
    <row r="1632" spans="35:39" x14ac:dyDescent="0.35">
      <c r="AI1632" s="84"/>
      <c r="AM1632" s="84"/>
    </row>
    <row r="1633" spans="35:39" x14ac:dyDescent="0.35">
      <c r="AI1633" s="84"/>
      <c r="AM1633" s="84"/>
    </row>
    <row r="1634" spans="35:39" x14ac:dyDescent="0.35">
      <c r="AI1634" s="84"/>
      <c r="AM1634" s="84"/>
    </row>
    <row r="1635" spans="35:39" x14ac:dyDescent="0.35">
      <c r="AI1635" s="84"/>
      <c r="AM1635" s="84"/>
    </row>
    <row r="1636" spans="35:39" x14ac:dyDescent="0.35">
      <c r="AI1636" s="84"/>
      <c r="AM1636" s="84"/>
    </row>
    <row r="1637" spans="35:39" x14ac:dyDescent="0.35">
      <c r="AI1637" s="84"/>
      <c r="AM1637" s="84"/>
    </row>
    <row r="1638" spans="35:39" x14ac:dyDescent="0.35">
      <c r="AI1638" s="84"/>
      <c r="AM1638" s="84"/>
    </row>
    <row r="1639" spans="35:39" x14ac:dyDescent="0.35">
      <c r="AI1639" s="84"/>
      <c r="AM1639" s="84"/>
    </row>
    <row r="1640" spans="35:39" x14ac:dyDescent="0.35">
      <c r="AI1640" s="84"/>
      <c r="AM1640" s="84"/>
    </row>
    <row r="1641" spans="35:39" x14ac:dyDescent="0.35">
      <c r="AI1641" s="84"/>
      <c r="AM1641" s="84"/>
    </row>
    <row r="1642" spans="35:39" x14ac:dyDescent="0.35">
      <c r="AI1642" s="84"/>
      <c r="AM1642" s="84"/>
    </row>
    <row r="1643" spans="35:39" x14ac:dyDescent="0.35">
      <c r="AI1643" s="84"/>
      <c r="AM1643" s="84"/>
    </row>
    <row r="1644" spans="35:39" x14ac:dyDescent="0.35">
      <c r="AI1644" s="84"/>
      <c r="AM1644" s="84"/>
    </row>
    <row r="1645" spans="35:39" x14ac:dyDescent="0.35">
      <c r="AI1645" s="84"/>
      <c r="AM1645" s="84"/>
    </row>
    <row r="1646" spans="35:39" x14ac:dyDescent="0.35">
      <c r="AI1646" s="84"/>
      <c r="AM1646" s="84"/>
    </row>
    <row r="1647" spans="35:39" x14ac:dyDescent="0.35">
      <c r="AI1647" s="84"/>
      <c r="AM1647" s="84"/>
    </row>
    <row r="1648" spans="35:39" x14ac:dyDescent="0.35">
      <c r="AI1648" s="84"/>
      <c r="AM1648" s="84"/>
    </row>
    <row r="1649" spans="35:39" x14ac:dyDescent="0.35">
      <c r="AI1649" s="84"/>
      <c r="AM1649" s="84"/>
    </row>
    <row r="1650" spans="35:39" x14ac:dyDescent="0.35">
      <c r="AI1650" s="84"/>
      <c r="AM1650" s="84"/>
    </row>
    <row r="1651" spans="35:39" x14ac:dyDescent="0.35">
      <c r="AI1651" s="84"/>
      <c r="AM1651" s="84"/>
    </row>
    <row r="1652" spans="35:39" x14ac:dyDescent="0.35">
      <c r="AI1652" s="84"/>
      <c r="AM1652" s="84"/>
    </row>
    <row r="1653" spans="35:39" x14ac:dyDescent="0.35">
      <c r="AI1653" s="84"/>
      <c r="AM1653" s="84"/>
    </row>
    <row r="1654" spans="35:39" x14ac:dyDescent="0.35">
      <c r="AI1654" s="84"/>
      <c r="AM1654" s="84"/>
    </row>
    <row r="1655" spans="35:39" x14ac:dyDescent="0.35">
      <c r="AI1655" s="84"/>
      <c r="AM1655" s="84"/>
    </row>
    <row r="1656" spans="35:39" x14ac:dyDescent="0.35">
      <c r="AI1656" s="84"/>
      <c r="AM1656" s="84"/>
    </row>
    <row r="1657" spans="35:39" x14ac:dyDescent="0.35">
      <c r="AI1657" s="84"/>
      <c r="AM1657" s="84"/>
    </row>
    <row r="1658" spans="35:39" x14ac:dyDescent="0.35">
      <c r="AI1658" s="84"/>
      <c r="AM1658" s="84"/>
    </row>
    <row r="1659" spans="35:39" x14ac:dyDescent="0.35">
      <c r="AI1659" s="84"/>
      <c r="AM1659" s="84"/>
    </row>
    <row r="1660" spans="35:39" x14ac:dyDescent="0.35">
      <c r="AI1660" s="84"/>
      <c r="AM1660" s="84"/>
    </row>
    <row r="1661" spans="35:39" x14ac:dyDescent="0.35">
      <c r="AI1661" s="84"/>
      <c r="AM1661" s="84"/>
    </row>
    <row r="1662" spans="35:39" x14ac:dyDescent="0.35">
      <c r="AI1662" s="84"/>
      <c r="AM1662" s="84"/>
    </row>
    <row r="1663" spans="35:39" x14ac:dyDescent="0.35">
      <c r="AI1663" s="84"/>
      <c r="AM1663" s="84"/>
    </row>
    <row r="1664" spans="35:39" x14ac:dyDescent="0.35">
      <c r="AI1664" s="84"/>
      <c r="AM1664" s="84"/>
    </row>
    <row r="1665" spans="35:39" x14ac:dyDescent="0.35">
      <c r="AI1665" s="84"/>
      <c r="AM1665" s="84"/>
    </row>
    <row r="1666" spans="35:39" x14ac:dyDescent="0.35">
      <c r="AI1666" s="84"/>
      <c r="AM1666" s="84"/>
    </row>
    <row r="1667" spans="35:39" x14ac:dyDescent="0.35">
      <c r="AI1667" s="84"/>
      <c r="AM1667" s="84"/>
    </row>
    <row r="1668" spans="35:39" x14ac:dyDescent="0.35">
      <c r="AI1668" s="84"/>
      <c r="AM1668" s="84"/>
    </row>
    <row r="1669" spans="35:39" x14ac:dyDescent="0.35">
      <c r="AI1669" s="84"/>
      <c r="AM1669" s="84"/>
    </row>
    <row r="1670" spans="35:39" x14ac:dyDescent="0.35">
      <c r="AI1670" s="84"/>
      <c r="AM1670" s="84"/>
    </row>
    <row r="1671" spans="35:39" x14ac:dyDescent="0.35">
      <c r="AI1671" s="84"/>
      <c r="AM1671" s="84"/>
    </row>
    <row r="1672" spans="35:39" x14ac:dyDescent="0.35">
      <c r="AI1672" s="84"/>
      <c r="AM1672" s="84"/>
    </row>
    <row r="1673" spans="35:39" x14ac:dyDescent="0.35">
      <c r="AI1673" s="84"/>
      <c r="AM1673" s="84"/>
    </row>
    <row r="1674" spans="35:39" x14ac:dyDescent="0.35">
      <c r="AI1674" s="84"/>
      <c r="AM1674" s="84"/>
    </row>
    <row r="1675" spans="35:39" x14ac:dyDescent="0.35">
      <c r="AI1675" s="84"/>
      <c r="AM1675" s="84"/>
    </row>
    <row r="1676" spans="35:39" x14ac:dyDescent="0.35">
      <c r="AI1676" s="84"/>
      <c r="AM1676" s="84"/>
    </row>
    <row r="1677" spans="35:39" x14ac:dyDescent="0.35">
      <c r="AI1677" s="84"/>
      <c r="AM1677" s="84"/>
    </row>
    <row r="1678" spans="35:39" x14ac:dyDescent="0.35">
      <c r="AI1678" s="84"/>
      <c r="AM1678" s="84"/>
    </row>
    <row r="1679" spans="35:39" x14ac:dyDescent="0.35">
      <c r="AI1679" s="84"/>
      <c r="AM1679" s="84"/>
    </row>
    <row r="1680" spans="35:39" x14ac:dyDescent="0.35">
      <c r="AI1680" s="84"/>
      <c r="AM1680" s="84"/>
    </row>
    <row r="1681" spans="35:39" x14ac:dyDescent="0.35">
      <c r="AI1681" s="84"/>
      <c r="AM1681" s="84"/>
    </row>
    <row r="1682" spans="35:39" x14ac:dyDescent="0.35">
      <c r="AI1682" s="84"/>
      <c r="AM1682" s="84"/>
    </row>
    <row r="1683" spans="35:39" x14ac:dyDescent="0.35">
      <c r="AI1683" s="84"/>
      <c r="AM1683" s="84"/>
    </row>
    <row r="1684" spans="35:39" x14ac:dyDescent="0.35">
      <c r="AI1684" s="84"/>
      <c r="AM1684" s="84"/>
    </row>
    <row r="1685" spans="35:39" x14ac:dyDescent="0.35">
      <c r="AI1685" s="84"/>
      <c r="AM1685" s="84"/>
    </row>
    <row r="1686" spans="35:39" x14ac:dyDescent="0.35">
      <c r="AI1686" s="84"/>
      <c r="AM1686" s="84"/>
    </row>
    <row r="1687" spans="35:39" x14ac:dyDescent="0.35">
      <c r="AI1687" s="84"/>
      <c r="AM1687" s="84"/>
    </row>
    <row r="1688" spans="35:39" x14ac:dyDescent="0.35">
      <c r="AI1688" s="84"/>
      <c r="AM1688" s="84"/>
    </row>
    <row r="1689" spans="35:39" x14ac:dyDescent="0.35">
      <c r="AI1689" s="84"/>
      <c r="AM1689" s="84"/>
    </row>
    <row r="1690" spans="35:39" x14ac:dyDescent="0.35">
      <c r="AI1690" s="84"/>
      <c r="AM1690" s="84"/>
    </row>
    <row r="1691" spans="35:39" x14ac:dyDescent="0.35">
      <c r="AI1691" s="84"/>
      <c r="AM1691" s="84"/>
    </row>
    <row r="1692" spans="35:39" x14ac:dyDescent="0.35">
      <c r="AI1692" s="84"/>
      <c r="AM1692" s="84"/>
    </row>
    <row r="1693" spans="35:39" x14ac:dyDescent="0.35">
      <c r="AI1693" s="84"/>
      <c r="AM1693" s="84"/>
    </row>
    <row r="1694" spans="35:39" x14ac:dyDescent="0.35">
      <c r="AI1694" s="84"/>
      <c r="AM1694" s="84"/>
    </row>
    <row r="1695" spans="35:39" x14ac:dyDescent="0.35">
      <c r="AI1695" s="84"/>
      <c r="AM1695" s="84"/>
    </row>
    <row r="1696" spans="35:39" x14ac:dyDescent="0.35">
      <c r="AI1696" s="84"/>
      <c r="AM1696" s="84"/>
    </row>
    <row r="1697" spans="35:39" x14ac:dyDescent="0.35">
      <c r="AI1697" s="84"/>
      <c r="AM1697" s="84"/>
    </row>
    <row r="1698" spans="35:39" x14ac:dyDescent="0.35">
      <c r="AI1698" s="84"/>
      <c r="AM1698" s="84"/>
    </row>
    <row r="1699" spans="35:39" x14ac:dyDescent="0.35">
      <c r="AI1699" s="84"/>
      <c r="AM1699" s="84"/>
    </row>
    <row r="1700" spans="35:39" x14ac:dyDescent="0.35">
      <c r="AI1700" s="84"/>
      <c r="AM1700" s="84"/>
    </row>
    <row r="1701" spans="35:39" x14ac:dyDescent="0.35">
      <c r="AI1701" s="84"/>
      <c r="AM1701" s="84"/>
    </row>
    <row r="1702" spans="35:39" x14ac:dyDescent="0.35">
      <c r="AI1702" s="84"/>
      <c r="AM1702" s="84"/>
    </row>
    <row r="1703" spans="35:39" x14ac:dyDescent="0.35">
      <c r="AI1703" s="84"/>
      <c r="AM1703" s="84"/>
    </row>
    <row r="1704" spans="35:39" x14ac:dyDescent="0.35">
      <c r="AI1704" s="84"/>
      <c r="AM1704" s="84"/>
    </row>
    <row r="1705" spans="35:39" x14ac:dyDescent="0.35">
      <c r="AI1705" s="84"/>
      <c r="AM1705" s="84"/>
    </row>
    <row r="1706" spans="35:39" x14ac:dyDescent="0.35">
      <c r="AI1706" s="84"/>
      <c r="AM1706" s="84"/>
    </row>
    <row r="1707" spans="35:39" x14ac:dyDescent="0.35">
      <c r="AI1707" s="84"/>
      <c r="AM1707" s="84"/>
    </row>
    <row r="1708" spans="35:39" x14ac:dyDescent="0.35">
      <c r="AI1708" s="84"/>
      <c r="AM1708" s="84"/>
    </row>
    <row r="1709" spans="35:39" x14ac:dyDescent="0.35">
      <c r="AI1709" s="84"/>
      <c r="AM1709" s="84"/>
    </row>
    <row r="1710" spans="35:39" x14ac:dyDescent="0.35">
      <c r="AI1710" s="84"/>
      <c r="AM1710" s="84"/>
    </row>
    <row r="1711" spans="35:39" x14ac:dyDescent="0.35">
      <c r="AI1711" s="84"/>
      <c r="AM1711" s="84"/>
    </row>
    <row r="1712" spans="35:39" x14ac:dyDescent="0.35">
      <c r="AI1712" s="84"/>
      <c r="AM1712" s="84"/>
    </row>
    <row r="1713" spans="35:39" x14ac:dyDescent="0.35">
      <c r="AI1713" s="84"/>
      <c r="AM1713" s="84"/>
    </row>
    <row r="1714" spans="35:39" x14ac:dyDescent="0.35">
      <c r="AI1714" s="84"/>
      <c r="AM1714" s="84"/>
    </row>
    <row r="1715" spans="35:39" x14ac:dyDescent="0.35">
      <c r="AI1715" s="84"/>
      <c r="AM1715" s="84"/>
    </row>
    <row r="1716" spans="35:39" x14ac:dyDescent="0.35">
      <c r="AI1716" s="84"/>
      <c r="AM1716" s="84"/>
    </row>
    <row r="1717" spans="35:39" x14ac:dyDescent="0.35">
      <c r="AI1717" s="84"/>
      <c r="AM1717" s="84"/>
    </row>
    <row r="1718" spans="35:39" x14ac:dyDescent="0.35">
      <c r="AI1718" s="84"/>
      <c r="AM1718" s="84"/>
    </row>
    <row r="1719" spans="35:39" x14ac:dyDescent="0.35">
      <c r="AI1719" s="84"/>
      <c r="AM1719" s="84"/>
    </row>
    <row r="1720" spans="35:39" x14ac:dyDescent="0.35">
      <c r="AI1720" s="84"/>
      <c r="AM1720" s="84"/>
    </row>
    <row r="1721" spans="35:39" x14ac:dyDescent="0.35">
      <c r="AI1721" s="84"/>
      <c r="AM1721" s="84"/>
    </row>
    <row r="1722" spans="35:39" x14ac:dyDescent="0.35">
      <c r="AI1722" s="84"/>
      <c r="AM1722" s="84"/>
    </row>
    <row r="1723" spans="35:39" x14ac:dyDescent="0.35">
      <c r="AI1723" s="84"/>
      <c r="AM1723" s="84"/>
    </row>
    <row r="1724" spans="35:39" x14ac:dyDescent="0.35">
      <c r="AI1724" s="84"/>
      <c r="AM1724" s="84"/>
    </row>
    <row r="1725" spans="35:39" x14ac:dyDescent="0.35">
      <c r="AI1725" s="84"/>
      <c r="AM1725" s="84"/>
    </row>
    <row r="1726" spans="35:39" x14ac:dyDescent="0.35">
      <c r="AI1726" s="84"/>
      <c r="AM1726" s="84"/>
    </row>
    <row r="1727" spans="35:39" x14ac:dyDescent="0.35">
      <c r="AI1727" s="84"/>
      <c r="AM1727" s="84"/>
    </row>
    <row r="1728" spans="35:39" x14ac:dyDescent="0.35">
      <c r="AI1728" s="84"/>
      <c r="AM1728" s="84"/>
    </row>
    <row r="1729" spans="35:39" x14ac:dyDescent="0.35">
      <c r="AI1729" s="84"/>
      <c r="AM1729" s="84"/>
    </row>
    <row r="1730" spans="35:39" x14ac:dyDescent="0.35">
      <c r="AI1730" s="84"/>
      <c r="AM1730" s="84"/>
    </row>
    <row r="1731" spans="35:39" x14ac:dyDescent="0.35">
      <c r="AI1731" s="84"/>
      <c r="AM1731" s="84"/>
    </row>
    <row r="1732" spans="35:39" x14ac:dyDescent="0.35">
      <c r="AI1732" s="84"/>
      <c r="AM1732" s="84"/>
    </row>
    <row r="1733" spans="35:39" x14ac:dyDescent="0.35">
      <c r="AI1733" s="84"/>
      <c r="AM1733" s="84"/>
    </row>
    <row r="1734" spans="35:39" x14ac:dyDescent="0.35">
      <c r="AI1734" s="84"/>
      <c r="AM1734" s="84"/>
    </row>
    <row r="1735" spans="35:39" x14ac:dyDescent="0.35">
      <c r="AI1735" s="84"/>
      <c r="AM1735" s="84"/>
    </row>
    <row r="1736" spans="35:39" x14ac:dyDescent="0.35">
      <c r="AI1736" s="84"/>
      <c r="AM1736" s="84"/>
    </row>
    <row r="1737" spans="35:39" x14ac:dyDescent="0.35">
      <c r="AI1737" s="84"/>
      <c r="AM1737" s="84"/>
    </row>
    <row r="1738" spans="35:39" x14ac:dyDescent="0.35">
      <c r="AI1738" s="84"/>
      <c r="AM1738" s="84"/>
    </row>
    <row r="1739" spans="35:39" x14ac:dyDescent="0.35">
      <c r="AI1739" s="84"/>
      <c r="AM1739" s="84"/>
    </row>
    <row r="1740" spans="35:39" x14ac:dyDescent="0.35">
      <c r="AI1740" s="84"/>
      <c r="AM1740" s="84"/>
    </row>
    <row r="1741" spans="35:39" x14ac:dyDescent="0.35">
      <c r="AI1741" s="84"/>
      <c r="AM1741" s="84"/>
    </row>
    <row r="1742" spans="35:39" x14ac:dyDescent="0.35">
      <c r="AI1742" s="84"/>
      <c r="AM1742" s="84"/>
    </row>
    <row r="1743" spans="35:39" x14ac:dyDescent="0.35">
      <c r="AI1743" s="84"/>
      <c r="AM1743" s="84"/>
    </row>
    <row r="1744" spans="35:39" x14ac:dyDescent="0.35">
      <c r="AI1744" s="84"/>
      <c r="AM1744" s="84"/>
    </row>
    <row r="1745" spans="35:39" x14ac:dyDescent="0.35">
      <c r="AI1745" s="84"/>
      <c r="AM1745" s="84"/>
    </row>
    <row r="1746" spans="35:39" x14ac:dyDescent="0.35">
      <c r="AI1746" s="84"/>
      <c r="AM1746" s="84"/>
    </row>
    <row r="1747" spans="35:39" x14ac:dyDescent="0.35">
      <c r="AI1747" s="84"/>
      <c r="AM1747" s="84"/>
    </row>
    <row r="1748" spans="35:39" x14ac:dyDescent="0.35">
      <c r="AI1748" s="84"/>
      <c r="AM1748" s="84"/>
    </row>
    <row r="1749" spans="35:39" x14ac:dyDescent="0.35">
      <c r="AI1749" s="84"/>
      <c r="AM1749" s="84"/>
    </row>
    <row r="1750" spans="35:39" x14ac:dyDescent="0.35">
      <c r="AI1750" s="84"/>
      <c r="AM1750" s="84"/>
    </row>
    <row r="1751" spans="35:39" x14ac:dyDescent="0.35">
      <c r="AI1751" s="84"/>
      <c r="AM1751" s="84"/>
    </row>
    <row r="1752" spans="35:39" x14ac:dyDescent="0.35">
      <c r="AI1752" s="84"/>
      <c r="AM1752" s="84"/>
    </row>
    <row r="1753" spans="35:39" x14ac:dyDescent="0.35">
      <c r="AI1753" s="84"/>
      <c r="AM1753" s="84"/>
    </row>
    <row r="1754" spans="35:39" x14ac:dyDescent="0.35">
      <c r="AI1754" s="84"/>
      <c r="AM1754" s="84"/>
    </row>
    <row r="1755" spans="35:39" x14ac:dyDescent="0.35">
      <c r="AI1755" s="84"/>
      <c r="AM1755" s="84"/>
    </row>
    <row r="1756" spans="35:39" x14ac:dyDescent="0.35">
      <c r="AI1756" s="84"/>
      <c r="AM1756" s="84"/>
    </row>
    <row r="1757" spans="35:39" x14ac:dyDescent="0.35">
      <c r="AI1757" s="84"/>
      <c r="AM1757" s="84"/>
    </row>
    <row r="1758" spans="35:39" x14ac:dyDescent="0.35">
      <c r="AI1758" s="84"/>
      <c r="AM1758" s="84"/>
    </row>
    <row r="1759" spans="35:39" x14ac:dyDescent="0.35">
      <c r="AI1759" s="84"/>
      <c r="AM1759" s="84"/>
    </row>
    <row r="1760" spans="35:39" x14ac:dyDescent="0.35">
      <c r="AI1760" s="84"/>
      <c r="AM1760" s="84"/>
    </row>
    <row r="1761" spans="35:39" x14ac:dyDescent="0.35">
      <c r="AI1761" s="84"/>
      <c r="AM1761" s="84"/>
    </row>
    <row r="1762" spans="35:39" x14ac:dyDescent="0.35">
      <c r="AI1762" s="84"/>
      <c r="AM1762" s="84"/>
    </row>
    <row r="1763" spans="35:39" x14ac:dyDescent="0.35">
      <c r="AI1763" s="84"/>
      <c r="AM1763" s="84"/>
    </row>
    <row r="1764" spans="35:39" x14ac:dyDescent="0.35">
      <c r="AI1764" s="84"/>
      <c r="AM1764" s="84"/>
    </row>
    <row r="1765" spans="35:39" x14ac:dyDescent="0.35">
      <c r="AI1765" s="84"/>
      <c r="AM1765" s="84"/>
    </row>
    <row r="1766" spans="35:39" x14ac:dyDescent="0.35">
      <c r="AI1766" s="84"/>
      <c r="AM1766" s="84"/>
    </row>
    <row r="1767" spans="35:39" x14ac:dyDescent="0.35">
      <c r="AI1767" s="84"/>
      <c r="AM1767" s="84"/>
    </row>
    <row r="1768" spans="35:39" x14ac:dyDescent="0.35">
      <c r="AI1768" s="84"/>
      <c r="AM1768" s="84"/>
    </row>
    <row r="1769" spans="35:39" x14ac:dyDescent="0.35">
      <c r="AI1769" s="84"/>
      <c r="AM1769" s="84"/>
    </row>
    <row r="1770" spans="35:39" x14ac:dyDescent="0.35">
      <c r="AI1770" s="84"/>
      <c r="AM1770" s="84"/>
    </row>
    <row r="1771" spans="35:39" x14ac:dyDescent="0.35">
      <c r="AI1771" s="84"/>
      <c r="AM1771" s="84"/>
    </row>
    <row r="1772" spans="35:39" x14ac:dyDescent="0.35">
      <c r="AI1772" s="84"/>
      <c r="AM1772" s="84"/>
    </row>
    <row r="1773" spans="35:39" x14ac:dyDescent="0.35">
      <c r="AI1773" s="84"/>
      <c r="AM1773" s="84"/>
    </row>
    <row r="1774" spans="35:39" x14ac:dyDescent="0.35">
      <c r="AI1774" s="84"/>
      <c r="AM1774" s="84"/>
    </row>
    <row r="1775" spans="35:39" x14ac:dyDescent="0.35">
      <c r="AI1775" s="84"/>
      <c r="AM1775" s="84"/>
    </row>
    <row r="1776" spans="35:39" x14ac:dyDescent="0.35">
      <c r="AI1776" s="84"/>
      <c r="AM1776" s="84"/>
    </row>
    <row r="1777" spans="35:39" x14ac:dyDescent="0.35">
      <c r="AI1777" s="84"/>
      <c r="AM1777" s="84"/>
    </row>
    <row r="1778" spans="35:39" x14ac:dyDescent="0.35">
      <c r="AI1778" s="84"/>
      <c r="AM1778" s="84"/>
    </row>
    <row r="1779" spans="35:39" x14ac:dyDescent="0.35">
      <c r="AI1779" s="84"/>
      <c r="AM1779" s="84"/>
    </row>
    <row r="1780" spans="35:39" x14ac:dyDescent="0.35">
      <c r="AI1780" s="84"/>
      <c r="AM1780" s="84"/>
    </row>
    <row r="1781" spans="35:39" x14ac:dyDescent="0.35">
      <c r="AI1781" s="84"/>
      <c r="AM1781" s="84"/>
    </row>
    <row r="1782" spans="35:39" x14ac:dyDescent="0.35">
      <c r="AI1782" s="84"/>
      <c r="AM1782" s="84"/>
    </row>
    <row r="1783" spans="35:39" x14ac:dyDescent="0.35">
      <c r="AI1783" s="84"/>
      <c r="AM1783" s="84"/>
    </row>
    <row r="1784" spans="35:39" x14ac:dyDescent="0.35">
      <c r="AI1784" s="84"/>
      <c r="AM1784" s="84"/>
    </row>
    <row r="1785" spans="35:39" x14ac:dyDescent="0.35">
      <c r="AI1785" s="84"/>
      <c r="AM1785" s="84"/>
    </row>
    <row r="1786" spans="35:39" x14ac:dyDescent="0.35">
      <c r="AI1786" s="84"/>
      <c r="AM1786" s="84"/>
    </row>
    <row r="1787" spans="35:39" x14ac:dyDescent="0.35">
      <c r="AI1787" s="84"/>
      <c r="AM1787" s="84"/>
    </row>
    <row r="1788" spans="35:39" x14ac:dyDescent="0.35">
      <c r="AI1788" s="84"/>
      <c r="AM1788" s="84"/>
    </row>
    <row r="1789" spans="35:39" x14ac:dyDescent="0.35">
      <c r="AI1789" s="84"/>
      <c r="AM1789" s="84"/>
    </row>
    <row r="1790" spans="35:39" x14ac:dyDescent="0.35">
      <c r="AI1790" s="84"/>
      <c r="AM1790" s="84"/>
    </row>
    <row r="1791" spans="35:39" x14ac:dyDescent="0.35">
      <c r="AI1791" s="84"/>
      <c r="AM1791" s="84"/>
    </row>
    <row r="1792" spans="35:39" x14ac:dyDescent="0.35">
      <c r="AI1792" s="84"/>
      <c r="AM1792" s="84"/>
    </row>
    <row r="1793" spans="35:39" x14ac:dyDescent="0.35">
      <c r="AI1793" s="84"/>
      <c r="AM1793" s="84"/>
    </row>
    <row r="1794" spans="35:39" x14ac:dyDescent="0.35">
      <c r="AI1794" s="84"/>
      <c r="AM1794" s="84"/>
    </row>
    <row r="1795" spans="35:39" x14ac:dyDescent="0.35">
      <c r="AI1795" s="84"/>
      <c r="AM1795" s="84"/>
    </row>
    <row r="1796" spans="35:39" x14ac:dyDescent="0.35">
      <c r="AI1796" s="84"/>
      <c r="AM1796" s="84"/>
    </row>
    <row r="1797" spans="35:39" x14ac:dyDescent="0.35">
      <c r="AI1797" s="84"/>
      <c r="AM1797" s="84"/>
    </row>
    <row r="1798" spans="35:39" x14ac:dyDescent="0.35">
      <c r="AI1798" s="84"/>
      <c r="AM1798" s="84"/>
    </row>
    <row r="1799" spans="35:39" x14ac:dyDescent="0.35">
      <c r="AI1799" s="84"/>
      <c r="AM1799" s="84"/>
    </row>
    <row r="1800" spans="35:39" x14ac:dyDescent="0.35">
      <c r="AI1800" s="84"/>
      <c r="AM1800" s="84"/>
    </row>
    <row r="1801" spans="35:39" x14ac:dyDescent="0.35">
      <c r="AI1801" s="84"/>
      <c r="AM1801" s="84"/>
    </row>
    <row r="1802" spans="35:39" x14ac:dyDescent="0.35">
      <c r="AI1802" s="84"/>
      <c r="AM1802" s="84"/>
    </row>
    <row r="1803" spans="35:39" x14ac:dyDescent="0.35">
      <c r="AI1803" s="84"/>
      <c r="AM1803" s="84"/>
    </row>
    <row r="1804" spans="35:39" x14ac:dyDescent="0.35">
      <c r="AI1804" s="84"/>
      <c r="AM1804" s="84"/>
    </row>
    <row r="1805" spans="35:39" x14ac:dyDescent="0.35">
      <c r="AI1805" s="84"/>
      <c r="AM1805" s="84"/>
    </row>
    <row r="1806" spans="35:39" x14ac:dyDescent="0.35">
      <c r="AI1806" s="84"/>
      <c r="AM1806" s="84"/>
    </row>
    <row r="1807" spans="35:39" x14ac:dyDescent="0.35">
      <c r="AI1807" s="84"/>
      <c r="AM1807" s="84"/>
    </row>
    <row r="1808" spans="35:39" x14ac:dyDescent="0.35">
      <c r="AI1808" s="84"/>
      <c r="AM1808" s="84"/>
    </row>
    <row r="1809" spans="35:39" x14ac:dyDescent="0.35">
      <c r="AI1809" s="84"/>
      <c r="AM1809" s="84"/>
    </row>
    <row r="1810" spans="35:39" x14ac:dyDescent="0.35">
      <c r="AI1810" s="84"/>
      <c r="AM1810" s="84"/>
    </row>
    <row r="1811" spans="35:39" x14ac:dyDescent="0.35">
      <c r="AI1811" s="84"/>
      <c r="AM1811" s="84"/>
    </row>
    <row r="1812" spans="35:39" x14ac:dyDescent="0.35">
      <c r="AI1812" s="84"/>
      <c r="AM1812" s="84"/>
    </row>
    <row r="1813" spans="35:39" x14ac:dyDescent="0.35">
      <c r="AI1813" s="84"/>
      <c r="AM1813" s="84"/>
    </row>
    <row r="1814" spans="35:39" x14ac:dyDescent="0.35">
      <c r="AI1814" s="84"/>
      <c r="AM1814" s="84"/>
    </row>
    <row r="1815" spans="35:39" x14ac:dyDescent="0.35">
      <c r="AI1815" s="84"/>
      <c r="AM1815" s="84"/>
    </row>
    <row r="1816" spans="35:39" x14ac:dyDescent="0.35">
      <c r="AI1816" s="84"/>
      <c r="AM1816" s="84"/>
    </row>
    <row r="1817" spans="35:39" x14ac:dyDescent="0.35">
      <c r="AI1817" s="84"/>
      <c r="AM1817" s="84"/>
    </row>
    <row r="1818" spans="35:39" x14ac:dyDescent="0.35">
      <c r="AI1818" s="84"/>
      <c r="AM1818" s="84"/>
    </row>
    <row r="1819" spans="35:39" x14ac:dyDescent="0.35">
      <c r="AI1819" s="84"/>
      <c r="AM1819" s="84"/>
    </row>
    <row r="1820" spans="35:39" x14ac:dyDescent="0.35">
      <c r="AI1820" s="84"/>
      <c r="AM1820" s="84"/>
    </row>
    <row r="1821" spans="35:39" x14ac:dyDescent="0.35">
      <c r="AI1821" s="84"/>
      <c r="AM1821" s="84"/>
    </row>
    <row r="1822" spans="35:39" x14ac:dyDescent="0.35">
      <c r="AI1822" s="84"/>
      <c r="AM1822" s="84"/>
    </row>
    <row r="1823" spans="35:39" x14ac:dyDescent="0.35">
      <c r="AI1823" s="84"/>
      <c r="AM1823" s="84"/>
    </row>
    <row r="1824" spans="35:39" x14ac:dyDescent="0.35">
      <c r="AI1824" s="84"/>
      <c r="AM1824" s="84"/>
    </row>
    <row r="1825" spans="35:39" x14ac:dyDescent="0.35">
      <c r="AI1825" s="84"/>
      <c r="AM1825" s="84"/>
    </row>
    <row r="1826" spans="35:39" x14ac:dyDescent="0.35">
      <c r="AI1826" s="84"/>
      <c r="AM1826" s="84"/>
    </row>
    <row r="1827" spans="35:39" x14ac:dyDescent="0.35">
      <c r="AI1827" s="84"/>
      <c r="AM1827" s="84"/>
    </row>
    <row r="1828" spans="35:39" x14ac:dyDescent="0.35">
      <c r="AI1828" s="84"/>
      <c r="AM1828" s="84"/>
    </row>
    <row r="1829" spans="35:39" x14ac:dyDescent="0.35">
      <c r="AI1829" s="84"/>
      <c r="AM1829" s="84"/>
    </row>
    <row r="1830" spans="35:39" x14ac:dyDescent="0.35">
      <c r="AI1830" s="84"/>
      <c r="AM1830" s="84"/>
    </row>
    <row r="1831" spans="35:39" x14ac:dyDescent="0.35">
      <c r="AI1831" s="84"/>
      <c r="AM1831" s="84"/>
    </row>
    <row r="1832" spans="35:39" x14ac:dyDescent="0.35">
      <c r="AI1832" s="84"/>
      <c r="AM1832" s="84"/>
    </row>
    <row r="1833" spans="35:39" x14ac:dyDescent="0.35">
      <c r="AI1833" s="84"/>
      <c r="AM1833" s="84"/>
    </row>
    <row r="1834" spans="35:39" x14ac:dyDescent="0.35">
      <c r="AI1834" s="84"/>
      <c r="AM1834" s="84"/>
    </row>
    <row r="1835" spans="35:39" x14ac:dyDescent="0.35">
      <c r="AI1835" s="84"/>
      <c r="AM1835" s="84"/>
    </row>
    <row r="1836" spans="35:39" x14ac:dyDescent="0.35">
      <c r="AI1836" s="84"/>
      <c r="AM1836" s="84"/>
    </row>
    <row r="1837" spans="35:39" x14ac:dyDescent="0.35">
      <c r="AI1837" s="84"/>
      <c r="AM1837" s="84"/>
    </row>
    <row r="1838" spans="35:39" x14ac:dyDescent="0.35">
      <c r="AI1838" s="84"/>
      <c r="AM1838" s="84"/>
    </row>
    <row r="1839" spans="35:39" x14ac:dyDescent="0.35">
      <c r="AI1839" s="84"/>
      <c r="AM1839" s="84"/>
    </row>
    <row r="1840" spans="35:39" x14ac:dyDescent="0.35">
      <c r="AI1840" s="84"/>
      <c r="AM1840" s="84"/>
    </row>
    <row r="1841" spans="35:39" x14ac:dyDescent="0.35">
      <c r="AI1841" s="84"/>
      <c r="AM1841" s="84"/>
    </row>
    <row r="1842" spans="35:39" x14ac:dyDescent="0.35">
      <c r="AI1842" s="84"/>
      <c r="AM1842" s="84"/>
    </row>
    <row r="1843" spans="35:39" x14ac:dyDescent="0.35">
      <c r="AI1843" s="84"/>
      <c r="AM1843" s="84"/>
    </row>
    <row r="1844" spans="35:39" x14ac:dyDescent="0.35">
      <c r="AI1844" s="84"/>
      <c r="AM1844" s="84"/>
    </row>
    <row r="1845" spans="35:39" x14ac:dyDescent="0.35">
      <c r="AI1845" s="84"/>
      <c r="AM1845" s="84"/>
    </row>
    <row r="1846" spans="35:39" x14ac:dyDescent="0.35">
      <c r="AI1846" s="84"/>
      <c r="AM1846" s="84"/>
    </row>
    <row r="1847" spans="35:39" x14ac:dyDescent="0.35">
      <c r="AI1847" s="84"/>
      <c r="AM1847" s="84"/>
    </row>
    <row r="1848" spans="35:39" x14ac:dyDescent="0.35">
      <c r="AI1848" s="84"/>
      <c r="AM1848" s="84"/>
    </row>
    <row r="1849" spans="35:39" x14ac:dyDescent="0.35">
      <c r="AI1849" s="84"/>
      <c r="AM1849" s="84"/>
    </row>
    <row r="1850" spans="35:39" x14ac:dyDescent="0.35">
      <c r="AI1850" s="84"/>
      <c r="AM1850" s="84"/>
    </row>
    <row r="1851" spans="35:39" x14ac:dyDescent="0.35">
      <c r="AI1851" s="84"/>
      <c r="AM1851" s="84"/>
    </row>
    <row r="1852" spans="35:39" x14ac:dyDescent="0.35">
      <c r="AI1852" s="84"/>
      <c r="AM1852" s="84"/>
    </row>
    <row r="1853" spans="35:39" x14ac:dyDescent="0.35">
      <c r="AI1853" s="84"/>
      <c r="AM1853" s="84"/>
    </row>
    <row r="1854" spans="35:39" x14ac:dyDescent="0.35">
      <c r="AI1854" s="84"/>
      <c r="AM1854" s="84"/>
    </row>
    <row r="1855" spans="35:39" x14ac:dyDescent="0.35">
      <c r="AI1855" s="84"/>
      <c r="AM1855" s="84"/>
    </row>
    <row r="1856" spans="35:39" x14ac:dyDescent="0.35">
      <c r="AI1856" s="84"/>
      <c r="AM1856" s="84"/>
    </row>
    <row r="1857" spans="35:39" x14ac:dyDescent="0.35">
      <c r="AI1857" s="84"/>
      <c r="AM1857" s="84"/>
    </row>
    <row r="1858" spans="35:39" x14ac:dyDescent="0.35">
      <c r="AI1858" s="84"/>
      <c r="AM1858" s="84"/>
    </row>
    <row r="1859" spans="35:39" x14ac:dyDescent="0.35">
      <c r="AI1859" s="84"/>
      <c r="AM1859" s="84"/>
    </row>
    <row r="1860" spans="35:39" x14ac:dyDescent="0.35">
      <c r="AI1860" s="84"/>
      <c r="AM1860" s="84"/>
    </row>
    <row r="1861" spans="35:39" x14ac:dyDescent="0.35">
      <c r="AI1861" s="84"/>
      <c r="AM1861" s="84"/>
    </row>
    <row r="1862" spans="35:39" x14ac:dyDescent="0.35">
      <c r="AI1862" s="84"/>
      <c r="AM1862" s="84"/>
    </row>
    <row r="1863" spans="35:39" x14ac:dyDescent="0.35">
      <c r="AI1863" s="84"/>
      <c r="AM1863" s="84"/>
    </row>
    <row r="1864" spans="35:39" x14ac:dyDescent="0.35">
      <c r="AI1864" s="84"/>
      <c r="AM1864" s="84"/>
    </row>
    <row r="1865" spans="35:39" x14ac:dyDescent="0.35">
      <c r="AI1865" s="84"/>
      <c r="AM1865" s="84"/>
    </row>
    <row r="1866" spans="35:39" x14ac:dyDescent="0.35">
      <c r="AI1866" s="84"/>
      <c r="AM1866" s="84"/>
    </row>
    <row r="1867" spans="35:39" x14ac:dyDescent="0.35">
      <c r="AI1867" s="84"/>
      <c r="AM1867" s="84"/>
    </row>
    <row r="1868" spans="35:39" x14ac:dyDescent="0.35">
      <c r="AI1868" s="84"/>
      <c r="AM1868" s="84"/>
    </row>
    <row r="1869" spans="35:39" x14ac:dyDescent="0.35">
      <c r="AI1869" s="84"/>
      <c r="AM1869" s="84"/>
    </row>
    <row r="1870" spans="35:39" x14ac:dyDescent="0.35">
      <c r="AI1870" s="84"/>
      <c r="AM1870" s="84"/>
    </row>
    <row r="1871" spans="35:39" x14ac:dyDescent="0.35">
      <c r="AI1871" s="84"/>
      <c r="AM1871" s="84"/>
    </row>
    <row r="1872" spans="35:39" x14ac:dyDescent="0.35">
      <c r="AI1872" s="84"/>
      <c r="AM1872" s="84"/>
    </row>
    <row r="1873" spans="35:39" x14ac:dyDescent="0.35">
      <c r="AI1873" s="84"/>
      <c r="AM1873" s="84"/>
    </row>
    <row r="1874" spans="35:39" x14ac:dyDescent="0.35">
      <c r="AI1874" s="84"/>
      <c r="AM1874" s="84"/>
    </row>
    <row r="1875" spans="35:39" x14ac:dyDescent="0.35">
      <c r="AI1875" s="84"/>
      <c r="AM1875" s="84"/>
    </row>
    <row r="1876" spans="35:39" x14ac:dyDescent="0.35">
      <c r="AI1876" s="84"/>
      <c r="AM1876" s="84"/>
    </row>
    <row r="1877" spans="35:39" x14ac:dyDescent="0.35">
      <c r="AI1877" s="84"/>
      <c r="AM1877" s="84"/>
    </row>
    <row r="1878" spans="35:39" x14ac:dyDescent="0.35">
      <c r="AI1878" s="84"/>
      <c r="AM1878" s="84"/>
    </row>
    <row r="1879" spans="35:39" x14ac:dyDescent="0.35">
      <c r="AI1879" s="84"/>
      <c r="AM1879" s="84"/>
    </row>
    <row r="1880" spans="35:39" x14ac:dyDescent="0.35">
      <c r="AI1880" s="84"/>
      <c r="AM1880" s="84"/>
    </row>
    <row r="1881" spans="35:39" x14ac:dyDescent="0.35">
      <c r="AI1881" s="84"/>
      <c r="AM1881" s="84"/>
    </row>
    <row r="1882" spans="35:39" x14ac:dyDescent="0.35">
      <c r="AI1882" s="84"/>
      <c r="AM1882" s="84"/>
    </row>
    <row r="1883" spans="35:39" x14ac:dyDescent="0.35">
      <c r="AI1883" s="84"/>
      <c r="AM1883" s="84"/>
    </row>
    <row r="1884" spans="35:39" x14ac:dyDescent="0.35">
      <c r="AI1884" s="84"/>
      <c r="AM1884" s="84"/>
    </row>
    <row r="1885" spans="35:39" x14ac:dyDescent="0.35">
      <c r="AI1885" s="84"/>
      <c r="AM1885" s="84"/>
    </row>
    <row r="1886" spans="35:39" x14ac:dyDescent="0.35">
      <c r="AI1886" s="84"/>
      <c r="AM1886" s="84"/>
    </row>
    <row r="1887" spans="35:39" x14ac:dyDescent="0.35">
      <c r="AI1887" s="84"/>
      <c r="AM1887" s="84"/>
    </row>
    <row r="1888" spans="35:39" x14ac:dyDescent="0.35">
      <c r="AI1888" s="84"/>
      <c r="AM1888" s="84"/>
    </row>
    <row r="1889" spans="35:39" x14ac:dyDescent="0.35">
      <c r="AI1889" s="84"/>
      <c r="AM1889" s="84"/>
    </row>
    <row r="1890" spans="35:39" x14ac:dyDescent="0.35">
      <c r="AI1890" s="84"/>
      <c r="AM1890" s="84"/>
    </row>
    <row r="1891" spans="35:39" x14ac:dyDescent="0.35">
      <c r="AI1891" s="84"/>
      <c r="AM1891" s="84"/>
    </row>
    <row r="1892" spans="35:39" x14ac:dyDescent="0.35">
      <c r="AI1892" s="84"/>
      <c r="AM1892" s="84"/>
    </row>
    <row r="1893" spans="35:39" x14ac:dyDescent="0.35">
      <c r="AI1893" s="84"/>
      <c r="AM1893" s="84"/>
    </row>
    <row r="1894" spans="35:39" x14ac:dyDescent="0.35">
      <c r="AI1894" s="84"/>
      <c r="AM1894" s="84"/>
    </row>
    <row r="1895" spans="35:39" x14ac:dyDescent="0.35">
      <c r="AI1895" s="84"/>
      <c r="AM1895" s="84"/>
    </row>
    <row r="1896" spans="35:39" x14ac:dyDescent="0.35">
      <c r="AI1896" s="84"/>
      <c r="AM1896" s="84"/>
    </row>
    <row r="1897" spans="35:39" x14ac:dyDescent="0.35">
      <c r="AI1897" s="84"/>
      <c r="AM1897" s="84"/>
    </row>
    <row r="1898" spans="35:39" x14ac:dyDescent="0.35">
      <c r="AI1898" s="84"/>
      <c r="AM1898" s="84"/>
    </row>
    <row r="1899" spans="35:39" x14ac:dyDescent="0.35">
      <c r="AI1899" s="84"/>
      <c r="AM1899" s="84"/>
    </row>
    <row r="1900" spans="35:39" x14ac:dyDescent="0.35">
      <c r="AI1900" s="84"/>
      <c r="AM1900" s="84"/>
    </row>
    <row r="1901" spans="35:39" x14ac:dyDescent="0.35">
      <c r="AI1901" s="84"/>
      <c r="AM1901" s="84"/>
    </row>
    <row r="1902" spans="35:39" x14ac:dyDescent="0.35">
      <c r="AI1902" s="84"/>
      <c r="AM1902" s="84"/>
    </row>
    <row r="1903" spans="35:39" x14ac:dyDescent="0.35">
      <c r="AI1903" s="84"/>
      <c r="AM1903" s="84"/>
    </row>
    <row r="1904" spans="35:39" x14ac:dyDescent="0.35">
      <c r="AI1904" s="84"/>
      <c r="AM1904" s="84"/>
    </row>
    <row r="1905" spans="35:39" x14ac:dyDescent="0.35">
      <c r="AI1905" s="84"/>
      <c r="AM1905" s="84"/>
    </row>
    <row r="1906" spans="35:39" x14ac:dyDescent="0.35">
      <c r="AI1906" s="84"/>
      <c r="AM1906" s="84"/>
    </row>
    <row r="1907" spans="35:39" x14ac:dyDescent="0.35">
      <c r="AI1907" s="84"/>
      <c r="AM1907" s="84"/>
    </row>
    <row r="1908" spans="35:39" x14ac:dyDescent="0.35">
      <c r="AI1908" s="84"/>
      <c r="AM1908" s="84"/>
    </row>
    <row r="1909" spans="35:39" x14ac:dyDescent="0.35">
      <c r="AI1909" s="84"/>
      <c r="AM1909" s="84"/>
    </row>
    <row r="1910" spans="35:39" x14ac:dyDescent="0.35">
      <c r="AI1910" s="84"/>
      <c r="AM1910" s="84"/>
    </row>
    <row r="1911" spans="35:39" x14ac:dyDescent="0.35">
      <c r="AI1911" s="84"/>
      <c r="AM1911" s="84"/>
    </row>
    <row r="1912" spans="35:39" x14ac:dyDescent="0.35">
      <c r="AI1912" s="84"/>
      <c r="AM1912" s="84"/>
    </row>
    <row r="1913" spans="35:39" x14ac:dyDescent="0.35">
      <c r="AI1913" s="84"/>
      <c r="AM1913" s="84"/>
    </row>
    <row r="1914" spans="35:39" x14ac:dyDescent="0.35">
      <c r="AI1914" s="84"/>
      <c r="AM1914" s="84"/>
    </row>
    <row r="1915" spans="35:39" x14ac:dyDescent="0.35">
      <c r="AI1915" s="84"/>
      <c r="AM1915" s="84"/>
    </row>
    <row r="1916" spans="35:39" x14ac:dyDescent="0.35">
      <c r="AI1916" s="84"/>
      <c r="AM1916" s="84"/>
    </row>
    <row r="1917" spans="35:39" x14ac:dyDescent="0.35">
      <c r="AI1917" s="84"/>
      <c r="AM1917" s="84"/>
    </row>
    <row r="1918" spans="35:39" x14ac:dyDescent="0.35">
      <c r="AI1918" s="84"/>
      <c r="AM1918" s="84"/>
    </row>
    <row r="1919" spans="35:39" x14ac:dyDescent="0.35">
      <c r="AI1919" s="84"/>
      <c r="AM1919" s="84"/>
    </row>
    <row r="1920" spans="35:39" x14ac:dyDescent="0.35">
      <c r="AI1920" s="84"/>
      <c r="AM1920" s="84"/>
    </row>
    <row r="1921" spans="35:39" x14ac:dyDescent="0.35">
      <c r="AI1921" s="84"/>
      <c r="AM1921" s="84"/>
    </row>
    <row r="1922" spans="35:39" x14ac:dyDescent="0.35">
      <c r="AI1922" s="84"/>
      <c r="AM1922" s="84"/>
    </row>
    <row r="1923" spans="35:39" x14ac:dyDescent="0.35">
      <c r="AI1923" s="84"/>
      <c r="AM1923" s="84"/>
    </row>
    <row r="1924" spans="35:39" x14ac:dyDescent="0.35">
      <c r="AI1924" s="84"/>
      <c r="AM1924" s="84"/>
    </row>
    <row r="1925" spans="35:39" x14ac:dyDescent="0.35">
      <c r="AI1925" s="84"/>
      <c r="AM1925" s="84"/>
    </row>
    <row r="1926" spans="35:39" x14ac:dyDescent="0.35">
      <c r="AI1926" s="84"/>
      <c r="AM1926" s="84"/>
    </row>
    <row r="1927" spans="35:39" x14ac:dyDescent="0.35">
      <c r="AI1927" s="84"/>
      <c r="AM1927" s="84"/>
    </row>
    <row r="1928" spans="35:39" x14ac:dyDescent="0.35">
      <c r="AI1928" s="84"/>
      <c r="AM1928" s="84"/>
    </row>
    <row r="1929" spans="35:39" x14ac:dyDescent="0.35">
      <c r="AI1929" s="84"/>
      <c r="AM1929" s="84"/>
    </row>
    <row r="1930" spans="35:39" x14ac:dyDescent="0.35">
      <c r="AI1930" s="84"/>
      <c r="AM1930" s="84"/>
    </row>
    <row r="1931" spans="35:39" x14ac:dyDescent="0.35">
      <c r="AI1931" s="84"/>
      <c r="AM1931" s="84"/>
    </row>
    <row r="1932" spans="35:39" x14ac:dyDescent="0.35">
      <c r="AI1932" s="84"/>
      <c r="AM1932" s="84"/>
    </row>
    <row r="1933" spans="35:39" x14ac:dyDescent="0.35">
      <c r="AI1933" s="84"/>
      <c r="AM1933" s="84"/>
    </row>
    <row r="1934" spans="35:39" x14ac:dyDescent="0.35">
      <c r="AI1934" s="84"/>
      <c r="AM1934" s="84"/>
    </row>
    <row r="1935" spans="35:39" x14ac:dyDescent="0.35">
      <c r="AI1935" s="84"/>
      <c r="AM1935" s="84"/>
    </row>
    <row r="1936" spans="35:39" x14ac:dyDescent="0.35">
      <c r="AI1936" s="84"/>
      <c r="AM1936" s="84"/>
    </row>
    <row r="1937" spans="35:39" x14ac:dyDescent="0.35">
      <c r="AI1937" s="84"/>
      <c r="AM1937" s="84"/>
    </row>
    <row r="1938" spans="35:39" x14ac:dyDescent="0.35">
      <c r="AI1938" s="84"/>
      <c r="AM1938" s="84"/>
    </row>
    <row r="1939" spans="35:39" x14ac:dyDescent="0.35">
      <c r="AI1939" s="84"/>
      <c r="AM1939" s="84"/>
    </row>
    <row r="1940" spans="35:39" x14ac:dyDescent="0.35">
      <c r="AI1940" s="84"/>
      <c r="AM1940" s="84"/>
    </row>
    <row r="1941" spans="35:39" x14ac:dyDescent="0.35">
      <c r="AI1941" s="84"/>
      <c r="AM1941" s="84"/>
    </row>
    <row r="1942" spans="35:39" x14ac:dyDescent="0.35">
      <c r="AI1942" s="84"/>
      <c r="AM1942" s="84"/>
    </row>
    <row r="1943" spans="35:39" x14ac:dyDescent="0.35">
      <c r="AI1943" s="84"/>
      <c r="AM1943" s="84"/>
    </row>
    <row r="1944" spans="35:39" x14ac:dyDescent="0.35">
      <c r="AI1944" s="84"/>
      <c r="AM1944" s="84"/>
    </row>
    <row r="1945" spans="35:39" x14ac:dyDescent="0.35">
      <c r="AI1945" s="84"/>
      <c r="AM1945" s="84"/>
    </row>
    <row r="1946" spans="35:39" x14ac:dyDescent="0.35">
      <c r="AI1946" s="84"/>
      <c r="AM1946" s="84"/>
    </row>
    <row r="1947" spans="35:39" x14ac:dyDescent="0.35">
      <c r="AI1947" s="84"/>
      <c r="AM1947" s="84"/>
    </row>
    <row r="1948" spans="35:39" x14ac:dyDescent="0.35">
      <c r="AI1948" s="84"/>
      <c r="AM1948" s="84"/>
    </row>
    <row r="1949" spans="35:39" x14ac:dyDescent="0.35">
      <c r="AI1949" s="84"/>
      <c r="AM1949" s="84"/>
    </row>
    <row r="1950" spans="35:39" x14ac:dyDescent="0.35">
      <c r="AI1950" s="84"/>
      <c r="AM1950" s="84"/>
    </row>
    <row r="1951" spans="35:39" x14ac:dyDescent="0.35">
      <c r="AI1951" s="84"/>
      <c r="AM1951" s="84"/>
    </row>
    <row r="1952" spans="35:39" x14ac:dyDescent="0.35">
      <c r="AI1952" s="84"/>
      <c r="AM1952" s="84"/>
    </row>
    <row r="1953" spans="35:39" x14ac:dyDescent="0.35">
      <c r="AI1953" s="84"/>
      <c r="AM1953" s="84"/>
    </row>
    <row r="1954" spans="35:39" x14ac:dyDescent="0.35">
      <c r="AI1954" s="84"/>
      <c r="AM1954" s="84"/>
    </row>
    <row r="1955" spans="35:39" x14ac:dyDescent="0.35">
      <c r="AI1955" s="84"/>
      <c r="AM1955" s="84"/>
    </row>
    <row r="1956" spans="35:39" x14ac:dyDescent="0.35">
      <c r="AI1956" s="84"/>
      <c r="AM1956" s="84"/>
    </row>
    <row r="1957" spans="35:39" x14ac:dyDescent="0.35">
      <c r="AI1957" s="84"/>
      <c r="AM1957" s="84"/>
    </row>
    <row r="1958" spans="35:39" x14ac:dyDescent="0.35">
      <c r="AI1958" s="84"/>
      <c r="AM1958" s="84"/>
    </row>
    <row r="1959" spans="35:39" x14ac:dyDescent="0.35">
      <c r="AI1959" s="84"/>
      <c r="AM1959" s="84"/>
    </row>
    <row r="1960" spans="35:39" x14ac:dyDescent="0.35">
      <c r="AI1960" s="84"/>
      <c r="AM1960" s="84"/>
    </row>
    <row r="1961" spans="35:39" x14ac:dyDescent="0.35">
      <c r="AI1961" s="84"/>
      <c r="AM1961" s="84"/>
    </row>
    <row r="1962" spans="35:39" x14ac:dyDescent="0.35">
      <c r="AI1962" s="84"/>
      <c r="AM1962" s="84"/>
    </row>
    <row r="1963" spans="35:39" x14ac:dyDescent="0.35">
      <c r="AI1963" s="84"/>
      <c r="AM1963" s="84"/>
    </row>
    <row r="1964" spans="35:39" x14ac:dyDescent="0.35">
      <c r="AI1964" s="84"/>
      <c r="AM1964" s="84"/>
    </row>
    <row r="1965" spans="35:39" x14ac:dyDescent="0.35">
      <c r="AI1965" s="84"/>
      <c r="AM1965" s="84"/>
    </row>
    <row r="1966" spans="35:39" x14ac:dyDescent="0.35">
      <c r="AI1966" s="84"/>
      <c r="AM1966" s="84"/>
    </row>
    <row r="1967" spans="35:39" x14ac:dyDescent="0.35">
      <c r="AI1967" s="84"/>
      <c r="AM1967" s="84"/>
    </row>
    <row r="1968" spans="35:39" x14ac:dyDescent="0.35">
      <c r="AI1968" s="84"/>
      <c r="AM1968" s="84"/>
    </row>
    <row r="1969" spans="35:39" x14ac:dyDescent="0.35">
      <c r="AI1969" s="84"/>
      <c r="AM1969" s="84"/>
    </row>
    <row r="1970" spans="35:39" x14ac:dyDescent="0.35">
      <c r="AI1970" s="84"/>
      <c r="AM1970" s="84"/>
    </row>
    <row r="1971" spans="35:39" x14ac:dyDescent="0.35">
      <c r="AI1971" s="84"/>
      <c r="AM1971" s="84"/>
    </row>
    <row r="1972" spans="35:39" x14ac:dyDescent="0.35">
      <c r="AI1972" s="84"/>
      <c r="AM1972" s="84"/>
    </row>
    <row r="1973" spans="35:39" x14ac:dyDescent="0.35">
      <c r="AI1973" s="84"/>
      <c r="AM1973" s="84"/>
    </row>
    <row r="1974" spans="35:39" x14ac:dyDescent="0.35">
      <c r="AI1974" s="84"/>
      <c r="AM1974" s="84"/>
    </row>
    <row r="1975" spans="35:39" x14ac:dyDescent="0.35">
      <c r="AI1975" s="84"/>
      <c r="AM1975" s="84"/>
    </row>
    <row r="1976" spans="35:39" x14ac:dyDescent="0.35">
      <c r="AI1976" s="84"/>
      <c r="AM1976" s="84"/>
    </row>
    <row r="1977" spans="35:39" x14ac:dyDescent="0.35">
      <c r="AI1977" s="84"/>
      <c r="AM1977" s="84"/>
    </row>
    <row r="1978" spans="35:39" x14ac:dyDescent="0.35">
      <c r="AI1978" s="84"/>
      <c r="AM1978" s="84"/>
    </row>
    <row r="1979" spans="35:39" x14ac:dyDescent="0.35">
      <c r="AI1979" s="84"/>
      <c r="AM1979" s="84"/>
    </row>
    <row r="1980" spans="35:39" x14ac:dyDescent="0.35">
      <c r="AI1980" s="84"/>
      <c r="AM1980" s="84"/>
    </row>
    <row r="1981" spans="35:39" x14ac:dyDescent="0.35">
      <c r="AI1981" s="84"/>
      <c r="AM1981" s="84"/>
    </row>
    <row r="1982" spans="35:39" x14ac:dyDescent="0.35">
      <c r="AI1982" s="84"/>
      <c r="AM1982" s="84"/>
    </row>
    <row r="1983" spans="35:39" x14ac:dyDescent="0.35">
      <c r="AI1983" s="84"/>
      <c r="AM1983" s="84"/>
    </row>
    <row r="1984" spans="35:39" x14ac:dyDescent="0.35">
      <c r="AI1984" s="84"/>
      <c r="AM1984" s="84"/>
    </row>
    <row r="1985" spans="35:39" x14ac:dyDescent="0.35">
      <c r="AI1985" s="84"/>
      <c r="AM1985" s="84"/>
    </row>
    <row r="1986" spans="35:39" x14ac:dyDescent="0.35">
      <c r="AI1986" s="84"/>
      <c r="AM1986" s="84"/>
    </row>
    <row r="1987" spans="35:39" x14ac:dyDescent="0.35">
      <c r="AI1987" s="84"/>
      <c r="AM1987" s="84"/>
    </row>
    <row r="1988" spans="35:39" x14ac:dyDescent="0.35">
      <c r="AI1988" s="84"/>
      <c r="AM1988" s="84"/>
    </row>
    <row r="1989" spans="35:39" x14ac:dyDescent="0.35">
      <c r="AI1989" s="84"/>
      <c r="AM1989" s="84"/>
    </row>
    <row r="1990" spans="35:39" x14ac:dyDescent="0.35">
      <c r="AI1990" s="84"/>
      <c r="AM1990" s="84"/>
    </row>
    <row r="1991" spans="35:39" x14ac:dyDescent="0.35">
      <c r="AI1991" s="84"/>
      <c r="AM1991" s="84"/>
    </row>
    <row r="1992" spans="35:39" x14ac:dyDescent="0.35">
      <c r="AI1992" s="84"/>
      <c r="AM1992" s="84"/>
    </row>
    <row r="1993" spans="35:39" x14ac:dyDescent="0.35">
      <c r="AI1993" s="84"/>
      <c r="AM1993" s="84"/>
    </row>
    <row r="1994" spans="35:39" x14ac:dyDescent="0.35">
      <c r="AI1994" s="84"/>
      <c r="AM1994" s="84"/>
    </row>
    <row r="1995" spans="35:39" x14ac:dyDescent="0.35">
      <c r="AI1995" s="84"/>
      <c r="AM1995" s="84"/>
    </row>
    <row r="1996" spans="35:39" x14ac:dyDescent="0.35">
      <c r="AI1996" s="84"/>
      <c r="AM1996" s="84"/>
    </row>
    <row r="1997" spans="35:39" x14ac:dyDescent="0.35">
      <c r="AI1997" s="84"/>
      <c r="AM1997" s="84"/>
    </row>
    <row r="1998" spans="35:39" x14ac:dyDescent="0.35">
      <c r="AI1998" s="84"/>
      <c r="AM1998" s="84"/>
    </row>
    <row r="1999" spans="35:39" x14ac:dyDescent="0.35">
      <c r="AI1999" s="84"/>
      <c r="AM1999" s="84"/>
    </row>
    <row r="2000" spans="35:39" x14ac:dyDescent="0.35">
      <c r="AI2000" s="84"/>
      <c r="AM2000" s="84"/>
    </row>
    <row r="2001" spans="35:39" x14ac:dyDescent="0.35">
      <c r="AI2001" s="84"/>
      <c r="AM2001" s="84"/>
    </row>
    <row r="2002" spans="35:39" x14ac:dyDescent="0.35">
      <c r="AI2002" s="84"/>
      <c r="AM2002" s="84"/>
    </row>
    <row r="2003" spans="35:39" x14ac:dyDescent="0.35">
      <c r="AI2003" s="84"/>
      <c r="AM2003" s="84"/>
    </row>
    <row r="2004" spans="35:39" x14ac:dyDescent="0.35">
      <c r="AI2004" s="84"/>
      <c r="AM2004" s="84"/>
    </row>
    <row r="2005" spans="35:39" x14ac:dyDescent="0.35">
      <c r="AI2005" s="84"/>
      <c r="AM2005" s="84"/>
    </row>
    <row r="2006" spans="35:39" x14ac:dyDescent="0.35">
      <c r="AI2006" s="84"/>
      <c r="AM2006" s="84"/>
    </row>
    <row r="2007" spans="35:39" x14ac:dyDescent="0.35">
      <c r="AI2007" s="84"/>
      <c r="AM2007" s="84"/>
    </row>
    <row r="2008" spans="35:39" x14ac:dyDescent="0.35">
      <c r="AI2008" s="84"/>
      <c r="AM2008" s="84"/>
    </row>
    <row r="2009" spans="35:39" x14ac:dyDescent="0.35">
      <c r="AI2009" s="84"/>
      <c r="AM2009" s="84"/>
    </row>
    <row r="2010" spans="35:39" x14ac:dyDescent="0.35">
      <c r="AI2010" s="84"/>
      <c r="AM2010" s="84"/>
    </row>
    <row r="2011" spans="35:39" x14ac:dyDescent="0.35">
      <c r="AI2011" s="84"/>
      <c r="AM2011" s="84"/>
    </row>
    <row r="2012" spans="35:39" x14ac:dyDescent="0.35">
      <c r="AI2012" s="84"/>
      <c r="AM2012" s="84"/>
    </row>
    <row r="2013" spans="35:39" x14ac:dyDescent="0.35">
      <c r="AI2013" s="84"/>
      <c r="AM2013" s="84"/>
    </row>
    <row r="2014" spans="35:39" x14ac:dyDescent="0.35">
      <c r="AI2014" s="84"/>
      <c r="AM2014" s="84"/>
    </row>
    <row r="2015" spans="35:39" x14ac:dyDescent="0.35">
      <c r="AI2015" s="84"/>
      <c r="AM2015" s="84"/>
    </row>
    <row r="2016" spans="35:39" x14ac:dyDescent="0.35">
      <c r="AI2016" s="84"/>
      <c r="AM2016" s="84"/>
    </row>
    <row r="2017" spans="35:39" x14ac:dyDescent="0.35">
      <c r="AI2017" s="84"/>
      <c r="AM2017" s="84"/>
    </row>
    <row r="2018" spans="35:39" x14ac:dyDescent="0.35">
      <c r="AI2018" s="84"/>
      <c r="AM2018" s="84"/>
    </row>
    <row r="2019" spans="35:39" x14ac:dyDescent="0.35">
      <c r="AI2019" s="84"/>
      <c r="AM2019" s="84"/>
    </row>
    <row r="2020" spans="35:39" x14ac:dyDescent="0.35">
      <c r="AI2020" s="84"/>
      <c r="AM2020" s="84"/>
    </row>
    <row r="2021" spans="35:39" x14ac:dyDescent="0.35">
      <c r="AI2021" s="84"/>
      <c r="AM2021" s="84"/>
    </row>
    <row r="2022" spans="35:39" x14ac:dyDescent="0.35">
      <c r="AI2022" s="84"/>
      <c r="AM2022" s="84"/>
    </row>
    <row r="2023" spans="35:39" x14ac:dyDescent="0.35">
      <c r="AI2023" s="84"/>
      <c r="AM2023" s="84"/>
    </row>
    <row r="2024" spans="35:39" x14ac:dyDescent="0.35">
      <c r="AI2024" s="84"/>
      <c r="AM2024" s="84"/>
    </row>
    <row r="2025" spans="35:39" x14ac:dyDescent="0.35">
      <c r="AI2025" s="84"/>
      <c r="AM2025" s="84"/>
    </row>
    <row r="2026" spans="35:39" x14ac:dyDescent="0.35">
      <c r="AI2026" s="84"/>
      <c r="AM2026" s="84"/>
    </row>
    <row r="2027" spans="35:39" x14ac:dyDescent="0.35">
      <c r="AI2027" s="84"/>
      <c r="AM2027" s="84"/>
    </row>
    <row r="2028" spans="35:39" x14ac:dyDescent="0.35">
      <c r="AI2028" s="84"/>
      <c r="AM2028" s="84"/>
    </row>
    <row r="2029" spans="35:39" x14ac:dyDescent="0.35">
      <c r="AI2029" s="84"/>
      <c r="AM2029" s="84"/>
    </row>
    <row r="2030" spans="35:39" x14ac:dyDescent="0.35">
      <c r="AI2030" s="84"/>
      <c r="AM2030" s="84"/>
    </row>
    <row r="2031" spans="35:39" x14ac:dyDescent="0.35">
      <c r="AI2031" s="84"/>
      <c r="AM2031" s="84"/>
    </row>
    <row r="2032" spans="35:39" x14ac:dyDescent="0.35">
      <c r="AI2032" s="84"/>
      <c r="AM2032" s="84"/>
    </row>
    <row r="2033" spans="35:39" x14ac:dyDescent="0.35">
      <c r="AI2033" s="84"/>
      <c r="AM2033" s="84"/>
    </row>
    <row r="2034" spans="35:39" x14ac:dyDescent="0.35">
      <c r="AI2034" s="84"/>
      <c r="AM2034" s="84"/>
    </row>
    <row r="2035" spans="35:39" x14ac:dyDescent="0.35">
      <c r="AI2035" s="84"/>
      <c r="AM2035" s="84"/>
    </row>
    <row r="2036" spans="35:39" x14ac:dyDescent="0.35">
      <c r="AI2036" s="84"/>
      <c r="AM2036" s="84"/>
    </row>
    <row r="2037" spans="35:39" x14ac:dyDescent="0.35">
      <c r="AI2037" s="84"/>
      <c r="AM2037" s="84"/>
    </row>
    <row r="2038" spans="35:39" x14ac:dyDescent="0.35">
      <c r="AI2038" s="84"/>
      <c r="AM2038" s="84"/>
    </row>
    <row r="2039" spans="35:39" x14ac:dyDescent="0.35">
      <c r="AI2039" s="84"/>
      <c r="AM2039" s="84"/>
    </row>
    <row r="2040" spans="35:39" x14ac:dyDescent="0.35">
      <c r="AI2040" s="84"/>
      <c r="AM2040" s="84"/>
    </row>
    <row r="2041" spans="35:39" x14ac:dyDescent="0.35">
      <c r="AI2041" s="84"/>
      <c r="AM2041" s="84"/>
    </row>
    <row r="2042" spans="35:39" x14ac:dyDescent="0.35">
      <c r="AI2042" s="84"/>
      <c r="AM2042" s="84"/>
    </row>
    <row r="2043" spans="35:39" x14ac:dyDescent="0.35">
      <c r="AI2043" s="84"/>
      <c r="AM2043" s="84"/>
    </row>
    <row r="2044" spans="35:39" x14ac:dyDescent="0.35">
      <c r="AI2044" s="84"/>
      <c r="AM2044" s="84"/>
    </row>
    <row r="2045" spans="35:39" x14ac:dyDescent="0.35">
      <c r="AI2045" s="84"/>
      <c r="AM2045" s="84"/>
    </row>
    <row r="2046" spans="35:39" x14ac:dyDescent="0.35">
      <c r="AI2046" s="84"/>
      <c r="AM2046" s="84"/>
    </row>
    <row r="2047" spans="35:39" x14ac:dyDescent="0.35">
      <c r="AI2047" s="84"/>
      <c r="AM2047" s="84"/>
    </row>
    <row r="2048" spans="35:39" x14ac:dyDescent="0.35">
      <c r="AI2048" s="84"/>
      <c r="AM2048" s="84"/>
    </row>
    <row r="2049" spans="35:39" x14ac:dyDescent="0.35">
      <c r="AI2049" s="84"/>
      <c r="AM2049" s="84"/>
    </row>
    <row r="2050" spans="35:39" x14ac:dyDescent="0.35">
      <c r="AI2050" s="84"/>
      <c r="AM2050" s="84"/>
    </row>
    <row r="2051" spans="35:39" x14ac:dyDescent="0.35">
      <c r="AI2051" s="84"/>
      <c r="AM2051" s="84"/>
    </row>
    <row r="2052" spans="35:39" x14ac:dyDescent="0.35">
      <c r="AI2052" s="84"/>
      <c r="AM2052" s="84"/>
    </row>
    <row r="2053" spans="35:39" x14ac:dyDescent="0.35">
      <c r="AI2053" s="84"/>
      <c r="AM2053" s="84"/>
    </row>
    <row r="2054" spans="35:39" x14ac:dyDescent="0.35">
      <c r="AI2054" s="84"/>
      <c r="AM2054" s="84"/>
    </row>
    <row r="2055" spans="35:39" x14ac:dyDescent="0.35">
      <c r="AI2055" s="84"/>
      <c r="AM2055" s="84"/>
    </row>
    <row r="2056" spans="35:39" x14ac:dyDescent="0.35">
      <c r="AI2056" s="84"/>
      <c r="AM2056" s="84"/>
    </row>
    <row r="2057" spans="35:39" x14ac:dyDescent="0.35">
      <c r="AI2057" s="84"/>
      <c r="AM2057" s="84"/>
    </row>
    <row r="2058" spans="35:39" x14ac:dyDescent="0.35">
      <c r="AI2058" s="84"/>
      <c r="AM2058" s="84"/>
    </row>
    <row r="2059" spans="35:39" x14ac:dyDescent="0.35">
      <c r="AI2059" s="84"/>
      <c r="AM2059" s="84"/>
    </row>
    <row r="2060" spans="35:39" x14ac:dyDescent="0.35">
      <c r="AI2060" s="84"/>
      <c r="AM2060" s="84"/>
    </row>
    <row r="2061" spans="35:39" x14ac:dyDescent="0.35">
      <c r="AI2061" s="84"/>
      <c r="AM2061" s="84"/>
    </row>
    <row r="2062" spans="35:39" x14ac:dyDescent="0.35">
      <c r="AI2062" s="84"/>
      <c r="AM2062" s="84"/>
    </row>
    <row r="2063" spans="35:39" x14ac:dyDescent="0.35">
      <c r="AI2063" s="84"/>
      <c r="AM2063" s="84"/>
    </row>
    <row r="2064" spans="35:39" x14ac:dyDescent="0.35">
      <c r="AI2064" s="84"/>
      <c r="AM2064" s="84"/>
    </row>
    <row r="2065" spans="35:39" x14ac:dyDescent="0.35">
      <c r="AI2065" s="84"/>
      <c r="AM2065" s="84"/>
    </row>
    <row r="2066" spans="35:39" x14ac:dyDescent="0.35">
      <c r="AI2066" s="84"/>
      <c r="AM2066" s="84"/>
    </row>
    <row r="2067" spans="35:39" x14ac:dyDescent="0.35">
      <c r="AI2067" s="84"/>
      <c r="AM2067" s="84"/>
    </row>
    <row r="2068" spans="35:39" x14ac:dyDescent="0.35">
      <c r="AI2068" s="84"/>
      <c r="AM2068" s="84"/>
    </row>
    <row r="2069" spans="35:39" x14ac:dyDescent="0.35">
      <c r="AI2069" s="84"/>
      <c r="AM2069" s="84"/>
    </row>
    <row r="2070" spans="35:39" x14ac:dyDescent="0.35">
      <c r="AI2070" s="84"/>
      <c r="AM2070" s="84"/>
    </row>
    <row r="2071" spans="35:39" x14ac:dyDescent="0.35">
      <c r="AI2071" s="84"/>
      <c r="AM2071" s="84"/>
    </row>
    <row r="2072" spans="35:39" x14ac:dyDescent="0.35">
      <c r="AI2072" s="84"/>
      <c r="AM2072" s="84"/>
    </row>
    <row r="2073" spans="35:39" x14ac:dyDescent="0.35">
      <c r="AI2073" s="84"/>
      <c r="AM2073" s="84"/>
    </row>
    <row r="2074" spans="35:39" x14ac:dyDescent="0.35">
      <c r="AI2074" s="84"/>
      <c r="AM2074" s="84"/>
    </row>
    <row r="2075" spans="35:39" x14ac:dyDescent="0.35">
      <c r="AI2075" s="84"/>
      <c r="AM2075" s="84"/>
    </row>
    <row r="2076" spans="35:39" x14ac:dyDescent="0.35">
      <c r="AI2076" s="84"/>
      <c r="AM2076" s="84"/>
    </row>
    <row r="2077" spans="35:39" x14ac:dyDescent="0.35">
      <c r="AI2077" s="84"/>
      <c r="AM2077" s="84"/>
    </row>
    <row r="2078" spans="35:39" x14ac:dyDescent="0.35">
      <c r="AI2078" s="84"/>
      <c r="AM2078" s="84"/>
    </row>
    <row r="2079" spans="35:39" x14ac:dyDescent="0.35">
      <c r="AI2079" s="84"/>
      <c r="AM2079" s="84"/>
    </row>
    <row r="2080" spans="35:39" x14ac:dyDescent="0.35">
      <c r="AI2080" s="84"/>
      <c r="AM2080" s="84"/>
    </row>
    <row r="2081" spans="35:39" x14ac:dyDescent="0.35">
      <c r="AI2081" s="84"/>
      <c r="AM2081" s="84"/>
    </row>
    <row r="2082" spans="35:39" x14ac:dyDescent="0.35">
      <c r="AI2082" s="84"/>
      <c r="AM2082" s="84"/>
    </row>
    <row r="2083" spans="35:39" x14ac:dyDescent="0.35">
      <c r="AI2083" s="84"/>
      <c r="AM2083" s="84"/>
    </row>
    <row r="2084" spans="35:39" x14ac:dyDescent="0.35">
      <c r="AI2084" s="84"/>
      <c r="AM2084" s="84"/>
    </row>
    <row r="2085" spans="35:39" x14ac:dyDescent="0.35">
      <c r="AI2085" s="84"/>
      <c r="AM2085" s="84"/>
    </row>
    <row r="2086" spans="35:39" x14ac:dyDescent="0.35">
      <c r="AI2086" s="84"/>
      <c r="AM2086" s="84"/>
    </row>
    <row r="2087" spans="35:39" x14ac:dyDescent="0.35">
      <c r="AI2087" s="84"/>
      <c r="AM2087" s="84"/>
    </row>
    <row r="2088" spans="35:39" x14ac:dyDescent="0.35">
      <c r="AI2088" s="84"/>
      <c r="AM2088" s="84"/>
    </row>
    <row r="2089" spans="35:39" x14ac:dyDescent="0.35">
      <c r="AI2089" s="84"/>
      <c r="AM2089" s="84"/>
    </row>
    <row r="2090" spans="35:39" x14ac:dyDescent="0.35">
      <c r="AI2090" s="84"/>
      <c r="AM2090" s="84"/>
    </row>
    <row r="2091" spans="35:39" x14ac:dyDescent="0.35">
      <c r="AI2091" s="84"/>
      <c r="AM2091" s="84"/>
    </row>
    <row r="2092" spans="35:39" x14ac:dyDescent="0.35">
      <c r="AI2092" s="84"/>
      <c r="AM2092" s="84"/>
    </row>
    <row r="2093" spans="35:39" x14ac:dyDescent="0.35">
      <c r="AI2093" s="84"/>
      <c r="AM2093" s="84"/>
    </row>
    <row r="2094" spans="35:39" x14ac:dyDescent="0.35">
      <c r="AI2094" s="84"/>
      <c r="AM2094" s="84"/>
    </row>
    <row r="2095" spans="35:39" x14ac:dyDescent="0.35">
      <c r="AI2095" s="84"/>
      <c r="AM2095" s="84"/>
    </row>
    <row r="2096" spans="35:39" x14ac:dyDescent="0.35">
      <c r="AI2096" s="84"/>
      <c r="AM2096" s="84"/>
    </row>
    <row r="2097" spans="35:39" x14ac:dyDescent="0.35">
      <c r="AI2097" s="84"/>
      <c r="AM2097" s="84"/>
    </row>
    <row r="2098" spans="35:39" x14ac:dyDescent="0.35">
      <c r="AI2098" s="84"/>
      <c r="AM2098" s="84"/>
    </row>
    <row r="2099" spans="35:39" x14ac:dyDescent="0.35">
      <c r="AI2099" s="84"/>
      <c r="AM2099" s="84"/>
    </row>
    <row r="2100" spans="35:39" x14ac:dyDescent="0.35">
      <c r="AI2100" s="84"/>
      <c r="AM2100" s="84"/>
    </row>
    <row r="2101" spans="35:39" x14ac:dyDescent="0.35">
      <c r="AI2101" s="84"/>
      <c r="AM2101" s="84"/>
    </row>
    <row r="2102" spans="35:39" x14ac:dyDescent="0.35">
      <c r="AI2102" s="84"/>
      <c r="AM2102" s="84"/>
    </row>
    <row r="2103" spans="35:39" x14ac:dyDescent="0.35">
      <c r="AI2103" s="84"/>
      <c r="AM2103" s="84"/>
    </row>
    <row r="2104" spans="35:39" x14ac:dyDescent="0.35">
      <c r="AI2104" s="84"/>
      <c r="AM2104" s="84"/>
    </row>
    <row r="2105" spans="35:39" x14ac:dyDescent="0.35">
      <c r="AI2105" s="84"/>
      <c r="AM2105" s="84"/>
    </row>
    <row r="2106" spans="35:39" x14ac:dyDescent="0.35">
      <c r="AI2106" s="84"/>
      <c r="AM2106" s="84"/>
    </row>
    <row r="2107" spans="35:39" x14ac:dyDescent="0.35">
      <c r="AI2107" s="84"/>
      <c r="AM2107" s="84"/>
    </row>
    <row r="2108" spans="35:39" x14ac:dyDescent="0.35">
      <c r="AI2108" s="84"/>
      <c r="AM2108" s="84"/>
    </row>
    <row r="2109" spans="35:39" x14ac:dyDescent="0.35">
      <c r="AI2109" s="84"/>
      <c r="AM2109" s="84"/>
    </row>
    <row r="2110" spans="35:39" x14ac:dyDescent="0.35">
      <c r="AI2110" s="84"/>
      <c r="AM2110" s="84"/>
    </row>
    <row r="2111" spans="35:39" x14ac:dyDescent="0.35">
      <c r="AI2111" s="84"/>
      <c r="AM2111" s="84"/>
    </row>
    <row r="2112" spans="35:39" x14ac:dyDescent="0.35">
      <c r="AI2112" s="84"/>
      <c r="AM2112" s="84"/>
    </row>
    <row r="2113" spans="35:39" x14ac:dyDescent="0.35">
      <c r="AI2113" s="84"/>
      <c r="AM2113" s="84"/>
    </row>
    <row r="2114" spans="35:39" x14ac:dyDescent="0.35">
      <c r="AI2114" s="84"/>
      <c r="AM2114" s="84"/>
    </row>
    <row r="2115" spans="35:39" x14ac:dyDescent="0.35">
      <c r="AI2115" s="84"/>
      <c r="AM2115" s="84"/>
    </row>
    <row r="2116" spans="35:39" x14ac:dyDescent="0.35">
      <c r="AI2116" s="84"/>
      <c r="AM2116" s="84"/>
    </row>
    <row r="2117" spans="35:39" x14ac:dyDescent="0.35">
      <c r="AI2117" s="84"/>
      <c r="AM2117" s="84"/>
    </row>
    <row r="2118" spans="35:39" x14ac:dyDescent="0.35">
      <c r="AI2118" s="84"/>
      <c r="AM2118" s="84"/>
    </row>
    <row r="2119" spans="35:39" x14ac:dyDescent="0.35">
      <c r="AI2119" s="84"/>
      <c r="AM2119" s="84"/>
    </row>
    <row r="2120" spans="35:39" x14ac:dyDescent="0.35">
      <c r="AI2120" s="84"/>
      <c r="AM2120" s="84"/>
    </row>
    <row r="2121" spans="35:39" x14ac:dyDescent="0.35">
      <c r="AI2121" s="84"/>
      <c r="AM2121" s="84"/>
    </row>
    <row r="2122" spans="35:39" x14ac:dyDescent="0.35">
      <c r="AI2122" s="84"/>
      <c r="AM2122" s="84"/>
    </row>
    <row r="2123" spans="35:39" x14ac:dyDescent="0.35">
      <c r="AI2123" s="84"/>
      <c r="AM2123" s="84"/>
    </row>
    <row r="2124" spans="35:39" x14ac:dyDescent="0.35">
      <c r="AI2124" s="84"/>
      <c r="AM2124" s="84"/>
    </row>
    <row r="2125" spans="35:39" x14ac:dyDescent="0.35">
      <c r="AI2125" s="84"/>
      <c r="AM2125" s="84"/>
    </row>
    <row r="2126" spans="35:39" x14ac:dyDescent="0.35">
      <c r="AI2126" s="84"/>
      <c r="AM2126" s="84"/>
    </row>
    <row r="2127" spans="35:39" x14ac:dyDescent="0.35">
      <c r="AI2127" s="84"/>
      <c r="AM2127" s="84"/>
    </row>
    <row r="2128" spans="35:39" x14ac:dyDescent="0.35">
      <c r="AI2128" s="84"/>
      <c r="AM2128" s="84"/>
    </row>
    <row r="2129" spans="35:39" x14ac:dyDescent="0.35">
      <c r="AI2129" s="84"/>
      <c r="AM2129" s="84"/>
    </row>
    <row r="2130" spans="35:39" x14ac:dyDescent="0.35">
      <c r="AI2130" s="84"/>
      <c r="AM2130" s="84"/>
    </row>
    <row r="2131" spans="35:39" x14ac:dyDescent="0.35">
      <c r="AI2131" s="84"/>
      <c r="AM2131" s="84"/>
    </row>
    <row r="2132" spans="35:39" x14ac:dyDescent="0.35">
      <c r="AI2132" s="84"/>
      <c r="AM2132" s="84"/>
    </row>
    <row r="2133" spans="35:39" x14ac:dyDescent="0.35">
      <c r="AI2133" s="84"/>
      <c r="AM2133" s="84"/>
    </row>
    <row r="2134" spans="35:39" x14ac:dyDescent="0.35">
      <c r="AI2134" s="84"/>
      <c r="AM2134" s="84"/>
    </row>
    <row r="2135" spans="35:39" x14ac:dyDescent="0.35">
      <c r="AI2135" s="84"/>
      <c r="AM2135" s="84"/>
    </row>
    <row r="2136" spans="35:39" x14ac:dyDescent="0.35">
      <c r="AI2136" s="84"/>
      <c r="AM2136" s="84"/>
    </row>
    <row r="2137" spans="35:39" x14ac:dyDescent="0.35">
      <c r="AI2137" s="84"/>
      <c r="AM2137" s="84"/>
    </row>
    <row r="2138" spans="35:39" x14ac:dyDescent="0.35">
      <c r="AI2138" s="84"/>
      <c r="AM2138" s="84"/>
    </row>
    <row r="2139" spans="35:39" x14ac:dyDescent="0.35">
      <c r="AI2139" s="84"/>
      <c r="AM2139" s="84"/>
    </row>
    <row r="2140" spans="35:39" x14ac:dyDescent="0.35">
      <c r="AI2140" s="84"/>
      <c r="AM2140" s="84"/>
    </row>
    <row r="2141" spans="35:39" x14ac:dyDescent="0.35">
      <c r="AI2141" s="84"/>
      <c r="AM2141" s="84"/>
    </row>
    <row r="2142" spans="35:39" x14ac:dyDescent="0.35">
      <c r="AI2142" s="84"/>
      <c r="AM2142" s="84"/>
    </row>
    <row r="2143" spans="35:39" x14ac:dyDescent="0.35">
      <c r="AI2143" s="84"/>
      <c r="AM2143" s="84"/>
    </row>
    <row r="2144" spans="35:39" x14ac:dyDescent="0.35">
      <c r="AI2144" s="84"/>
      <c r="AM2144" s="84"/>
    </row>
    <row r="2145" spans="35:39" x14ac:dyDescent="0.35">
      <c r="AI2145" s="84"/>
      <c r="AM2145" s="84"/>
    </row>
    <row r="2146" spans="35:39" x14ac:dyDescent="0.35">
      <c r="AI2146" s="84"/>
      <c r="AM2146" s="84"/>
    </row>
    <row r="2147" spans="35:39" x14ac:dyDescent="0.35">
      <c r="AI2147" s="84"/>
      <c r="AM2147" s="84"/>
    </row>
    <row r="2148" spans="35:39" x14ac:dyDescent="0.35">
      <c r="AI2148" s="84"/>
      <c r="AM2148" s="84"/>
    </row>
    <row r="2149" spans="35:39" x14ac:dyDescent="0.35">
      <c r="AI2149" s="84"/>
      <c r="AM2149" s="84"/>
    </row>
    <row r="2150" spans="35:39" x14ac:dyDescent="0.35">
      <c r="AI2150" s="84"/>
      <c r="AM2150" s="84"/>
    </row>
    <row r="2151" spans="35:39" x14ac:dyDescent="0.35">
      <c r="AI2151" s="84"/>
      <c r="AM2151" s="84"/>
    </row>
    <row r="2152" spans="35:39" x14ac:dyDescent="0.35">
      <c r="AI2152" s="84"/>
      <c r="AM2152" s="84"/>
    </row>
    <row r="2153" spans="35:39" x14ac:dyDescent="0.35">
      <c r="AI2153" s="84"/>
      <c r="AM2153" s="84"/>
    </row>
    <row r="2154" spans="35:39" x14ac:dyDescent="0.35">
      <c r="AI2154" s="84"/>
      <c r="AM2154" s="84"/>
    </row>
    <row r="2155" spans="35:39" x14ac:dyDescent="0.35">
      <c r="AI2155" s="84"/>
      <c r="AM2155" s="84"/>
    </row>
    <row r="2156" spans="35:39" x14ac:dyDescent="0.35">
      <c r="AI2156" s="84"/>
      <c r="AM2156" s="84"/>
    </row>
    <row r="2157" spans="35:39" x14ac:dyDescent="0.35">
      <c r="AI2157" s="84"/>
      <c r="AM2157" s="84"/>
    </row>
    <row r="2158" spans="35:39" x14ac:dyDescent="0.35">
      <c r="AI2158" s="84"/>
      <c r="AM2158" s="84"/>
    </row>
    <row r="2159" spans="35:39" x14ac:dyDescent="0.35">
      <c r="AI2159" s="84"/>
      <c r="AM2159" s="84"/>
    </row>
    <row r="2160" spans="35:39" x14ac:dyDescent="0.35">
      <c r="AI2160" s="84"/>
      <c r="AM2160" s="84"/>
    </row>
    <row r="2161" spans="35:39" x14ac:dyDescent="0.35">
      <c r="AI2161" s="84"/>
      <c r="AM2161" s="84"/>
    </row>
    <row r="2162" spans="35:39" x14ac:dyDescent="0.35">
      <c r="AI2162" s="84"/>
      <c r="AM2162" s="84"/>
    </row>
    <row r="2163" spans="35:39" x14ac:dyDescent="0.35">
      <c r="AI2163" s="84"/>
      <c r="AM2163" s="84"/>
    </row>
    <row r="2164" spans="35:39" x14ac:dyDescent="0.35">
      <c r="AI2164" s="84"/>
      <c r="AM2164" s="84"/>
    </row>
    <row r="2165" spans="35:39" x14ac:dyDescent="0.35">
      <c r="AI2165" s="84"/>
      <c r="AM2165" s="84"/>
    </row>
    <row r="2166" spans="35:39" x14ac:dyDescent="0.35">
      <c r="AI2166" s="84"/>
      <c r="AM2166" s="84"/>
    </row>
    <row r="2167" spans="35:39" x14ac:dyDescent="0.35">
      <c r="AI2167" s="84"/>
      <c r="AM2167" s="84"/>
    </row>
    <row r="2168" spans="35:39" x14ac:dyDescent="0.35">
      <c r="AI2168" s="84"/>
      <c r="AM2168" s="84"/>
    </row>
    <row r="2169" spans="35:39" x14ac:dyDescent="0.35">
      <c r="AI2169" s="84"/>
      <c r="AM2169" s="84"/>
    </row>
    <row r="2170" spans="35:39" x14ac:dyDescent="0.35">
      <c r="AI2170" s="84"/>
      <c r="AM2170" s="84"/>
    </row>
    <row r="2171" spans="35:39" x14ac:dyDescent="0.35">
      <c r="AI2171" s="84"/>
      <c r="AM2171" s="84"/>
    </row>
    <row r="2172" spans="35:39" x14ac:dyDescent="0.35">
      <c r="AI2172" s="84"/>
      <c r="AM2172" s="84"/>
    </row>
    <row r="2173" spans="35:39" x14ac:dyDescent="0.35">
      <c r="AI2173" s="84"/>
      <c r="AM2173" s="84"/>
    </row>
    <row r="2174" spans="35:39" x14ac:dyDescent="0.35">
      <c r="AI2174" s="84"/>
      <c r="AM2174" s="84"/>
    </row>
    <row r="2175" spans="35:39" x14ac:dyDescent="0.35">
      <c r="AI2175" s="84"/>
      <c r="AM2175" s="84"/>
    </row>
    <row r="2176" spans="35:39" x14ac:dyDescent="0.35">
      <c r="AI2176" s="84"/>
      <c r="AM2176" s="84"/>
    </row>
    <row r="2177" spans="35:39" x14ac:dyDescent="0.35">
      <c r="AI2177" s="84"/>
      <c r="AM2177" s="84"/>
    </row>
    <row r="2178" spans="35:39" x14ac:dyDescent="0.35">
      <c r="AI2178" s="84"/>
      <c r="AM2178" s="84"/>
    </row>
    <row r="2179" spans="35:39" x14ac:dyDescent="0.35">
      <c r="AI2179" s="84"/>
      <c r="AM2179" s="84"/>
    </row>
    <row r="2180" spans="35:39" x14ac:dyDescent="0.35">
      <c r="AI2180" s="84"/>
      <c r="AM2180" s="84"/>
    </row>
    <row r="2181" spans="35:39" x14ac:dyDescent="0.35">
      <c r="AI2181" s="84"/>
      <c r="AM2181" s="84"/>
    </row>
    <row r="2182" spans="35:39" x14ac:dyDescent="0.35">
      <c r="AI2182" s="84"/>
      <c r="AM2182" s="84"/>
    </row>
    <row r="2183" spans="35:39" x14ac:dyDescent="0.35">
      <c r="AI2183" s="84"/>
      <c r="AM2183" s="84"/>
    </row>
    <row r="2184" spans="35:39" x14ac:dyDescent="0.35">
      <c r="AI2184" s="84"/>
      <c r="AM2184" s="84"/>
    </row>
    <row r="2185" spans="35:39" x14ac:dyDescent="0.35">
      <c r="AI2185" s="84"/>
      <c r="AM2185" s="84"/>
    </row>
    <row r="2186" spans="35:39" x14ac:dyDescent="0.35">
      <c r="AI2186" s="84"/>
      <c r="AM2186" s="84"/>
    </row>
    <row r="2187" spans="35:39" x14ac:dyDescent="0.35">
      <c r="AI2187" s="84"/>
      <c r="AM2187" s="84"/>
    </row>
    <row r="2188" spans="35:39" x14ac:dyDescent="0.35">
      <c r="AI2188" s="84"/>
      <c r="AM2188" s="84"/>
    </row>
    <row r="2189" spans="35:39" x14ac:dyDescent="0.35">
      <c r="AI2189" s="84"/>
      <c r="AM2189" s="84"/>
    </row>
    <row r="2190" spans="35:39" x14ac:dyDescent="0.35">
      <c r="AI2190" s="84"/>
      <c r="AM2190" s="84"/>
    </row>
    <row r="2191" spans="35:39" x14ac:dyDescent="0.35">
      <c r="AI2191" s="84"/>
      <c r="AM2191" s="84"/>
    </row>
    <row r="2192" spans="35:39" x14ac:dyDescent="0.35">
      <c r="AI2192" s="84"/>
      <c r="AM2192" s="84"/>
    </row>
    <row r="2193" spans="35:39" x14ac:dyDescent="0.35">
      <c r="AI2193" s="84"/>
      <c r="AM2193" s="84"/>
    </row>
    <row r="2194" spans="35:39" x14ac:dyDescent="0.35">
      <c r="AI2194" s="84"/>
      <c r="AM2194" s="84"/>
    </row>
    <row r="2195" spans="35:39" x14ac:dyDescent="0.35">
      <c r="AI2195" s="84"/>
      <c r="AM2195" s="84"/>
    </row>
    <row r="2196" spans="35:39" x14ac:dyDescent="0.35">
      <c r="AI2196" s="84"/>
      <c r="AM2196" s="84"/>
    </row>
    <row r="2197" spans="35:39" x14ac:dyDescent="0.35">
      <c r="AI2197" s="84"/>
      <c r="AM2197" s="84"/>
    </row>
    <row r="2198" spans="35:39" x14ac:dyDescent="0.35">
      <c r="AI2198" s="84"/>
      <c r="AM2198" s="84"/>
    </row>
    <row r="2199" spans="35:39" x14ac:dyDescent="0.35">
      <c r="AI2199" s="84"/>
      <c r="AM2199" s="84"/>
    </row>
    <row r="2200" spans="35:39" x14ac:dyDescent="0.35">
      <c r="AI2200" s="84"/>
      <c r="AM2200" s="84"/>
    </row>
    <row r="2201" spans="35:39" x14ac:dyDescent="0.35">
      <c r="AI2201" s="84"/>
      <c r="AM2201" s="84"/>
    </row>
    <row r="2202" spans="35:39" x14ac:dyDescent="0.35">
      <c r="AI2202" s="84"/>
      <c r="AM2202" s="84"/>
    </row>
    <row r="2203" spans="35:39" x14ac:dyDescent="0.35">
      <c r="AI2203" s="84"/>
      <c r="AM2203" s="84"/>
    </row>
    <row r="2204" spans="35:39" x14ac:dyDescent="0.35">
      <c r="AI2204" s="84"/>
      <c r="AM2204" s="84"/>
    </row>
    <row r="2205" spans="35:39" x14ac:dyDescent="0.35">
      <c r="AI2205" s="84"/>
      <c r="AM2205" s="84"/>
    </row>
    <row r="2206" spans="35:39" x14ac:dyDescent="0.35">
      <c r="AI2206" s="84"/>
      <c r="AM2206" s="84"/>
    </row>
    <row r="2207" spans="35:39" x14ac:dyDescent="0.35">
      <c r="AI2207" s="84"/>
      <c r="AM2207" s="84"/>
    </row>
    <row r="2208" spans="35:39" x14ac:dyDescent="0.35">
      <c r="AI2208" s="84"/>
      <c r="AM2208" s="84"/>
    </row>
    <row r="2209" spans="35:39" x14ac:dyDescent="0.35">
      <c r="AI2209" s="84"/>
      <c r="AM2209" s="84"/>
    </row>
    <row r="2210" spans="35:39" x14ac:dyDescent="0.35">
      <c r="AI2210" s="84"/>
      <c r="AM2210" s="84"/>
    </row>
    <row r="2211" spans="35:39" x14ac:dyDescent="0.35">
      <c r="AI2211" s="84"/>
      <c r="AM2211" s="84"/>
    </row>
    <row r="2212" spans="35:39" x14ac:dyDescent="0.35">
      <c r="AI2212" s="84"/>
      <c r="AM2212" s="84"/>
    </row>
    <row r="2213" spans="35:39" x14ac:dyDescent="0.35">
      <c r="AI2213" s="84"/>
      <c r="AM2213" s="84"/>
    </row>
    <row r="2214" spans="35:39" x14ac:dyDescent="0.35">
      <c r="AI2214" s="84"/>
      <c r="AM2214" s="84"/>
    </row>
    <row r="2215" spans="35:39" x14ac:dyDescent="0.35">
      <c r="AI2215" s="84"/>
      <c r="AM2215" s="84"/>
    </row>
    <row r="2216" spans="35:39" x14ac:dyDescent="0.35">
      <c r="AI2216" s="84"/>
      <c r="AM2216" s="84"/>
    </row>
    <row r="2217" spans="35:39" x14ac:dyDescent="0.35">
      <c r="AI2217" s="84"/>
      <c r="AM2217" s="84"/>
    </row>
    <row r="2218" spans="35:39" x14ac:dyDescent="0.35">
      <c r="AI2218" s="84"/>
      <c r="AM2218" s="84"/>
    </row>
    <row r="2219" spans="35:39" x14ac:dyDescent="0.35">
      <c r="AI2219" s="84"/>
      <c r="AM2219" s="84"/>
    </row>
    <row r="2220" spans="35:39" x14ac:dyDescent="0.35">
      <c r="AI2220" s="84"/>
      <c r="AM2220" s="84"/>
    </row>
    <row r="2221" spans="35:39" x14ac:dyDescent="0.35">
      <c r="AI2221" s="84"/>
      <c r="AM2221" s="84"/>
    </row>
    <row r="2222" spans="35:39" x14ac:dyDescent="0.35">
      <c r="AI2222" s="84"/>
      <c r="AM2222" s="84"/>
    </row>
    <row r="2223" spans="35:39" x14ac:dyDescent="0.35">
      <c r="AI2223" s="84"/>
      <c r="AM2223" s="84"/>
    </row>
    <row r="2224" spans="35:39" x14ac:dyDescent="0.35">
      <c r="AI2224" s="84"/>
      <c r="AM2224" s="84"/>
    </row>
    <row r="2225" spans="35:39" x14ac:dyDescent="0.35">
      <c r="AI2225" s="84"/>
      <c r="AM2225" s="84"/>
    </row>
    <row r="2226" spans="35:39" x14ac:dyDescent="0.35">
      <c r="AI2226" s="84"/>
      <c r="AM2226" s="84"/>
    </row>
    <row r="2227" spans="35:39" x14ac:dyDescent="0.35">
      <c r="AI2227" s="84"/>
      <c r="AM2227" s="84"/>
    </row>
    <row r="2228" spans="35:39" x14ac:dyDescent="0.35">
      <c r="AI2228" s="84"/>
      <c r="AM2228" s="84"/>
    </row>
    <row r="2229" spans="35:39" x14ac:dyDescent="0.35">
      <c r="AI2229" s="84"/>
      <c r="AM2229" s="84"/>
    </row>
    <row r="2230" spans="35:39" x14ac:dyDescent="0.35">
      <c r="AI2230" s="84"/>
      <c r="AM2230" s="84"/>
    </row>
    <row r="2231" spans="35:39" x14ac:dyDescent="0.35">
      <c r="AI2231" s="84"/>
      <c r="AM2231" s="84"/>
    </row>
    <row r="2232" spans="35:39" x14ac:dyDescent="0.35">
      <c r="AI2232" s="84"/>
      <c r="AM2232" s="84"/>
    </row>
    <row r="2233" spans="35:39" x14ac:dyDescent="0.35">
      <c r="AI2233" s="84"/>
      <c r="AM2233" s="84"/>
    </row>
    <row r="2234" spans="35:39" x14ac:dyDescent="0.35">
      <c r="AI2234" s="84"/>
      <c r="AM2234" s="84"/>
    </row>
    <row r="2235" spans="35:39" x14ac:dyDescent="0.35">
      <c r="AI2235" s="84"/>
      <c r="AM2235" s="84"/>
    </row>
    <row r="2236" spans="35:39" x14ac:dyDescent="0.35">
      <c r="AI2236" s="84"/>
      <c r="AM2236" s="84"/>
    </row>
    <row r="2237" spans="35:39" x14ac:dyDescent="0.35">
      <c r="AI2237" s="84"/>
      <c r="AM2237" s="84"/>
    </row>
    <row r="2238" spans="35:39" x14ac:dyDescent="0.35">
      <c r="AI2238" s="84"/>
      <c r="AM2238" s="84"/>
    </row>
    <row r="2239" spans="35:39" x14ac:dyDescent="0.35">
      <c r="AI2239" s="84"/>
      <c r="AM2239" s="84"/>
    </row>
    <row r="2240" spans="35:39" x14ac:dyDescent="0.35">
      <c r="AI2240" s="84"/>
      <c r="AM2240" s="84"/>
    </row>
    <row r="2241" spans="35:39" x14ac:dyDescent="0.35">
      <c r="AI2241" s="84"/>
      <c r="AM2241" s="84"/>
    </row>
    <row r="2242" spans="35:39" x14ac:dyDescent="0.35">
      <c r="AI2242" s="84"/>
      <c r="AM2242" s="84"/>
    </row>
    <row r="2243" spans="35:39" x14ac:dyDescent="0.35">
      <c r="AI2243" s="84"/>
      <c r="AM2243" s="84"/>
    </row>
    <row r="2244" spans="35:39" x14ac:dyDescent="0.35">
      <c r="AI2244" s="84"/>
      <c r="AM2244" s="84"/>
    </row>
    <row r="2245" spans="35:39" x14ac:dyDescent="0.35">
      <c r="AI2245" s="84"/>
      <c r="AM2245" s="84"/>
    </row>
    <row r="2246" spans="35:39" x14ac:dyDescent="0.35">
      <c r="AI2246" s="84"/>
      <c r="AM2246" s="84"/>
    </row>
    <row r="2247" spans="35:39" x14ac:dyDescent="0.35">
      <c r="AI2247" s="84"/>
      <c r="AM2247" s="84"/>
    </row>
    <row r="2248" spans="35:39" x14ac:dyDescent="0.35">
      <c r="AI2248" s="84"/>
      <c r="AM2248" s="84"/>
    </row>
    <row r="2249" spans="35:39" x14ac:dyDescent="0.35">
      <c r="AI2249" s="84"/>
      <c r="AM2249" s="84"/>
    </row>
    <row r="2250" spans="35:39" x14ac:dyDescent="0.35">
      <c r="AI2250" s="84"/>
      <c r="AM2250" s="84"/>
    </row>
    <row r="2251" spans="35:39" x14ac:dyDescent="0.35">
      <c r="AI2251" s="84"/>
      <c r="AM2251" s="84"/>
    </row>
    <row r="2252" spans="35:39" x14ac:dyDescent="0.35">
      <c r="AI2252" s="84"/>
      <c r="AM2252" s="84"/>
    </row>
    <row r="2253" spans="35:39" x14ac:dyDescent="0.35">
      <c r="AI2253" s="84"/>
      <c r="AM2253" s="84"/>
    </row>
    <row r="2254" spans="35:39" x14ac:dyDescent="0.35">
      <c r="AI2254" s="84"/>
      <c r="AM2254" s="84"/>
    </row>
    <row r="2255" spans="35:39" x14ac:dyDescent="0.35">
      <c r="AI2255" s="84"/>
      <c r="AM2255" s="84"/>
    </row>
    <row r="2256" spans="35:39" x14ac:dyDescent="0.35">
      <c r="AI2256" s="84"/>
      <c r="AM2256" s="84"/>
    </row>
    <row r="2257" spans="35:39" x14ac:dyDescent="0.35">
      <c r="AI2257" s="84"/>
      <c r="AM2257" s="84"/>
    </row>
    <row r="2258" spans="35:39" x14ac:dyDescent="0.35">
      <c r="AI2258" s="84"/>
      <c r="AM2258" s="84"/>
    </row>
    <row r="2259" spans="35:39" x14ac:dyDescent="0.35">
      <c r="AI2259" s="84"/>
      <c r="AM2259" s="84"/>
    </row>
    <row r="2260" spans="35:39" x14ac:dyDescent="0.35">
      <c r="AI2260" s="84"/>
      <c r="AM2260" s="84"/>
    </row>
    <row r="2261" spans="35:39" x14ac:dyDescent="0.35">
      <c r="AI2261" s="84"/>
      <c r="AM2261" s="84"/>
    </row>
    <row r="2262" spans="35:39" x14ac:dyDescent="0.35">
      <c r="AI2262" s="84"/>
      <c r="AM2262" s="84"/>
    </row>
    <row r="2263" spans="35:39" x14ac:dyDescent="0.35">
      <c r="AI2263" s="84"/>
      <c r="AM2263" s="84"/>
    </row>
    <row r="2264" spans="35:39" x14ac:dyDescent="0.35">
      <c r="AI2264" s="84"/>
      <c r="AM2264" s="84"/>
    </row>
    <row r="2265" spans="35:39" x14ac:dyDescent="0.35">
      <c r="AI2265" s="84"/>
      <c r="AM2265" s="84"/>
    </row>
    <row r="2266" spans="35:39" x14ac:dyDescent="0.35">
      <c r="AI2266" s="84"/>
      <c r="AM2266" s="84"/>
    </row>
    <row r="2267" spans="35:39" x14ac:dyDescent="0.35">
      <c r="AI2267" s="84"/>
      <c r="AM2267" s="84"/>
    </row>
    <row r="2268" spans="35:39" x14ac:dyDescent="0.35">
      <c r="AI2268" s="84"/>
      <c r="AM2268" s="84"/>
    </row>
    <row r="2269" spans="35:39" x14ac:dyDescent="0.35">
      <c r="AI2269" s="84"/>
      <c r="AM2269" s="84"/>
    </row>
    <row r="2270" spans="35:39" x14ac:dyDescent="0.35">
      <c r="AI2270" s="84"/>
      <c r="AM2270" s="84"/>
    </row>
    <row r="2271" spans="35:39" x14ac:dyDescent="0.35">
      <c r="AI2271" s="84"/>
      <c r="AM2271" s="84"/>
    </row>
    <row r="2272" spans="35:39" x14ac:dyDescent="0.35">
      <c r="AI2272" s="84"/>
      <c r="AM2272" s="84"/>
    </row>
    <row r="2273" spans="35:39" x14ac:dyDescent="0.35">
      <c r="AI2273" s="84"/>
      <c r="AM2273" s="84"/>
    </row>
    <row r="2274" spans="35:39" x14ac:dyDescent="0.35">
      <c r="AI2274" s="84"/>
      <c r="AM2274" s="84"/>
    </row>
    <row r="2275" spans="35:39" x14ac:dyDescent="0.35">
      <c r="AI2275" s="84"/>
      <c r="AM2275" s="84"/>
    </row>
    <row r="2276" spans="35:39" x14ac:dyDescent="0.35">
      <c r="AI2276" s="84"/>
      <c r="AM2276" s="84"/>
    </row>
    <row r="2277" spans="35:39" x14ac:dyDescent="0.35">
      <c r="AI2277" s="84"/>
      <c r="AM2277" s="84"/>
    </row>
    <row r="2278" spans="35:39" x14ac:dyDescent="0.35">
      <c r="AI2278" s="84"/>
      <c r="AM2278" s="84"/>
    </row>
    <row r="2279" spans="35:39" x14ac:dyDescent="0.35">
      <c r="AI2279" s="84"/>
      <c r="AM2279" s="84"/>
    </row>
    <row r="2280" spans="35:39" x14ac:dyDescent="0.35">
      <c r="AI2280" s="84"/>
      <c r="AM2280" s="84"/>
    </row>
    <row r="2281" spans="35:39" x14ac:dyDescent="0.35">
      <c r="AI2281" s="84"/>
      <c r="AM2281" s="84"/>
    </row>
    <row r="2282" spans="35:39" x14ac:dyDescent="0.35">
      <c r="AI2282" s="84"/>
      <c r="AM2282" s="84"/>
    </row>
    <row r="2283" spans="35:39" x14ac:dyDescent="0.35">
      <c r="AI2283" s="84"/>
      <c r="AM2283" s="84"/>
    </row>
    <row r="2284" spans="35:39" x14ac:dyDescent="0.35">
      <c r="AI2284" s="84"/>
      <c r="AM2284" s="84"/>
    </row>
    <row r="2285" spans="35:39" x14ac:dyDescent="0.35">
      <c r="AI2285" s="84"/>
      <c r="AM2285" s="84"/>
    </row>
    <row r="2286" spans="35:39" x14ac:dyDescent="0.35">
      <c r="AI2286" s="84"/>
      <c r="AM2286" s="84"/>
    </row>
    <row r="2287" spans="35:39" x14ac:dyDescent="0.35">
      <c r="AI2287" s="84"/>
      <c r="AM2287" s="84"/>
    </row>
    <row r="2288" spans="35:39" x14ac:dyDescent="0.35">
      <c r="AI2288" s="84"/>
      <c r="AM2288" s="84"/>
    </row>
    <row r="2289" spans="35:39" x14ac:dyDescent="0.35">
      <c r="AI2289" s="84"/>
      <c r="AM2289" s="84"/>
    </row>
    <row r="2290" spans="35:39" x14ac:dyDescent="0.35">
      <c r="AI2290" s="84"/>
      <c r="AM2290" s="84"/>
    </row>
    <row r="2291" spans="35:39" x14ac:dyDescent="0.35">
      <c r="AI2291" s="84"/>
      <c r="AM2291" s="84"/>
    </row>
    <row r="2292" spans="35:39" x14ac:dyDescent="0.35">
      <c r="AI2292" s="84"/>
      <c r="AM2292" s="84"/>
    </row>
    <row r="2293" spans="35:39" x14ac:dyDescent="0.35">
      <c r="AI2293" s="84"/>
      <c r="AM2293" s="84"/>
    </row>
    <row r="2294" spans="35:39" x14ac:dyDescent="0.35">
      <c r="AI2294" s="84"/>
      <c r="AM2294" s="84"/>
    </row>
    <row r="2295" spans="35:39" x14ac:dyDescent="0.35">
      <c r="AI2295" s="84"/>
      <c r="AM2295" s="84"/>
    </row>
    <row r="2296" spans="35:39" x14ac:dyDescent="0.35">
      <c r="AI2296" s="84"/>
      <c r="AM2296" s="84"/>
    </row>
    <row r="2297" spans="35:39" x14ac:dyDescent="0.35">
      <c r="AI2297" s="84"/>
      <c r="AM2297" s="84"/>
    </row>
    <row r="2298" spans="35:39" x14ac:dyDescent="0.35">
      <c r="AI2298" s="84"/>
      <c r="AM2298" s="84"/>
    </row>
    <row r="2299" spans="35:39" x14ac:dyDescent="0.35">
      <c r="AI2299" s="84"/>
      <c r="AM2299" s="84"/>
    </row>
    <row r="2300" spans="35:39" x14ac:dyDescent="0.35">
      <c r="AI2300" s="84"/>
      <c r="AM2300" s="84"/>
    </row>
    <row r="2301" spans="35:39" x14ac:dyDescent="0.35">
      <c r="AI2301" s="84"/>
      <c r="AM2301" s="84"/>
    </row>
    <row r="2302" spans="35:39" x14ac:dyDescent="0.35">
      <c r="AI2302" s="84"/>
      <c r="AM2302" s="84"/>
    </row>
    <row r="2303" spans="35:39" x14ac:dyDescent="0.35">
      <c r="AI2303" s="84"/>
      <c r="AM2303" s="84"/>
    </row>
    <row r="2304" spans="35:39" x14ac:dyDescent="0.35">
      <c r="AI2304" s="84"/>
      <c r="AM2304" s="84"/>
    </row>
    <row r="2305" spans="35:39" x14ac:dyDescent="0.35">
      <c r="AI2305" s="84"/>
      <c r="AM2305" s="84"/>
    </row>
    <row r="2306" spans="35:39" x14ac:dyDescent="0.35">
      <c r="AI2306" s="84"/>
      <c r="AM2306" s="84"/>
    </row>
    <row r="2307" spans="35:39" x14ac:dyDescent="0.35">
      <c r="AI2307" s="84"/>
      <c r="AM2307" s="84"/>
    </row>
    <row r="2308" spans="35:39" x14ac:dyDescent="0.35">
      <c r="AI2308" s="84"/>
      <c r="AM2308" s="84"/>
    </row>
    <row r="2309" spans="35:39" x14ac:dyDescent="0.35">
      <c r="AI2309" s="84"/>
      <c r="AM2309" s="84"/>
    </row>
    <row r="2310" spans="35:39" x14ac:dyDescent="0.35">
      <c r="AI2310" s="84"/>
      <c r="AM2310" s="84"/>
    </row>
    <row r="2311" spans="35:39" x14ac:dyDescent="0.35">
      <c r="AI2311" s="84"/>
      <c r="AM2311" s="84"/>
    </row>
    <row r="2312" spans="35:39" x14ac:dyDescent="0.35">
      <c r="AI2312" s="84"/>
      <c r="AM2312" s="84"/>
    </row>
    <row r="2313" spans="35:39" x14ac:dyDescent="0.35">
      <c r="AI2313" s="84"/>
      <c r="AM2313" s="84"/>
    </row>
    <row r="2314" spans="35:39" x14ac:dyDescent="0.35">
      <c r="AI2314" s="84"/>
      <c r="AM2314" s="84"/>
    </row>
    <row r="2315" spans="35:39" x14ac:dyDescent="0.35">
      <c r="AI2315" s="84"/>
      <c r="AM2315" s="84"/>
    </row>
    <row r="2316" spans="35:39" x14ac:dyDescent="0.35">
      <c r="AI2316" s="84"/>
      <c r="AM2316" s="84"/>
    </row>
    <row r="2317" spans="35:39" x14ac:dyDescent="0.35">
      <c r="AI2317" s="84"/>
      <c r="AM2317" s="84"/>
    </row>
    <row r="2318" spans="35:39" x14ac:dyDescent="0.35">
      <c r="AI2318" s="84"/>
      <c r="AM2318" s="84"/>
    </row>
    <row r="2319" spans="35:39" x14ac:dyDescent="0.35">
      <c r="AI2319" s="84"/>
      <c r="AM2319" s="84"/>
    </row>
    <row r="2320" spans="35:39" x14ac:dyDescent="0.35">
      <c r="AI2320" s="84"/>
      <c r="AM2320" s="84"/>
    </row>
    <row r="2321" spans="35:39" x14ac:dyDescent="0.35">
      <c r="AI2321" s="84"/>
      <c r="AM2321" s="84"/>
    </row>
    <row r="2322" spans="35:39" x14ac:dyDescent="0.35">
      <c r="AI2322" s="84"/>
      <c r="AM2322" s="84"/>
    </row>
    <row r="2323" spans="35:39" x14ac:dyDescent="0.35">
      <c r="AI2323" s="84"/>
      <c r="AM2323" s="84"/>
    </row>
    <row r="2324" spans="35:39" x14ac:dyDescent="0.35">
      <c r="AI2324" s="84"/>
      <c r="AM2324" s="84"/>
    </row>
    <row r="2325" spans="35:39" x14ac:dyDescent="0.35">
      <c r="AI2325" s="84"/>
      <c r="AM2325" s="84"/>
    </row>
    <row r="2326" spans="35:39" x14ac:dyDescent="0.35">
      <c r="AI2326" s="84"/>
      <c r="AM2326" s="84"/>
    </row>
    <row r="2327" spans="35:39" x14ac:dyDescent="0.35">
      <c r="AI2327" s="84"/>
      <c r="AM2327" s="84"/>
    </row>
    <row r="2328" spans="35:39" x14ac:dyDescent="0.35">
      <c r="AI2328" s="84"/>
      <c r="AM2328" s="84"/>
    </row>
    <row r="2329" spans="35:39" x14ac:dyDescent="0.35">
      <c r="AI2329" s="84"/>
      <c r="AM2329" s="84"/>
    </row>
    <row r="2330" spans="35:39" x14ac:dyDescent="0.35">
      <c r="AI2330" s="84"/>
      <c r="AM2330" s="84"/>
    </row>
    <row r="2331" spans="35:39" x14ac:dyDescent="0.35">
      <c r="AI2331" s="84"/>
      <c r="AM2331" s="84"/>
    </row>
    <row r="2332" spans="35:39" x14ac:dyDescent="0.35">
      <c r="AI2332" s="84"/>
      <c r="AM2332" s="84"/>
    </row>
    <row r="2333" spans="35:39" x14ac:dyDescent="0.35">
      <c r="AI2333" s="84"/>
      <c r="AM2333" s="84"/>
    </row>
    <row r="2334" spans="35:39" x14ac:dyDescent="0.35">
      <c r="AI2334" s="84"/>
      <c r="AM2334" s="84"/>
    </row>
    <row r="2335" spans="35:39" x14ac:dyDescent="0.35">
      <c r="AI2335" s="84"/>
      <c r="AM2335" s="84"/>
    </row>
    <row r="2336" spans="35:39" x14ac:dyDescent="0.35">
      <c r="AI2336" s="84"/>
      <c r="AM2336" s="84"/>
    </row>
    <row r="2337" spans="35:39" x14ac:dyDescent="0.35">
      <c r="AI2337" s="84"/>
      <c r="AM2337" s="84"/>
    </row>
    <row r="2338" spans="35:39" x14ac:dyDescent="0.35">
      <c r="AI2338" s="84"/>
      <c r="AM2338" s="84"/>
    </row>
    <row r="2339" spans="35:39" x14ac:dyDescent="0.35">
      <c r="AI2339" s="84"/>
      <c r="AM2339" s="84"/>
    </row>
    <row r="2340" spans="35:39" x14ac:dyDescent="0.35">
      <c r="AI2340" s="84"/>
      <c r="AM2340" s="84"/>
    </row>
    <row r="2341" spans="35:39" x14ac:dyDescent="0.35">
      <c r="AI2341" s="84"/>
      <c r="AM2341" s="84"/>
    </row>
    <row r="2342" spans="35:39" x14ac:dyDescent="0.35">
      <c r="AI2342" s="84"/>
      <c r="AM2342" s="84"/>
    </row>
    <row r="2343" spans="35:39" x14ac:dyDescent="0.35">
      <c r="AI2343" s="84"/>
      <c r="AM2343" s="84"/>
    </row>
    <row r="2344" spans="35:39" x14ac:dyDescent="0.35">
      <c r="AI2344" s="84"/>
      <c r="AM2344" s="84"/>
    </row>
    <row r="2345" spans="35:39" x14ac:dyDescent="0.35">
      <c r="AI2345" s="84"/>
      <c r="AM2345" s="84"/>
    </row>
    <row r="2346" spans="35:39" x14ac:dyDescent="0.35">
      <c r="AI2346" s="84"/>
      <c r="AM2346" s="84"/>
    </row>
    <row r="2347" spans="35:39" x14ac:dyDescent="0.35">
      <c r="AI2347" s="84"/>
      <c r="AM2347" s="84"/>
    </row>
    <row r="2348" spans="35:39" x14ac:dyDescent="0.35">
      <c r="AI2348" s="84"/>
      <c r="AM2348" s="84"/>
    </row>
    <row r="2349" spans="35:39" x14ac:dyDescent="0.35">
      <c r="AI2349" s="84"/>
      <c r="AM2349" s="84"/>
    </row>
    <row r="2350" spans="35:39" x14ac:dyDescent="0.35">
      <c r="AI2350" s="84"/>
      <c r="AM2350" s="84"/>
    </row>
    <row r="2351" spans="35:39" x14ac:dyDescent="0.35">
      <c r="AI2351" s="84"/>
      <c r="AM2351" s="84"/>
    </row>
    <row r="2352" spans="35:39" x14ac:dyDescent="0.35">
      <c r="AI2352" s="84"/>
      <c r="AM2352" s="84"/>
    </row>
    <row r="2353" spans="35:39" x14ac:dyDescent="0.35">
      <c r="AI2353" s="84"/>
      <c r="AM2353" s="84"/>
    </row>
    <row r="2354" spans="35:39" x14ac:dyDescent="0.35">
      <c r="AI2354" s="84"/>
      <c r="AM2354" s="84"/>
    </row>
    <row r="2355" spans="35:39" x14ac:dyDescent="0.35">
      <c r="AI2355" s="84"/>
      <c r="AM2355" s="84"/>
    </row>
    <row r="2356" spans="35:39" x14ac:dyDescent="0.35">
      <c r="AI2356" s="84"/>
      <c r="AM2356" s="84"/>
    </row>
    <row r="2357" spans="35:39" x14ac:dyDescent="0.35">
      <c r="AI2357" s="84"/>
      <c r="AM2357" s="84"/>
    </row>
    <row r="2358" spans="35:39" x14ac:dyDescent="0.35">
      <c r="AI2358" s="84"/>
      <c r="AM2358" s="84"/>
    </row>
    <row r="2359" spans="35:39" x14ac:dyDescent="0.35">
      <c r="AI2359" s="84"/>
      <c r="AM2359" s="84"/>
    </row>
    <row r="2360" spans="35:39" x14ac:dyDescent="0.35">
      <c r="AI2360" s="84"/>
      <c r="AM2360" s="84"/>
    </row>
    <row r="2361" spans="35:39" x14ac:dyDescent="0.35">
      <c r="AI2361" s="84"/>
      <c r="AM2361" s="84"/>
    </row>
    <row r="2362" spans="35:39" x14ac:dyDescent="0.35">
      <c r="AI2362" s="84"/>
      <c r="AM2362" s="84"/>
    </row>
    <row r="2363" spans="35:39" x14ac:dyDescent="0.35">
      <c r="AI2363" s="84"/>
      <c r="AM2363" s="84"/>
    </row>
    <row r="2364" spans="35:39" x14ac:dyDescent="0.35">
      <c r="AI2364" s="84"/>
      <c r="AM2364" s="84"/>
    </row>
    <row r="2365" spans="35:39" x14ac:dyDescent="0.35">
      <c r="AI2365" s="84"/>
      <c r="AM2365" s="84"/>
    </row>
    <row r="2366" spans="35:39" x14ac:dyDescent="0.35">
      <c r="AI2366" s="84"/>
      <c r="AM2366" s="84"/>
    </row>
    <row r="2367" spans="35:39" x14ac:dyDescent="0.35">
      <c r="AI2367" s="84"/>
      <c r="AM2367" s="84"/>
    </row>
    <row r="2368" spans="35:39" x14ac:dyDescent="0.35">
      <c r="AI2368" s="84"/>
      <c r="AM2368" s="84"/>
    </row>
    <row r="2369" spans="35:39" x14ac:dyDescent="0.35">
      <c r="AI2369" s="84"/>
      <c r="AM2369" s="84"/>
    </row>
    <row r="2370" spans="35:39" x14ac:dyDescent="0.35">
      <c r="AI2370" s="84"/>
      <c r="AM2370" s="84"/>
    </row>
    <row r="2371" spans="35:39" x14ac:dyDescent="0.35">
      <c r="AI2371" s="84"/>
      <c r="AM2371" s="84"/>
    </row>
    <row r="2372" spans="35:39" x14ac:dyDescent="0.35">
      <c r="AI2372" s="84"/>
      <c r="AM2372" s="84"/>
    </row>
    <row r="2373" spans="35:39" x14ac:dyDescent="0.35">
      <c r="AI2373" s="84"/>
      <c r="AM2373" s="84"/>
    </row>
    <row r="2374" spans="35:39" x14ac:dyDescent="0.35">
      <c r="AI2374" s="84"/>
      <c r="AM2374" s="84"/>
    </row>
    <row r="2375" spans="35:39" x14ac:dyDescent="0.35">
      <c r="AI2375" s="84"/>
      <c r="AM2375" s="84"/>
    </row>
    <row r="2376" spans="35:39" x14ac:dyDescent="0.35">
      <c r="AI2376" s="84"/>
      <c r="AM2376" s="84"/>
    </row>
    <row r="2377" spans="35:39" x14ac:dyDescent="0.35">
      <c r="AI2377" s="84"/>
      <c r="AM2377" s="84"/>
    </row>
    <row r="2378" spans="35:39" x14ac:dyDescent="0.35">
      <c r="AI2378" s="84"/>
      <c r="AM2378" s="84"/>
    </row>
    <row r="2379" spans="35:39" x14ac:dyDescent="0.35">
      <c r="AI2379" s="84"/>
      <c r="AM2379" s="84"/>
    </row>
    <row r="2380" spans="35:39" x14ac:dyDescent="0.35">
      <c r="AI2380" s="84"/>
      <c r="AM2380" s="84"/>
    </row>
    <row r="2381" spans="35:39" x14ac:dyDescent="0.35">
      <c r="AI2381" s="84"/>
      <c r="AM2381" s="84"/>
    </row>
    <row r="2382" spans="35:39" x14ac:dyDescent="0.35">
      <c r="AI2382" s="84"/>
      <c r="AM2382" s="84"/>
    </row>
    <row r="2383" spans="35:39" x14ac:dyDescent="0.35">
      <c r="AI2383" s="84"/>
      <c r="AM2383" s="84"/>
    </row>
    <row r="2384" spans="35:39" x14ac:dyDescent="0.35">
      <c r="AI2384" s="84"/>
      <c r="AM2384" s="84"/>
    </row>
    <row r="2385" spans="35:39" x14ac:dyDescent="0.35">
      <c r="AI2385" s="84"/>
      <c r="AM2385" s="84"/>
    </row>
    <row r="2386" spans="35:39" x14ac:dyDescent="0.35">
      <c r="AI2386" s="84"/>
      <c r="AM2386" s="84"/>
    </row>
    <row r="2387" spans="35:39" x14ac:dyDescent="0.35">
      <c r="AI2387" s="84"/>
      <c r="AM2387" s="84"/>
    </row>
    <row r="2388" spans="35:39" x14ac:dyDescent="0.35">
      <c r="AI2388" s="84"/>
      <c r="AM2388" s="84"/>
    </row>
    <row r="2389" spans="35:39" x14ac:dyDescent="0.35">
      <c r="AI2389" s="84"/>
      <c r="AM2389" s="84"/>
    </row>
    <row r="2390" spans="35:39" x14ac:dyDescent="0.35">
      <c r="AI2390" s="84"/>
      <c r="AM2390" s="84"/>
    </row>
    <row r="2391" spans="35:39" x14ac:dyDescent="0.35">
      <c r="AI2391" s="84"/>
      <c r="AM2391" s="84"/>
    </row>
    <row r="2392" spans="35:39" x14ac:dyDescent="0.35">
      <c r="AI2392" s="84"/>
      <c r="AM2392" s="84"/>
    </row>
    <row r="2393" spans="35:39" x14ac:dyDescent="0.35">
      <c r="AI2393" s="84"/>
      <c r="AM2393" s="84"/>
    </row>
    <row r="2394" spans="35:39" x14ac:dyDescent="0.35">
      <c r="AI2394" s="84"/>
      <c r="AM2394" s="84"/>
    </row>
    <row r="2395" spans="35:39" x14ac:dyDescent="0.35">
      <c r="AI2395" s="84"/>
      <c r="AM2395" s="84"/>
    </row>
    <row r="2396" spans="35:39" x14ac:dyDescent="0.35">
      <c r="AI2396" s="84"/>
      <c r="AM2396" s="84"/>
    </row>
    <row r="2397" spans="35:39" x14ac:dyDescent="0.35">
      <c r="AI2397" s="84"/>
      <c r="AM2397" s="84"/>
    </row>
    <row r="2398" spans="35:39" x14ac:dyDescent="0.35">
      <c r="AI2398" s="84"/>
      <c r="AM2398" s="84"/>
    </row>
    <row r="2399" spans="35:39" x14ac:dyDescent="0.35">
      <c r="AI2399" s="84"/>
      <c r="AM2399" s="84"/>
    </row>
    <row r="2400" spans="35:39" x14ac:dyDescent="0.35">
      <c r="AI2400" s="84"/>
      <c r="AM2400" s="84"/>
    </row>
    <row r="2401" spans="35:39" x14ac:dyDescent="0.35">
      <c r="AI2401" s="84"/>
      <c r="AM2401" s="84"/>
    </row>
    <row r="2402" spans="35:39" x14ac:dyDescent="0.35">
      <c r="AI2402" s="84"/>
      <c r="AM2402" s="84"/>
    </row>
    <row r="2403" spans="35:39" x14ac:dyDescent="0.35">
      <c r="AI2403" s="84"/>
      <c r="AM2403" s="84"/>
    </row>
    <row r="2404" spans="35:39" x14ac:dyDescent="0.35">
      <c r="AI2404" s="84"/>
      <c r="AM2404" s="84"/>
    </row>
    <row r="2405" spans="35:39" x14ac:dyDescent="0.35">
      <c r="AI2405" s="84"/>
      <c r="AM2405" s="84"/>
    </row>
    <row r="2406" spans="35:39" x14ac:dyDescent="0.35">
      <c r="AI2406" s="84"/>
      <c r="AM2406" s="84"/>
    </row>
    <row r="2407" spans="35:39" x14ac:dyDescent="0.35">
      <c r="AI2407" s="84"/>
      <c r="AM2407" s="84"/>
    </row>
    <row r="2408" spans="35:39" x14ac:dyDescent="0.35">
      <c r="AI2408" s="84"/>
      <c r="AM2408" s="84"/>
    </row>
    <row r="2409" spans="35:39" x14ac:dyDescent="0.35">
      <c r="AI2409" s="84"/>
      <c r="AM2409" s="84"/>
    </row>
    <row r="2410" spans="35:39" x14ac:dyDescent="0.35">
      <c r="AI2410" s="84"/>
      <c r="AM2410" s="84"/>
    </row>
    <row r="2411" spans="35:39" x14ac:dyDescent="0.35">
      <c r="AI2411" s="84"/>
      <c r="AM2411" s="84"/>
    </row>
    <row r="2412" spans="35:39" x14ac:dyDescent="0.35">
      <c r="AI2412" s="84"/>
      <c r="AM2412" s="84"/>
    </row>
    <row r="2413" spans="35:39" x14ac:dyDescent="0.35">
      <c r="AI2413" s="84"/>
      <c r="AM2413" s="84"/>
    </row>
    <row r="2414" spans="35:39" x14ac:dyDescent="0.35">
      <c r="AI2414" s="84"/>
      <c r="AM2414" s="84"/>
    </row>
    <row r="2415" spans="35:39" x14ac:dyDescent="0.35">
      <c r="AI2415" s="84"/>
      <c r="AM2415" s="84"/>
    </row>
    <row r="2416" spans="35:39" x14ac:dyDescent="0.35">
      <c r="AI2416" s="84"/>
      <c r="AM2416" s="84"/>
    </row>
    <row r="2417" spans="35:39" x14ac:dyDescent="0.35">
      <c r="AI2417" s="84"/>
      <c r="AM2417" s="84"/>
    </row>
    <row r="2418" spans="35:39" x14ac:dyDescent="0.35">
      <c r="AI2418" s="84"/>
      <c r="AM2418" s="84"/>
    </row>
    <row r="2419" spans="35:39" x14ac:dyDescent="0.35">
      <c r="AI2419" s="84"/>
      <c r="AM2419" s="84"/>
    </row>
    <row r="2420" spans="35:39" x14ac:dyDescent="0.35">
      <c r="AI2420" s="84"/>
      <c r="AM2420" s="84"/>
    </row>
    <row r="2421" spans="35:39" x14ac:dyDescent="0.35">
      <c r="AI2421" s="84"/>
      <c r="AM2421" s="84"/>
    </row>
    <row r="2422" spans="35:39" x14ac:dyDescent="0.35">
      <c r="AI2422" s="84"/>
      <c r="AM2422" s="84"/>
    </row>
    <row r="2423" spans="35:39" x14ac:dyDescent="0.35">
      <c r="AI2423" s="84"/>
      <c r="AM2423" s="84"/>
    </row>
    <row r="2424" spans="35:39" x14ac:dyDescent="0.35">
      <c r="AI2424" s="84"/>
      <c r="AM2424" s="84"/>
    </row>
    <row r="2425" spans="35:39" x14ac:dyDescent="0.35">
      <c r="AI2425" s="84"/>
      <c r="AM2425" s="84"/>
    </row>
    <row r="2426" spans="35:39" x14ac:dyDescent="0.35">
      <c r="AI2426" s="84"/>
      <c r="AM2426" s="84"/>
    </row>
    <row r="2427" spans="35:39" x14ac:dyDescent="0.35">
      <c r="AI2427" s="84"/>
      <c r="AM2427" s="84"/>
    </row>
    <row r="2428" spans="35:39" x14ac:dyDescent="0.35">
      <c r="AI2428" s="84"/>
      <c r="AM2428" s="84"/>
    </row>
    <row r="2429" spans="35:39" x14ac:dyDescent="0.35">
      <c r="AI2429" s="84"/>
      <c r="AM2429" s="84"/>
    </row>
    <row r="2430" spans="35:39" x14ac:dyDescent="0.35">
      <c r="AI2430" s="84"/>
      <c r="AM2430" s="84"/>
    </row>
    <row r="2431" spans="35:39" x14ac:dyDescent="0.35">
      <c r="AI2431" s="84"/>
      <c r="AM2431" s="84"/>
    </row>
    <row r="2432" spans="35:39" x14ac:dyDescent="0.35">
      <c r="AI2432" s="84"/>
      <c r="AM2432" s="84"/>
    </row>
    <row r="2433" spans="35:39" x14ac:dyDescent="0.35">
      <c r="AI2433" s="84"/>
      <c r="AM2433" s="84"/>
    </row>
    <row r="2434" spans="35:39" x14ac:dyDescent="0.35">
      <c r="AI2434" s="84"/>
      <c r="AM2434" s="84"/>
    </row>
    <row r="2435" spans="35:39" x14ac:dyDescent="0.35">
      <c r="AI2435" s="84"/>
      <c r="AM2435" s="84"/>
    </row>
    <row r="2436" spans="35:39" x14ac:dyDescent="0.35">
      <c r="AI2436" s="84"/>
      <c r="AM2436" s="84"/>
    </row>
    <row r="2437" spans="35:39" x14ac:dyDescent="0.35">
      <c r="AI2437" s="84"/>
      <c r="AM2437" s="84"/>
    </row>
    <row r="2438" spans="35:39" x14ac:dyDescent="0.35">
      <c r="AI2438" s="84"/>
      <c r="AM2438" s="84"/>
    </row>
    <row r="2439" spans="35:39" x14ac:dyDescent="0.35">
      <c r="AI2439" s="84"/>
      <c r="AM2439" s="84"/>
    </row>
    <row r="2440" spans="35:39" x14ac:dyDescent="0.35">
      <c r="AI2440" s="84"/>
      <c r="AM2440" s="84"/>
    </row>
    <row r="2441" spans="35:39" x14ac:dyDescent="0.35">
      <c r="AI2441" s="84"/>
      <c r="AM2441" s="84"/>
    </row>
    <row r="2442" spans="35:39" x14ac:dyDescent="0.35">
      <c r="AI2442" s="84"/>
      <c r="AM2442" s="84"/>
    </row>
    <row r="2443" spans="35:39" x14ac:dyDescent="0.35">
      <c r="AI2443" s="84"/>
      <c r="AM2443" s="84"/>
    </row>
    <row r="2444" spans="35:39" x14ac:dyDescent="0.35">
      <c r="AI2444" s="84"/>
      <c r="AM2444" s="84"/>
    </row>
    <row r="2445" spans="35:39" x14ac:dyDescent="0.35">
      <c r="AI2445" s="84"/>
      <c r="AM2445" s="84"/>
    </row>
    <row r="2446" spans="35:39" x14ac:dyDescent="0.35">
      <c r="AI2446" s="84"/>
      <c r="AM2446" s="84"/>
    </row>
    <row r="2447" spans="35:39" x14ac:dyDescent="0.35">
      <c r="AI2447" s="84"/>
      <c r="AM2447" s="84"/>
    </row>
    <row r="2448" spans="35:39" x14ac:dyDescent="0.35">
      <c r="AI2448" s="84"/>
      <c r="AM2448" s="84"/>
    </row>
    <row r="2449" spans="35:39" x14ac:dyDescent="0.35">
      <c r="AI2449" s="84"/>
      <c r="AM2449" s="84"/>
    </row>
    <row r="2450" spans="35:39" x14ac:dyDescent="0.35">
      <c r="AI2450" s="84"/>
      <c r="AM2450" s="84"/>
    </row>
    <row r="2451" spans="35:39" x14ac:dyDescent="0.35">
      <c r="AI2451" s="84"/>
      <c r="AM2451" s="84"/>
    </row>
    <row r="2452" spans="35:39" x14ac:dyDescent="0.35">
      <c r="AI2452" s="84"/>
      <c r="AM2452" s="84"/>
    </row>
    <row r="2453" spans="35:39" x14ac:dyDescent="0.35">
      <c r="AI2453" s="84"/>
      <c r="AM2453" s="84"/>
    </row>
    <row r="2454" spans="35:39" x14ac:dyDescent="0.35">
      <c r="AI2454" s="84"/>
      <c r="AM2454" s="84"/>
    </row>
    <row r="2455" spans="35:39" x14ac:dyDescent="0.35">
      <c r="AI2455" s="84"/>
      <c r="AM2455" s="84"/>
    </row>
    <row r="2456" spans="35:39" x14ac:dyDescent="0.35">
      <c r="AI2456" s="84"/>
      <c r="AM2456" s="84"/>
    </row>
    <row r="2457" spans="35:39" x14ac:dyDescent="0.35">
      <c r="AI2457" s="84"/>
      <c r="AM2457" s="84"/>
    </row>
    <row r="2458" spans="35:39" x14ac:dyDescent="0.35">
      <c r="AI2458" s="84"/>
      <c r="AM2458" s="84"/>
    </row>
    <row r="2459" spans="35:39" x14ac:dyDescent="0.35">
      <c r="AI2459" s="84"/>
      <c r="AM2459" s="84"/>
    </row>
    <row r="2460" spans="35:39" x14ac:dyDescent="0.35">
      <c r="AI2460" s="84"/>
      <c r="AM2460" s="84"/>
    </row>
    <row r="2461" spans="35:39" x14ac:dyDescent="0.35">
      <c r="AI2461" s="84"/>
      <c r="AM2461" s="84"/>
    </row>
    <row r="2462" spans="35:39" x14ac:dyDescent="0.35">
      <c r="AI2462" s="84"/>
      <c r="AM2462" s="84"/>
    </row>
    <row r="2463" spans="35:39" x14ac:dyDescent="0.35">
      <c r="AI2463" s="84"/>
      <c r="AM2463" s="84"/>
    </row>
    <row r="2464" spans="35:39" x14ac:dyDescent="0.35">
      <c r="AI2464" s="84"/>
      <c r="AM2464" s="84"/>
    </row>
    <row r="2465" spans="35:39" x14ac:dyDescent="0.35">
      <c r="AI2465" s="84"/>
      <c r="AM2465" s="84"/>
    </row>
    <row r="2466" spans="35:39" x14ac:dyDescent="0.35">
      <c r="AI2466" s="84"/>
      <c r="AM2466" s="84"/>
    </row>
    <row r="2467" spans="35:39" x14ac:dyDescent="0.35">
      <c r="AI2467" s="84"/>
      <c r="AM2467" s="84"/>
    </row>
    <row r="2468" spans="35:39" x14ac:dyDescent="0.35">
      <c r="AI2468" s="84"/>
      <c r="AM2468" s="84"/>
    </row>
    <row r="2469" spans="35:39" x14ac:dyDescent="0.35">
      <c r="AI2469" s="84"/>
      <c r="AM2469" s="84"/>
    </row>
    <row r="2470" spans="35:39" x14ac:dyDescent="0.35">
      <c r="AI2470" s="84"/>
      <c r="AM2470" s="84"/>
    </row>
    <row r="2471" spans="35:39" x14ac:dyDescent="0.35">
      <c r="AI2471" s="84"/>
      <c r="AM2471" s="84"/>
    </row>
    <row r="2472" spans="35:39" x14ac:dyDescent="0.35">
      <c r="AI2472" s="84"/>
      <c r="AM2472" s="84"/>
    </row>
    <row r="2473" spans="35:39" x14ac:dyDescent="0.35">
      <c r="AI2473" s="84"/>
      <c r="AM2473" s="84"/>
    </row>
    <row r="2474" spans="35:39" x14ac:dyDescent="0.35">
      <c r="AI2474" s="84"/>
      <c r="AM2474" s="84"/>
    </row>
    <row r="2475" spans="35:39" x14ac:dyDescent="0.35">
      <c r="AI2475" s="84"/>
      <c r="AM2475" s="84"/>
    </row>
    <row r="2476" spans="35:39" x14ac:dyDescent="0.35">
      <c r="AI2476" s="84"/>
      <c r="AM2476" s="84"/>
    </row>
    <row r="2477" spans="35:39" x14ac:dyDescent="0.35">
      <c r="AI2477" s="84"/>
      <c r="AM2477" s="84"/>
    </row>
    <row r="2478" spans="35:39" x14ac:dyDescent="0.35">
      <c r="AI2478" s="84"/>
      <c r="AM2478" s="84"/>
    </row>
    <row r="2479" spans="35:39" x14ac:dyDescent="0.35">
      <c r="AI2479" s="84"/>
      <c r="AM2479" s="84"/>
    </row>
    <row r="2480" spans="35:39" x14ac:dyDescent="0.35">
      <c r="AI2480" s="84"/>
      <c r="AM2480" s="84"/>
    </row>
    <row r="2481" spans="35:39" x14ac:dyDescent="0.35">
      <c r="AI2481" s="84"/>
      <c r="AM2481" s="84"/>
    </row>
    <row r="2482" spans="35:39" x14ac:dyDescent="0.35">
      <c r="AI2482" s="84"/>
      <c r="AM2482" s="84"/>
    </row>
    <row r="2483" spans="35:39" x14ac:dyDescent="0.35">
      <c r="AI2483" s="84"/>
      <c r="AM2483" s="84"/>
    </row>
    <row r="2484" spans="35:39" x14ac:dyDescent="0.35">
      <c r="AI2484" s="84"/>
      <c r="AM2484" s="84"/>
    </row>
    <row r="2485" spans="35:39" x14ac:dyDescent="0.35">
      <c r="AI2485" s="84"/>
      <c r="AM2485" s="84"/>
    </row>
    <row r="2486" spans="35:39" x14ac:dyDescent="0.35">
      <c r="AI2486" s="84"/>
      <c r="AM2486" s="84"/>
    </row>
    <row r="2487" spans="35:39" x14ac:dyDescent="0.35">
      <c r="AI2487" s="84"/>
      <c r="AM2487" s="84"/>
    </row>
    <row r="2488" spans="35:39" x14ac:dyDescent="0.35">
      <c r="AI2488" s="84"/>
      <c r="AM2488" s="84"/>
    </row>
    <row r="2489" spans="35:39" x14ac:dyDescent="0.35">
      <c r="AI2489" s="84"/>
      <c r="AM2489" s="84"/>
    </row>
    <row r="2490" spans="35:39" x14ac:dyDescent="0.35">
      <c r="AI2490" s="84"/>
      <c r="AM2490" s="84"/>
    </row>
    <row r="2491" spans="35:39" x14ac:dyDescent="0.35">
      <c r="AI2491" s="84"/>
      <c r="AM2491" s="84"/>
    </row>
    <row r="2492" spans="35:39" x14ac:dyDescent="0.35">
      <c r="AI2492" s="84"/>
      <c r="AM2492" s="84"/>
    </row>
    <row r="2493" spans="35:39" x14ac:dyDescent="0.35">
      <c r="AI2493" s="84"/>
      <c r="AM2493" s="84"/>
    </row>
    <row r="2494" spans="35:39" x14ac:dyDescent="0.35">
      <c r="AI2494" s="84"/>
      <c r="AM2494" s="84"/>
    </row>
    <row r="2495" spans="35:39" x14ac:dyDescent="0.35">
      <c r="AI2495" s="84"/>
      <c r="AM2495" s="84"/>
    </row>
    <row r="2496" spans="35:39" x14ac:dyDescent="0.35">
      <c r="AI2496" s="84"/>
      <c r="AM2496" s="84"/>
    </row>
    <row r="2497" spans="35:39" x14ac:dyDescent="0.35">
      <c r="AI2497" s="84"/>
      <c r="AM2497" s="84"/>
    </row>
    <row r="2498" spans="35:39" x14ac:dyDescent="0.35">
      <c r="AI2498" s="84"/>
      <c r="AM2498" s="84"/>
    </row>
    <row r="2499" spans="35:39" x14ac:dyDescent="0.35">
      <c r="AI2499" s="84"/>
      <c r="AM2499" s="84"/>
    </row>
    <row r="2500" spans="35:39" x14ac:dyDescent="0.35">
      <c r="AI2500" s="84"/>
      <c r="AM2500" s="84"/>
    </row>
    <row r="2501" spans="35:39" x14ac:dyDescent="0.35">
      <c r="AI2501" s="84"/>
      <c r="AM2501" s="84"/>
    </row>
    <row r="2502" spans="35:39" x14ac:dyDescent="0.35">
      <c r="AI2502" s="84"/>
      <c r="AM2502" s="84"/>
    </row>
    <row r="2503" spans="35:39" x14ac:dyDescent="0.35">
      <c r="AI2503" s="84"/>
      <c r="AM2503" s="84"/>
    </row>
    <row r="2504" spans="35:39" x14ac:dyDescent="0.35">
      <c r="AI2504" s="84"/>
      <c r="AM2504" s="84"/>
    </row>
    <row r="2505" spans="35:39" x14ac:dyDescent="0.35">
      <c r="AI2505" s="84"/>
      <c r="AM2505" s="84"/>
    </row>
    <row r="2506" spans="35:39" x14ac:dyDescent="0.35">
      <c r="AI2506" s="84"/>
      <c r="AM2506" s="84"/>
    </row>
    <row r="2507" spans="35:39" x14ac:dyDescent="0.35">
      <c r="AI2507" s="84"/>
      <c r="AM2507" s="84"/>
    </row>
    <row r="2508" spans="35:39" x14ac:dyDescent="0.35">
      <c r="AI2508" s="84"/>
      <c r="AM2508" s="84"/>
    </row>
    <row r="2509" spans="35:39" x14ac:dyDescent="0.35">
      <c r="AI2509" s="84"/>
      <c r="AM2509" s="84"/>
    </row>
    <row r="2510" spans="35:39" x14ac:dyDescent="0.35">
      <c r="AI2510" s="84"/>
      <c r="AM2510" s="84"/>
    </row>
    <row r="2511" spans="35:39" x14ac:dyDescent="0.35">
      <c r="AI2511" s="84"/>
      <c r="AM2511" s="84"/>
    </row>
    <row r="2512" spans="35:39" x14ac:dyDescent="0.35">
      <c r="AI2512" s="84"/>
      <c r="AM2512" s="84"/>
    </row>
    <row r="2513" spans="35:39" x14ac:dyDescent="0.35">
      <c r="AI2513" s="84"/>
      <c r="AM2513" s="84"/>
    </row>
    <row r="2514" spans="35:39" x14ac:dyDescent="0.35">
      <c r="AI2514" s="84"/>
      <c r="AM2514" s="84"/>
    </row>
    <row r="2515" spans="35:39" x14ac:dyDescent="0.35">
      <c r="AI2515" s="84"/>
      <c r="AM2515" s="84"/>
    </row>
    <row r="2516" spans="35:39" x14ac:dyDescent="0.35">
      <c r="AI2516" s="84"/>
      <c r="AM2516" s="84"/>
    </row>
    <row r="2517" spans="35:39" x14ac:dyDescent="0.35">
      <c r="AI2517" s="84"/>
      <c r="AM2517" s="84"/>
    </row>
    <row r="2518" spans="35:39" x14ac:dyDescent="0.35">
      <c r="AI2518" s="84"/>
      <c r="AM2518" s="84"/>
    </row>
    <row r="2519" spans="35:39" x14ac:dyDescent="0.35">
      <c r="AI2519" s="84"/>
      <c r="AM2519" s="84"/>
    </row>
    <row r="2520" spans="35:39" x14ac:dyDescent="0.35">
      <c r="AI2520" s="84"/>
      <c r="AM2520" s="84"/>
    </row>
    <row r="2521" spans="35:39" x14ac:dyDescent="0.35">
      <c r="AI2521" s="84"/>
      <c r="AM2521" s="84"/>
    </row>
    <row r="2522" spans="35:39" x14ac:dyDescent="0.35">
      <c r="AI2522" s="84"/>
      <c r="AM2522" s="84"/>
    </row>
    <row r="2523" spans="35:39" x14ac:dyDescent="0.35">
      <c r="AI2523" s="84"/>
      <c r="AM2523" s="84"/>
    </row>
    <row r="2524" spans="35:39" x14ac:dyDescent="0.35">
      <c r="AI2524" s="84"/>
      <c r="AM2524" s="84"/>
    </row>
    <row r="2525" spans="35:39" x14ac:dyDescent="0.35">
      <c r="AI2525" s="84"/>
      <c r="AM2525" s="84"/>
    </row>
    <row r="2526" spans="35:39" x14ac:dyDescent="0.35">
      <c r="AI2526" s="84"/>
      <c r="AM2526" s="84"/>
    </row>
    <row r="2527" spans="35:39" x14ac:dyDescent="0.35">
      <c r="AI2527" s="84"/>
      <c r="AM2527" s="84"/>
    </row>
    <row r="2528" spans="35:39" x14ac:dyDescent="0.35">
      <c r="AI2528" s="84"/>
      <c r="AM2528" s="84"/>
    </row>
    <row r="2529" spans="35:39" x14ac:dyDescent="0.35">
      <c r="AI2529" s="84"/>
      <c r="AM2529" s="84"/>
    </row>
    <row r="2530" spans="35:39" x14ac:dyDescent="0.35">
      <c r="AI2530" s="84"/>
      <c r="AM2530" s="84"/>
    </row>
    <row r="2531" spans="35:39" x14ac:dyDescent="0.35">
      <c r="AI2531" s="84"/>
      <c r="AM2531" s="84"/>
    </row>
    <row r="2532" spans="35:39" x14ac:dyDescent="0.35">
      <c r="AI2532" s="84"/>
      <c r="AM2532" s="84"/>
    </row>
    <row r="2533" spans="35:39" x14ac:dyDescent="0.35">
      <c r="AI2533" s="84"/>
      <c r="AM2533" s="84"/>
    </row>
    <row r="2534" spans="35:39" x14ac:dyDescent="0.35">
      <c r="AI2534" s="84"/>
      <c r="AM2534" s="84"/>
    </row>
    <row r="2535" spans="35:39" x14ac:dyDescent="0.35">
      <c r="AI2535" s="84"/>
      <c r="AM2535" s="84"/>
    </row>
    <row r="2536" spans="35:39" x14ac:dyDescent="0.35">
      <c r="AI2536" s="84"/>
      <c r="AM2536" s="84"/>
    </row>
    <row r="2537" spans="35:39" x14ac:dyDescent="0.35">
      <c r="AI2537" s="84"/>
      <c r="AM2537" s="84"/>
    </row>
    <row r="2538" spans="35:39" x14ac:dyDescent="0.35">
      <c r="AI2538" s="84"/>
      <c r="AM2538" s="84"/>
    </row>
    <row r="2539" spans="35:39" x14ac:dyDescent="0.35">
      <c r="AI2539" s="84"/>
      <c r="AM2539" s="84"/>
    </row>
    <row r="2540" spans="35:39" x14ac:dyDescent="0.35">
      <c r="AI2540" s="84"/>
      <c r="AM2540" s="84"/>
    </row>
    <row r="2541" spans="35:39" x14ac:dyDescent="0.35">
      <c r="AI2541" s="84"/>
      <c r="AM2541" s="84"/>
    </row>
    <row r="2542" spans="35:39" x14ac:dyDescent="0.35">
      <c r="AI2542" s="84"/>
      <c r="AM2542" s="84"/>
    </row>
    <row r="2543" spans="35:39" x14ac:dyDescent="0.35">
      <c r="AI2543" s="84"/>
      <c r="AM2543" s="84"/>
    </row>
    <row r="2544" spans="35:39" x14ac:dyDescent="0.35">
      <c r="AI2544" s="84"/>
      <c r="AM2544" s="84"/>
    </row>
    <row r="2545" spans="35:39" x14ac:dyDescent="0.35">
      <c r="AI2545" s="84"/>
      <c r="AM2545" s="84"/>
    </row>
    <row r="2546" spans="35:39" x14ac:dyDescent="0.35">
      <c r="AI2546" s="84"/>
      <c r="AM2546" s="84"/>
    </row>
    <row r="2547" spans="35:39" x14ac:dyDescent="0.35">
      <c r="AI2547" s="84"/>
      <c r="AM2547" s="84"/>
    </row>
    <row r="2548" spans="35:39" x14ac:dyDescent="0.35">
      <c r="AI2548" s="84"/>
      <c r="AM2548" s="84"/>
    </row>
    <row r="2549" spans="35:39" x14ac:dyDescent="0.35">
      <c r="AI2549" s="84"/>
      <c r="AM2549" s="84"/>
    </row>
    <row r="2550" spans="35:39" x14ac:dyDescent="0.35">
      <c r="AI2550" s="84"/>
      <c r="AM2550" s="84"/>
    </row>
    <row r="2551" spans="35:39" x14ac:dyDescent="0.35">
      <c r="AI2551" s="84"/>
      <c r="AM2551" s="84"/>
    </row>
    <row r="2552" spans="35:39" x14ac:dyDescent="0.35">
      <c r="AI2552" s="84"/>
      <c r="AM2552" s="84"/>
    </row>
    <row r="2553" spans="35:39" x14ac:dyDescent="0.35">
      <c r="AI2553" s="84"/>
      <c r="AM2553" s="84"/>
    </row>
    <row r="2554" spans="35:39" x14ac:dyDescent="0.35">
      <c r="AI2554" s="84"/>
      <c r="AM2554" s="84"/>
    </row>
    <row r="2555" spans="35:39" x14ac:dyDescent="0.35">
      <c r="AI2555" s="84"/>
      <c r="AM2555" s="84"/>
    </row>
    <row r="2556" spans="35:39" x14ac:dyDescent="0.35">
      <c r="AI2556" s="84"/>
      <c r="AM2556" s="84"/>
    </row>
    <row r="2557" spans="35:39" x14ac:dyDescent="0.35">
      <c r="AI2557" s="84"/>
      <c r="AM2557" s="84"/>
    </row>
    <row r="2558" spans="35:39" x14ac:dyDescent="0.35">
      <c r="AI2558" s="84"/>
      <c r="AM2558" s="84"/>
    </row>
    <row r="2559" spans="35:39" x14ac:dyDescent="0.35">
      <c r="AI2559" s="84"/>
      <c r="AM2559" s="84"/>
    </row>
    <row r="2560" spans="35:39" x14ac:dyDescent="0.35">
      <c r="AI2560" s="84"/>
      <c r="AM2560" s="84"/>
    </row>
    <row r="2561" spans="35:39" x14ac:dyDescent="0.35">
      <c r="AI2561" s="84"/>
      <c r="AM2561" s="84"/>
    </row>
    <row r="2562" spans="35:39" x14ac:dyDescent="0.35">
      <c r="AI2562" s="84"/>
      <c r="AM2562" s="84"/>
    </row>
    <row r="2563" spans="35:39" x14ac:dyDescent="0.35">
      <c r="AI2563" s="84"/>
      <c r="AM2563" s="84"/>
    </row>
    <row r="2564" spans="35:39" x14ac:dyDescent="0.35">
      <c r="AI2564" s="84"/>
      <c r="AM2564" s="84"/>
    </row>
    <row r="2565" spans="35:39" x14ac:dyDescent="0.35">
      <c r="AI2565" s="84"/>
      <c r="AM2565" s="84"/>
    </row>
    <row r="2566" spans="35:39" x14ac:dyDescent="0.35">
      <c r="AI2566" s="84"/>
      <c r="AM2566" s="84"/>
    </row>
    <row r="2567" spans="35:39" x14ac:dyDescent="0.35">
      <c r="AI2567" s="84"/>
      <c r="AM2567" s="84"/>
    </row>
    <row r="2568" spans="35:39" x14ac:dyDescent="0.35">
      <c r="AI2568" s="84"/>
      <c r="AM2568" s="84"/>
    </row>
    <row r="2569" spans="35:39" x14ac:dyDescent="0.35">
      <c r="AI2569" s="84"/>
      <c r="AM2569" s="84"/>
    </row>
    <row r="2570" spans="35:39" x14ac:dyDescent="0.35">
      <c r="AI2570" s="84"/>
      <c r="AM2570" s="84"/>
    </row>
    <row r="2571" spans="35:39" x14ac:dyDescent="0.35">
      <c r="AI2571" s="84"/>
      <c r="AM2571" s="84"/>
    </row>
    <row r="2572" spans="35:39" x14ac:dyDescent="0.35">
      <c r="AI2572" s="84"/>
      <c r="AM2572" s="84"/>
    </row>
    <row r="2573" spans="35:39" x14ac:dyDescent="0.35">
      <c r="AI2573" s="84"/>
      <c r="AM2573" s="84"/>
    </row>
    <row r="2574" spans="35:39" x14ac:dyDescent="0.35">
      <c r="AI2574" s="84"/>
      <c r="AM2574" s="84"/>
    </row>
    <row r="2575" spans="35:39" x14ac:dyDescent="0.35">
      <c r="AI2575" s="84"/>
      <c r="AM2575" s="84"/>
    </row>
    <row r="2576" spans="35:39" x14ac:dyDescent="0.35">
      <c r="AI2576" s="84"/>
      <c r="AM2576" s="84"/>
    </row>
    <row r="2577" spans="35:39" x14ac:dyDescent="0.35">
      <c r="AI2577" s="84"/>
      <c r="AM2577" s="84"/>
    </row>
    <row r="2578" spans="35:39" x14ac:dyDescent="0.35">
      <c r="AI2578" s="84"/>
      <c r="AM2578" s="84"/>
    </row>
    <row r="2579" spans="35:39" x14ac:dyDescent="0.35">
      <c r="AI2579" s="84"/>
      <c r="AM2579" s="84"/>
    </row>
    <row r="2580" spans="35:39" x14ac:dyDescent="0.35">
      <c r="AI2580" s="84"/>
      <c r="AM2580" s="84"/>
    </row>
    <row r="2581" spans="35:39" x14ac:dyDescent="0.35">
      <c r="AI2581" s="84"/>
      <c r="AM2581" s="84"/>
    </row>
    <row r="2582" spans="35:39" x14ac:dyDescent="0.35">
      <c r="AI2582" s="84"/>
      <c r="AM2582" s="84"/>
    </row>
    <row r="2583" spans="35:39" x14ac:dyDescent="0.35">
      <c r="AI2583" s="84"/>
      <c r="AM2583" s="84"/>
    </row>
    <row r="2584" spans="35:39" x14ac:dyDescent="0.35">
      <c r="AI2584" s="84"/>
      <c r="AM2584" s="84"/>
    </row>
    <row r="2585" spans="35:39" x14ac:dyDescent="0.35">
      <c r="AI2585" s="84"/>
      <c r="AM2585" s="84"/>
    </row>
    <row r="2586" spans="35:39" x14ac:dyDescent="0.35">
      <c r="AI2586" s="84"/>
      <c r="AM2586" s="84"/>
    </row>
    <row r="2587" spans="35:39" x14ac:dyDescent="0.35">
      <c r="AI2587" s="84"/>
      <c r="AM2587" s="84"/>
    </row>
    <row r="2588" spans="35:39" x14ac:dyDescent="0.35">
      <c r="AI2588" s="84"/>
      <c r="AM2588" s="84"/>
    </row>
    <row r="2589" spans="35:39" x14ac:dyDescent="0.35">
      <c r="AI2589" s="84"/>
      <c r="AM2589" s="84"/>
    </row>
    <row r="2590" spans="35:39" x14ac:dyDescent="0.35">
      <c r="AI2590" s="84"/>
      <c r="AM2590" s="84"/>
    </row>
    <row r="2591" spans="35:39" x14ac:dyDescent="0.35">
      <c r="AI2591" s="84"/>
      <c r="AM2591" s="84"/>
    </row>
    <row r="2592" spans="35:39" x14ac:dyDescent="0.35">
      <c r="AI2592" s="84"/>
      <c r="AM2592" s="84"/>
    </row>
    <row r="2593" spans="35:39" x14ac:dyDescent="0.35">
      <c r="AI2593" s="84"/>
      <c r="AM2593" s="84"/>
    </row>
    <row r="2594" spans="35:39" x14ac:dyDescent="0.35">
      <c r="AI2594" s="84"/>
      <c r="AM2594" s="84"/>
    </row>
    <row r="2595" spans="35:39" x14ac:dyDescent="0.35">
      <c r="AI2595" s="84"/>
      <c r="AM2595" s="84"/>
    </row>
    <row r="2596" spans="35:39" x14ac:dyDescent="0.35">
      <c r="AI2596" s="84"/>
      <c r="AM2596" s="84"/>
    </row>
    <row r="2597" spans="35:39" x14ac:dyDescent="0.35">
      <c r="AI2597" s="84"/>
      <c r="AM2597" s="84"/>
    </row>
    <row r="2598" spans="35:39" x14ac:dyDescent="0.35">
      <c r="AI2598" s="84"/>
      <c r="AM2598" s="84"/>
    </row>
    <row r="2599" spans="35:39" x14ac:dyDescent="0.35">
      <c r="AI2599" s="84"/>
      <c r="AM2599" s="84"/>
    </row>
    <row r="2600" spans="35:39" x14ac:dyDescent="0.35">
      <c r="AI2600" s="84"/>
      <c r="AM2600" s="84"/>
    </row>
    <row r="2601" spans="35:39" x14ac:dyDescent="0.35">
      <c r="AI2601" s="84"/>
      <c r="AM2601" s="84"/>
    </row>
    <row r="2602" spans="35:39" x14ac:dyDescent="0.35">
      <c r="AI2602" s="84"/>
      <c r="AM2602" s="84"/>
    </row>
    <row r="2603" spans="35:39" x14ac:dyDescent="0.35">
      <c r="AI2603" s="84"/>
      <c r="AM2603" s="84"/>
    </row>
    <row r="2604" spans="35:39" x14ac:dyDescent="0.35">
      <c r="AI2604" s="84"/>
      <c r="AM2604" s="84"/>
    </row>
    <row r="2605" spans="35:39" x14ac:dyDescent="0.35">
      <c r="AI2605" s="84"/>
      <c r="AM2605" s="84"/>
    </row>
    <row r="2606" spans="35:39" x14ac:dyDescent="0.35">
      <c r="AI2606" s="84"/>
      <c r="AM2606" s="84"/>
    </row>
    <row r="2607" spans="35:39" x14ac:dyDescent="0.35">
      <c r="AI2607" s="84"/>
      <c r="AM2607" s="84"/>
    </row>
    <row r="2608" spans="35:39" x14ac:dyDescent="0.35">
      <c r="AI2608" s="84"/>
      <c r="AM2608" s="84"/>
    </row>
    <row r="2609" spans="35:39" x14ac:dyDescent="0.35">
      <c r="AI2609" s="84"/>
      <c r="AM2609" s="84"/>
    </row>
    <row r="2610" spans="35:39" x14ac:dyDescent="0.35">
      <c r="AI2610" s="84"/>
      <c r="AM2610" s="84"/>
    </row>
    <row r="2611" spans="35:39" x14ac:dyDescent="0.35">
      <c r="AI2611" s="84"/>
      <c r="AM2611" s="84"/>
    </row>
    <row r="2612" spans="35:39" x14ac:dyDescent="0.35">
      <c r="AI2612" s="84"/>
      <c r="AM2612" s="84"/>
    </row>
    <row r="2613" spans="35:39" x14ac:dyDescent="0.35">
      <c r="AI2613" s="84"/>
      <c r="AM2613" s="84"/>
    </row>
    <row r="2614" spans="35:39" x14ac:dyDescent="0.35">
      <c r="AI2614" s="84"/>
      <c r="AM2614" s="84"/>
    </row>
    <row r="2615" spans="35:39" x14ac:dyDescent="0.35">
      <c r="AI2615" s="84"/>
      <c r="AM2615" s="84"/>
    </row>
    <row r="2616" spans="35:39" x14ac:dyDescent="0.35">
      <c r="AI2616" s="84"/>
      <c r="AM2616" s="84"/>
    </row>
    <row r="2617" spans="35:39" x14ac:dyDescent="0.35">
      <c r="AI2617" s="84"/>
      <c r="AM2617" s="84"/>
    </row>
    <row r="2618" spans="35:39" x14ac:dyDescent="0.35">
      <c r="AI2618" s="84"/>
      <c r="AM2618" s="84"/>
    </row>
    <row r="2619" spans="35:39" x14ac:dyDescent="0.35">
      <c r="AI2619" s="84"/>
      <c r="AM2619" s="84"/>
    </row>
    <row r="2620" spans="35:39" x14ac:dyDescent="0.35">
      <c r="AI2620" s="84"/>
      <c r="AM2620" s="84"/>
    </row>
    <row r="2621" spans="35:39" x14ac:dyDescent="0.35">
      <c r="AI2621" s="84"/>
      <c r="AM2621" s="84"/>
    </row>
    <row r="2622" spans="35:39" x14ac:dyDescent="0.35">
      <c r="AI2622" s="84"/>
      <c r="AM2622" s="84"/>
    </row>
    <row r="2623" spans="35:39" x14ac:dyDescent="0.35">
      <c r="AI2623" s="84"/>
      <c r="AM2623" s="84"/>
    </row>
    <row r="2624" spans="35:39" x14ac:dyDescent="0.35">
      <c r="AI2624" s="84"/>
      <c r="AM2624" s="84"/>
    </row>
    <row r="2625" spans="35:39" x14ac:dyDescent="0.35">
      <c r="AI2625" s="84"/>
      <c r="AM2625" s="84"/>
    </row>
    <row r="2626" spans="35:39" x14ac:dyDescent="0.35">
      <c r="AI2626" s="84"/>
      <c r="AM2626" s="84"/>
    </row>
    <row r="2627" spans="35:39" x14ac:dyDescent="0.35">
      <c r="AI2627" s="84"/>
      <c r="AM2627" s="84"/>
    </row>
    <row r="2628" spans="35:39" x14ac:dyDescent="0.35">
      <c r="AI2628" s="84"/>
      <c r="AM2628" s="84"/>
    </row>
    <row r="2629" spans="35:39" x14ac:dyDescent="0.35">
      <c r="AI2629" s="84"/>
      <c r="AM2629" s="84"/>
    </row>
    <row r="2630" spans="35:39" x14ac:dyDescent="0.35">
      <c r="AI2630" s="84"/>
      <c r="AM2630" s="84"/>
    </row>
    <row r="2631" spans="35:39" x14ac:dyDescent="0.35">
      <c r="AI2631" s="84"/>
      <c r="AM2631" s="84"/>
    </row>
    <row r="2632" spans="35:39" x14ac:dyDescent="0.35">
      <c r="AI2632" s="84"/>
      <c r="AM2632" s="84"/>
    </row>
    <row r="2633" spans="35:39" x14ac:dyDescent="0.35">
      <c r="AI2633" s="84"/>
      <c r="AM2633" s="84"/>
    </row>
    <row r="2634" spans="35:39" x14ac:dyDescent="0.35">
      <c r="AI2634" s="84"/>
      <c r="AM2634" s="84"/>
    </row>
    <row r="2635" spans="35:39" x14ac:dyDescent="0.35">
      <c r="AI2635" s="84"/>
      <c r="AM2635" s="84"/>
    </row>
    <row r="2636" spans="35:39" x14ac:dyDescent="0.35">
      <c r="AI2636" s="84"/>
      <c r="AM2636" s="84"/>
    </row>
    <row r="2637" spans="35:39" x14ac:dyDescent="0.35">
      <c r="AI2637" s="84"/>
      <c r="AM2637" s="84"/>
    </row>
    <row r="2638" spans="35:39" x14ac:dyDescent="0.35">
      <c r="AI2638" s="84"/>
      <c r="AM2638" s="84"/>
    </row>
    <row r="2639" spans="35:39" x14ac:dyDescent="0.35">
      <c r="AI2639" s="84"/>
      <c r="AM2639" s="84"/>
    </row>
    <row r="2640" spans="35:39" x14ac:dyDescent="0.35">
      <c r="AI2640" s="84"/>
      <c r="AM2640" s="84"/>
    </row>
    <row r="2641" spans="35:39" x14ac:dyDescent="0.35">
      <c r="AI2641" s="84"/>
      <c r="AM2641" s="84"/>
    </row>
    <row r="2642" spans="35:39" x14ac:dyDescent="0.35">
      <c r="AI2642" s="84"/>
      <c r="AM2642" s="84"/>
    </row>
    <row r="2643" spans="35:39" x14ac:dyDescent="0.35">
      <c r="AI2643" s="84"/>
      <c r="AM2643" s="84"/>
    </row>
    <row r="2644" spans="35:39" x14ac:dyDescent="0.35">
      <c r="AI2644" s="84"/>
      <c r="AM2644" s="84"/>
    </row>
    <row r="2645" spans="35:39" x14ac:dyDescent="0.35">
      <c r="AI2645" s="84"/>
      <c r="AM2645" s="84"/>
    </row>
    <row r="2646" spans="35:39" x14ac:dyDescent="0.35">
      <c r="AI2646" s="84"/>
      <c r="AM2646" s="84"/>
    </row>
    <row r="2647" spans="35:39" x14ac:dyDescent="0.35">
      <c r="AI2647" s="84"/>
      <c r="AM2647" s="84"/>
    </row>
    <row r="2648" spans="35:39" x14ac:dyDescent="0.35">
      <c r="AI2648" s="84"/>
      <c r="AM2648" s="84"/>
    </row>
    <row r="2649" spans="35:39" x14ac:dyDescent="0.35">
      <c r="AI2649" s="84"/>
      <c r="AM2649" s="84"/>
    </row>
    <row r="2650" spans="35:39" x14ac:dyDescent="0.35">
      <c r="AI2650" s="84"/>
      <c r="AM2650" s="84"/>
    </row>
    <row r="2651" spans="35:39" x14ac:dyDescent="0.35">
      <c r="AI2651" s="84"/>
      <c r="AM2651" s="84"/>
    </row>
    <row r="2652" spans="35:39" x14ac:dyDescent="0.35">
      <c r="AI2652" s="84"/>
      <c r="AM2652" s="84"/>
    </row>
    <row r="2653" spans="35:39" x14ac:dyDescent="0.35">
      <c r="AI2653" s="84"/>
      <c r="AM2653" s="84"/>
    </row>
    <row r="2654" spans="35:39" x14ac:dyDescent="0.35">
      <c r="AI2654" s="84"/>
      <c r="AM2654" s="84"/>
    </row>
    <row r="2655" spans="35:39" x14ac:dyDescent="0.35">
      <c r="AI2655" s="84"/>
      <c r="AM2655" s="84"/>
    </row>
    <row r="2656" spans="35:39" x14ac:dyDescent="0.35">
      <c r="AI2656" s="84"/>
      <c r="AM2656" s="84"/>
    </row>
    <row r="2657" spans="35:39" x14ac:dyDescent="0.35">
      <c r="AI2657" s="84"/>
      <c r="AM2657" s="84"/>
    </row>
    <row r="2658" spans="35:39" x14ac:dyDescent="0.35">
      <c r="AI2658" s="84"/>
      <c r="AM2658" s="84"/>
    </row>
    <row r="2659" spans="35:39" x14ac:dyDescent="0.35">
      <c r="AI2659" s="84"/>
      <c r="AM2659" s="84"/>
    </row>
    <row r="2660" spans="35:39" x14ac:dyDescent="0.35">
      <c r="AI2660" s="84"/>
      <c r="AM2660" s="84"/>
    </row>
    <row r="2661" spans="35:39" x14ac:dyDescent="0.35">
      <c r="AI2661" s="84"/>
      <c r="AM2661" s="84"/>
    </row>
    <row r="2662" spans="35:39" x14ac:dyDescent="0.35">
      <c r="AI2662" s="84"/>
      <c r="AM2662" s="84"/>
    </row>
    <row r="2663" spans="35:39" x14ac:dyDescent="0.35">
      <c r="AI2663" s="84"/>
      <c r="AM2663" s="84"/>
    </row>
    <row r="2664" spans="35:39" x14ac:dyDescent="0.35">
      <c r="AI2664" s="84"/>
      <c r="AM2664" s="84"/>
    </row>
    <row r="2665" spans="35:39" x14ac:dyDescent="0.35">
      <c r="AI2665" s="84"/>
      <c r="AM2665" s="84"/>
    </row>
    <row r="2666" spans="35:39" x14ac:dyDescent="0.35">
      <c r="AI2666" s="84"/>
      <c r="AM2666" s="84"/>
    </row>
    <row r="2667" spans="35:39" x14ac:dyDescent="0.35">
      <c r="AI2667" s="84"/>
      <c r="AM2667" s="84"/>
    </row>
    <row r="2668" spans="35:39" x14ac:dyDescent="0.35">
      <c r="AI2668" s="84"/>
      <c r="AM2668" s="84"/>
    </row>
    <row r="2669" spans="35:39" x14ac:dyDescent="0.35">
      <c r="AI2669" s="84"/>
      <c r="AM2669" s="84"/>
    </row>
    <row r="2670" spans="35:39" x14ac:dyDescent="0.35">
      <c r="AI2670" s="84"/>
      <c r="AM2670" s="84"/>
    </row>
    <row r="2671" spans="35:39" x14ac:dyDescent="0.35">
      <c r="AI2671" s="84"/>
      <c r="AM2671" s="84"/>
    </row>
    <row r="2672" spans="35:39" x14ac:dyDescent="0.35">
      <c r="AI2672" s="84"/>
      <c r="AM2672" s="84"/>
    </row>
    <row r="2673" spans="35:39" x14ac:dyDescent="0.35">
      <c r="AI2673" s="84"/>
      <c r="AM2673" s="84"/>
    </row>
    <row r="2674" spans="35:39" x14ac:dyDescent="0.35">
      <c r="AI2674" s="84"/>
      <c r="AM2674" s="84"/>
    </row>
    <row r="2675" spans="35:39" x14ac:dyDescent="0.35">
      <c r="AI2675" s="84"/>
      <c r="AM2675" s="84"/>
    </row>
    <row r="2676" spans="35:39" x14ac:dyDescent="0.35">
      <c r="AI2676" s="84"/>
      <c r="AM2676" s="84"/>
    </row>
    <row r="2677" spans="35:39" x14ac:dyDescent="0.35">
      <c r="AI2677" s="84"/>
      <c r="AM2677" s="84"/>
    </row>
    <row r="2678" spans="35:39" x14ac:dyDescent="0.35">
      <c r="AI2678" s="84"/>
      <c r="AM2678" s="84"/>
    </row>
    <row r="2679" spans="35:39" x14ac:dyDescent="0.35">
      <c r="AI2679" s="84"/>
      <c r="AM2679" s="84"/>
    </row>
    <row r="2680" spans="35:39" x14ac:dyDescent="0.35">
      <c r="AI2680" s="84"/>
      <c r="AM2680" s="84"/>
    </row>
    <row r="2681" spans="35:39" x14ac:dyDescent="0.35">
      <c r="AI2681" s="84"/>
      <c r="AM2681" s="84"/>
    </row>
    <row r="2682" spans="35:39" x14ac:dyDescent="0.35">
      <c r="AI2682" s="84"/>
      <c r="AM2682" s="84"/>
    </row>
    <row r="2683" spans="35:39" x14ac:dyDescent="0.35">
      <c r="AI2683" s="84"/>
      <c r="AM2683" s="84"/>
    </row>
    <row r="2684" spans="35:39" x14ac:dyDescent="0.35">
      <c r="AI2684" s="84"/>
      <c r="AM2684" s="84"/>
    </row>
    <row r="2685" spans="35:39" x14ac:dyDescent="0.35">
      <c r="AI2685" s="84"/>
      <c r="AM2685" s="84"/>
    </row>
    <row r="2686" spans="35:39" x14ac:dyDescent="0.35">
      <c r="AI2686" s="84"/>
      <c r="AM2686" s="84"/>
    </row>
    <row r="2687" spans="35:39" x14ac:dyDescent="0.35">
      <c r="AI2687" s="84"/>
      <c r="AM2687" s="84"/>
    </row>
    <row r="2688" spans="35:39" x14ac:dyDescent="0.35">
      <c r="AI2688" s="84"/>
      <c r="AM2688" s="84"/>
    </row>
    <row r="2689" spans="35:39" x14ac:dyDescent="0.35">
      <c r="AI2689" s="84"/>
      <c r="AM2689" s="84"/>
    </row>
    <row r="2690" spans="35:39" x14ac:dyDescent="0.35">
      <c r="AI2690" s="84"/>
      <c r="AM2690" s="84"/>
    </row>
    <row r="2691" spans="35:39" x14ac:dyDescent="0.35">
      <c r="AI2691" s="84"/>
      <c r="AM2691" s="84"/>
    </row>
    <row r="2692" spans="35:39" x14ac:dyDescent="0.35">
      <c r="AI2692" s="84"/>
      <c r="AM2692" s="84"/>
    </row>
    <row r="2693" spans="35:39" x14ac:dyDescent="0.35">
      <c r="AI2693" s="84"/>
      <c r="AM2693" s="84"/>
    </row>
    <row r="2694" spans="35:39" x14ac:dyDescent="0.35">
      <c r="AI2694" s="84"/>
      <c r="AM2694" s="84"/>
    </row>
    <row r="2695" spans="35:39" x14ac:dyDescent="0.35">
      <c r="AI2695" s="84"/>
      <c r="AM2695" s="84"/>
    </row>
    <row r="2696" spans="35:39" x14ac:dyDescent="0.35">
      <c r="AI2696" s="84"/>
      <c r="AM2696" s="84"/>
    </row>
    <row r="2697" spans="35:39" x14ac:dyDescent="0.35">
      <c r="AI2697" s="84"/>
      <c r="AM2697" s="84"/>
    </row>
    <row r="2698" spans="35:39" x14ac:dyDescent="0.35">
      <c r="AI2698" s="84"/>
      <c r="AM2698" s="84"/>
    </row>
    <row r="2699" spans="35:39" x14ac:dyDescent="0.35">
      <c r="AI2699" s="84"/>
      <c r="AM2699" s="84"/>
    </row>
    <row r="2700" spans="35:39" x14ac:dyDescent="0.35">
      <c r="AI2700" s="84"/>
      <c r="AM2700" s="84"/>
    </row>
    <row r="2701" spans="35:39" x14ac:dyDescent="0.35">
      <c r="AI2701" s="84"/>
      <c r="AM2701" s="84"/>
    </row>
    <row r="2702" spans="35:39" x14ac:dyDescent="0.35">
      <c r="AI2702" s="84"/>
      <c r="AM2702" s="84"/>
    </row>
    <row r="2703" spans="35:39" x14ac:dyDescent="0.35">
      <c r="AI2703" s="84"/>
      <c r="AM2703" s="84"/>
    </row>
    <row r="2704" spans="35:39" x14ac:dyDescent="0.35">
      <c r="AI2704" s="84"/>
      <c r="AM2704" s="84"/>
    </row>
    <row r="2705" spans="35:39" x14ac:dyDescent="0.35">
      <c r="AI2705" s="84"/>
      <c r="AM2705" s="84"/>
    </row>
    <row r="2706" spans="35:39" x14ac:dyDescent="0.35">
      <c r="AI2706" s="84"/>
      <c r="AM2706" s="84"/>
    </row>
    <row r="2707" spans="35:39" x14ac:dyDescent="0.35">
      <c r="AI2707" s="84"/>
      <c r="AM2707" s="84"/>
    </row>
    <row r="2708" spans="35:39" x14ac:dyDescent="0.35">
      <c r="AI2708" s="84"/>
      <c r="AM2708" s="84"/>
    </row>
    <row r="2709" spans="35:39" x14ac:dyDescent="0.35">
      <c r="AI2709" s="84"/>
      <c r="AM2709" s="84"/>
    </row>
    <row r="2710" spans="35:39" x14ac:dyDescent="0.35">
      <c r="AI2710" s="84"/>
      <c r="AM2710" s="84"/>
    </row>
    <row r="2711" spans="35:39" x14ac:dyDescent="0.35">
      <c r="AI2711" s="84"/>
      <c r="AM2711" s="84"/>
    </row>
    <row r="2712" spans="35:39" x14ac:dyDescent="0.35">
      <c r="AI2712" s="84"/>
      <c r="AM2712" s="84"/>
    </row>
    <row r="2713" spans="35:39" x14ac:dyDescent="0.35">
      <c r="AI2713" s="84"/>
      <c r="AM2713" s="84"/>
    </row>
    <row r="2714" spans="35:39" x14ac:dyDescent="0.35">
      <c r="AI2714" s="84"/>
      <c r="AM2714" s="84"/>
    </row>
    <row r="2715" spans="35:39" x14ac:dyDescent="0.35">
      <c r="AI2715" s="84"/>
      <c r="AM2715" s="84"/>
    </row>
    <row r="2716" spans="35:39" x14ac:dyDescent="0.35">
      <c r="AI2716" s="84"/>
      <c r="AM2716" s="84"/>
    </row>
    <row r="2717" spans="35:39" x14ac:dyDescent="0.35">
      <c r="AI2717" s="84"/>
      <c r="AM2717" s="84"/>
    </row>
    <row r="2718" spans="35:39" x14ac:dyDescent="0.35">
      <c r="AI2718" s="84"/>
      <c r="AM2718" s="84"/>
    </row>
    <row r="2719" spans="35:39" x14ac:dyDescent="0.35">
      <c r="AI2719" s="84"/>
      <c r="AM2719" s="84"/>
    </row>
    <row r="2720" spans="35:39" x14ac:dyDescent="0.35">
      <c r="AI2720" s="84"/>
      <c r="AM2720" s="84"/>
    </row>
    <row r="2721" spans="35:39" x14ac:dyDescent="0.35">
      <c r="AI2721" s="84"/>
      <c r="AM2721" s="84"/>
    </row>
    <row r="2722" spans="35:39" x14ac:dyDescent="0.35">
      <c r="AI2722" s="84"/>
      <c r="AM2722" s="84"/>
    </row>
    <row r="2723" spans="35:39" x14ac:dyDescent="0.35">
      <c r="AI2723" s="84"/>
      <c r="AM2723" s="84"/>
    </row>
    <row r="2724" spans="35:39" x14ac:dyDescent="0.35">
      <c r="AI2724" s="84"/>
      <c r="AM2724" s="84"/>
    </row>
    <row r="2725" spans="35:39" x14ac:dyDescent="0.35">
      <c r="AI2725" s="84"/>
      <c r="AM2725" s="84"/>
    </row>
    <row r="2726" spans="35:39" x14ac:dyDescent="0.35">
      <c r="AI2726" s="84"/>
      <c r="AM2726" s="84"/>
    </row>
    <row r="2727" spans="35:39" x14ac:dyDescent="0.35">
      <c r="AI2727" s="84"/>
      <c r="AM2727" s="84"/>
    </row>
    <row r="2728" spans="35:39" x14ac:dyDescent="0.35">
      <c r="AI2728" s="84"/>
      <c r="AM2728" s="84"/>
    </row>
    <row r="2729" spans="35:39" x14ac:dyDescent="0.35">
      <c r="AI2729" s="84"/>
      <c r="AM2729" s="84"/>
    </row>
    <row r="2730" spans="35:39" x14ac:dyDescent="0.35">
      <c r="AI2730" s="84"/>
      <c r="AM2730" s="84"/>
    </row>
    <row r="2731" spans="35:39" x14ac:dyDescent="0.35">
      <c r="AI2731" s="84"/>
      <c r="AM2731" s="84"/>
    </row>
    <row r="2732" spans="35:39" x14ac:dyDescent="0.35">
      <c r="AI2732" s="84"/>
      <c r="AM2732" s="84"/>
    </row>
    <row r="2733" spans="35:39" x14ac:dyDescent="0.35">
      <c r="AI2733" s="84"/>
      <c r="AM2733" s="84"/>
    </row>
    <row r="2734" spans="35:39" x14ac:dyDescent="0.35">
      <c r="AI2734" s="84"/>
      <c r="AM2734" s="84"/>
    </row>
    <row r="2735" spans="35:39" x14ac:dyDescent="0.35">
      <c r="AI2735" s="84"/>
      <c r="AM2735" s="84"/>
    </row>
    <row r="2736" spans="35:39" x14ac:dyDescent="0.35">
      <c r="AI2736" s="84"/>
      <c r="AM2736" s="84"/>
    </row>
    <row r="2737" spans="35:39" x14ac:dyDescent="0.35">
      <c r="AI2737" s="84"/>
      <c r="AM2737" s="84"/>
    </row>
    <row r="2738" spans="35:39" x14ac:dyDescent="0.35">
      <c r="AI2738" s="84"/>
      <c r="AM2738" s="84"/>
    </row>
    <row r="2739" spans="35:39" x14ac:dyDescent="0.35">
      <c r="AI2739" s="84"/>
      <c r="AM2739" s="84"/>
    </row>
    <row r="2740" spans="35:39" x14ac:dyDescent="0.35">
      <c r="AI2740" s="84"/>
      <c r="AM2740" s="84"/>
    </row>
    <row r="2741" spans="35:39" x14ac:dyDescent="0.35">
      <c r="AI2741" s="84"/>
      <c r="AM2741" s="84"/>
    </row>
    <row r="2742" spans="35:39" x14ac:dyDescent="0.35">
      <c r="AI2742" s="84"/>
      <c r="AM2742" s="84"/>
    </row>
    <row r="2743" spans="35:39" x14ac:dyDescent="0.35">
      <c r="AI2743" s="84"/>
      <c r="AM2743" s="84"/>
    </row>
    <row r="2744" spans="35:39" x14ac:dyDescent="0.35">
      <c r="AI2744" s="84"/>
      <c r="AM2744" s="84"/>
    </row>
    <row r="2745" spans="35:39" x14ac:dyDescent="0.35">
      <c r="AI2745" s="84"/>
      <c r="AM2745" s="84"/>
    </row>
    <row r="2746" spans="35:39" x14ac:dyDescent="0.35">
      <c r="AI2746" s="84"/>
      <c r="AM2746" s="84"/>
    </row>
    <row r="2747" spans="35:39" x14ac:dyDescent="0.35">
      <c r="AI2747" s="84"/>
      <c r="AM2747" s="84"/>
    </row>
    <row r="2748" spans="35:39" x14ac:dyDescent="0.35">
      <c r="AI2748" s="84"/>
      <c r="AM2748" s="84"/>
    </row>
    <row r="2749" spans="35:39" x14ac:dyDescent="0.35">
      <c r="AI2749" s="84"/>
      <c r="AM2749" s="84"/>
    </row>
    <row r="2750" spans="35:39" x14ac:dyDescent="0.35">
      <c r="AI2750" s="84"/>
      <c r="AM2750" s="84"/>
    </row>
    <row r="2751" spans="35:39" x14ac:dyDescent="0.35">
      <c r="AI2751" s="84"/>
      <c r="AM2751" s="84"/>
    </row>
    <row r="2752" spans="35:39" x14ac:dyDescent="0.35">
      <c r="AI2752" s="84"/>
      <c r="AM2752" s="84"/>
    </row>
    <row r="2753" spans="35:39" x14ac:dyDescent="0.35">
      <c r="AI2753" s="84"/>
      <c r="AM2753" s="84"/>
    </row>
    <row r="2754" spans="35:39" x14ac:dyDescent="0.35">
      <c r="AI2754" s="84"/>
      <c r="AM2754" s="84"/>
    </row>
    <row r="2755" spans="35:39" x14ac:dyDescent="0.35">
      <c r="AI2755" s="84"/>
      <c r="AM2755" s="84"/>
    </row>
    <row r="2756" spans="35:39" x14ac:dyDescent="0.35">
      <c r="AI2756" s="84"/>
      <c r="AM2756" s="84"/>
    </row>
    <row r="2757" spans="35:39" x14ac:dyDescent="0.35">
      <c r="AI2757" s="84"/>
      <c r="AM2757" s="84"/>
    </row>
    <row r="2758" spans="35:39" x14ac:dyDescent="0.35">
      <c r="AI2758" s="84"/>
      <c r="AM2758" s="84"/>
    </row>
    <row r="2759" spans="35:39" x14ac:dyDescent="0.35">
      <c r="AI2759" s="84"/>
      <c r="AM2759" s="84"/>
    </row>
    <row r="2760" spans="35:39" x14ac:dyDescent="0.35">
      <c r="AI2760" s="84"/>
      <c r="AM2760" s="84"/>
    </row>
    <row r="2761" spans="35:39" x14ac:dyDescent="0.35">
      <c r="AI2761" s="84"/>
      <c r="AM2761" s="84"/>
    </row>
    <row r="2762" spans="35:39" x14ac:dyDescent="0.35">
      <c r="AI2762" s="84"/>
      <c r="AM2762" s="84"/>
    </row>
    <row r="2763" spans="35:39" x14ac:dyDescent="0.35">
      <c r="AI2763" s="84"/>
      <c r="AM2763" s="84"/>
    </row>
    <row r="2764" spans="35:39" x14ac:dyDescent="0.35">
      <c r="AI2764" s="84"/>
      <c r="AM2764" s="84"/>
    </row>
    <row r="2765" spans="35:39" x14ac:dyDescent="0.35">
      <c r="AI2765" s="84"/>
      <c r="AM2765" s="84"/>
    </row>
    <row r="2766" spans="35:39" x14ac:dyDescent="0.35">
      <c r="AI2766" s="84"/>
      <c r="AM2766" s="84"/>
    </row>
    <row r="2767" spans="35:39" x14ac:dyDescent="0.35">
      <c r="AI2767" s="84"/>
      <c r="AM2767" s="84"/>
    </row>
    <row r="2768" spans="35:39" x14ac:dyDescent="0.35">
      <c r="AI2768" s="84"/>
      <c r="AM2768" s="84"/>
    </row>
    <row r="2769" spans="35:39" x14ac:dyDescent="0.35">
      <c r="AI2769" s="84"/>
      <c r="AM2769" s="84"/>
    </row>
    <row r="2770" spans="35:39" x14ac:dyDescent="0.35">
      <c r="AI2770" s="84"/>
      <c r="AM2770" s="84"/>
    </row>
    <row r="2771" spans="35:39" x14ac:dyDescent="0.35">
      <c r="AI2771" s="84"/>
      <c r="AM2771" s="84"/>
    </row>
    <row r="2772" spans="35:39" x14ac:dyDescent="0.35">
      <c r="AI2772" s="84"/>
      <c r="AM2772" s="84"/>
    </row>
    <row r="2773" spans="35:39" x14ac:dyDescent="0.35">
      <c r="AI2773" s="84"/>
      <c r="AM2773" s="84"/>
    </row>
    <row r="2774" spans="35:39" x14ac:dyDescent="0.35">
      <c r="AI2774" s="84"/>
      <c r="AM2774" s="84"/>
    </row>
    <row r="2775" spans="35:39" x14ac:dyDescent="0.35">
      <c r="AI2775" s="84"/>
      <c r="AM2775" s="84"/>
    </row>
    <row r="2776" spans="35:39" x14ac:dyDescent="0.35">
      <c r="AI2776" s="84"/>
      <c r="AM2776" s="84"/>
    </row>
    <row r="2777" spans="35:39" x14ac:dyDescent="0.35">
      <c r="AI2777" s="84"/>
      <c r="AM2777" s="84"/>
    </row>
    <row r="2778" spans="35:39" x14ac:dyDescent="0.35">
      <c r="AI2778" s="84"/>
      <c r="AM2778" s="84"/>
    </row>
    <row r="2779" spans="35:39" x14ac:dyDescent="0.35">
      <c r="AI2779" s="84"/>
      <c r="AM2779" s="84"/>
    </row>
    <row r="2780" spans="35:39" x14ac:dyDescent="0.35">
      <c r="AI2780" s="84"/>
      <c r="AM2780" s="84"/>
    </row>
    <row r="2781" spans="35:39" x14ac:dyDescent="0.35">
      <c r="AI2781" s="84"/>
      <c r="AM2781" s="84"/>
    </row>
    <row r="2782" spans="35:39" x14ac:dyDescent="0.35">
      <c r="AI2782" s="84"/>
      <c r="AM2782" s="84"/>
    </row>
    <row r="2783" spans="35:39" x14ac:dyDescent="0.35">
      <c r="AI2783" s="84"/>
      <c r="AM2783" s="84"/>
    </row>
    <row r="2784" spans="35:39" x14ac:dyDescent="0.35">
      <c r="AI2784" s="84"/>
      <c r="AM2784" s="84"/>
    </row>
    <row r="2785" spans="35:39" x14ac:dyDescent="0.35">
      <c r="AI2785" s="84"/>
      <c r="AM2785" s="84"/>
    </row>
    <row r="2786" spans="35:39" x14ac:dyDescent="0.35">
      <c r="AI2786" s="84"/>
      <c r="AM2786" s="84"/>
    </row>
    <row r="2787" spans="35:39" x14ac:dyDescent="0.35">
      <c r="AI2787" s="84"/>
      <c r="AM2787" s="84"/>
    </row>
    <row r="2788" spans="35:39" x14ac:dyDescent="0.35">
      <c r="AI2788" s="84"/>
      <c r="AM2788" s="84"/>
    </row>
    <row r="2789" spans="35:39" x14ac:dyDescent="0.35">
      <c r="AI2789" s="84"/>
      <c r="AM2789" s="84"/>
    </row>
    <row r="2790" spans="35:39" x14ac:dyDescent="0.35">
      <c r="AI2790" s="84"/>
      <c r="AM2790" s="84"/>
    </row>
    <row r="2791" spans="35:39" x14ac:dyDescent="0.35">
      <c r="AI2791" s="84"/>
      <c r="AM2791" s="84"/>
    </row>
    <row r="2792" spans="35:39" x14ac:dyDescent="0.35">
      <c r="AI2792" s="84"/>
      <c r="AM2792" s="84"/>
    </row>
    <row r="2793" spans="35:39" x14ac:dyDescent="0.35">
      <c r="AI2793" s="84"/>
      <c r="AM2793" s="84"/>
    </row>
    <row r="2794" spans="35:39" x14ac:dyDescent="0.35">
      <c r="AI2794" s="84"/>
      <c r="AM2794" s="84"/>
    </row>
    <row r="2795" spans="35:39" x14ac:dyDescent="0.35">
      <c r="AI2795" s="84"/>
      <c r="AM2795" s="84"/>
    </row>
    <row r="2796" spans="35:39" x14ac:dyDescent="0.35">
      <c r="AI2796" s="84"/>
      <c r="AM2796" s="84"/>
    </row>
    <row r="2797" spans="35:39" x14ac:dyDescent="0.35">
      <c r="AI2797" s="84"/>
      <c r="AM2797" s="84"/>
    </row>
    <row r="2798" spans="35:39" x14ac:dyDescent="0.35">
      <c r="AI2798" s="84"/>
      <c r="AM2798" s="84"/>
    </row>
    <row r="2799" spans="35:39" x14ac:dyDescent="0.35">
      <c r="AI2799" s="84"/>
      <c r="AM2799" s="84"/>
    </row>
    <row r="2800" spans="35:39" x14ac:dyDescent="0.35">
      <c r="AI2800" s="84"/>
      <c r="AM2800" s="84"/>
    </row>
    <row r="2801" spans="35:39" x14ac:dyDescent="0.35">
      <c r="AI2801" s="84"/>
      <c r="AM2801" s="84"/>
    </row>
    <row r="2802" spans="35:39" x14ac:dyDescent="0.35">
      <c r="AI2802" s="84"/>
      <c r="AM2802" s="84"/>
    </row>
    <row r="2803" spans="35:39" x14ac:dyDescent="0.35">
      <c r="AI2803" s="84"/>
      <c r="AM2803" s="84"/>
    </row>
    <row r="2804" spans="35:39" x14ac:dyDescent="0.35">
      <c r="AI2804" s="84"/>
      <c r="AM2804" s="84"/>
    </row>
    <row r="2805" spans="35:39" x14ac:dyDescent="0.35">
      <c r="AI2805" s="84"/>
      <c r="AM2805" s="84"/>
    </row>
    <row r="2806" spans="35:39" x14ac:dyDescent="0.35">
      <c r="AI2806" s="84"/>
      <c r="AM2806" s="84"/>
    </row>
    <row r="2807" spans="35:39" x14ac:dyDescent="0.35">
      <c r="AI2807" s="84"/>
      <c r="AM2807" s="84"/>
    </row>
    <row r="2808" spans="35:39" x14ac:dyDescent="0.35">
      <c r="AI2808" s="84"/>
      <c r="AM2808" s="84"/>
    </row>
    <row r="2809" spans="35:39" x14ac:dyDescent="0.35">
      <c r="AI2809" s="84"/>
      <c r="AM2809" s="84"/>
    </row>
    <row r="2810" spans="35:39" x14ac:dyDescent="0.35">
      <c r="AI2810" s="84"/>
      <c r="AM2810" s="84"/>
    </row>
    <row r="2811" spans="35:39" x14ac:dyDescent="0.35">
      <c r="AI2811" s="84"/>
      <c r="AM2811" s="84"/>
    </row>
    <row r="2812" spans="35:39" x14ac:dyDescent="0.35">
      <c r="AI2812" s="84"/>
      <c r="AM2812" s="84"/>
    </row>
    <row r="2813" spans="35:39" x14ac:dyDescent="0.35">
      <c r="AI2813" s="84"/>
      <c r="AM2813" s="84"/>
    </row>
    <row r="2814" spans="35:39" x14ac:dyDescent="0.35">
      <c r="AI2814" s="84"/>
      <c r="AM2814" s="84"/>
    </row>
    <row r="2815" spans="35:39" x14ac:dyDescent="0.35">
      <c r="AI2815" s="84"/>
      <c r="AM2815" s="84"/>
    </row>
    <row r="2816" spans="35:39" x14ac:dyDescent="0.35">
      <c r="AI2816" s="84"/>
      <c r="AM2816" s="84"/>
    </row>
    <row r="2817" spans="35:39" x14ac:dyDescent="0.35">
      <c r="AI2817" s="84"/>
      <c r="AM2817" s="84"/>
    </row>
    <row r="2818" spans="35:39" x14ac:dyDescent="0.35">
      <c r="AI2818" s="84"/>
      <c r="AM2818" s="84"/>
    </row>
    <row r="2819" spans="35:39" x14ac:dyDescent="0.35">
      <c r="AI2819" s="84"/>
      <c r="AM2819" s="84"/>
    </row>
    <row r="2820" spans="35:39" x14ac:dyDescent="0.35">
      <c r="AI2820" s="84"/>
      <c r="AM2820" s="84"/>
    </row>
    <row r="2821" spans="35:39" x14ac:dyDescent="0.35">
      <c r="AI2821" s="84"/>
      <c r="AM2821" s="84"/>
    </row>
    <row r="2822" spans="35:39" x14ac:dyDescent="0.35">
      <c r="AI2822" s="84"/>
      <c r="AM2822" s="84"/>
    </row>
    <row r="2823" spans="35:39" x14ac:dyDescent="0.35">
      <c r="AI2823" s="84"/>
      <c r="AM2823" s="84"/>
    </row>
    <row r="2824" spans="35:39" x14ac:dyDescent="0.35">
      <c r="AI2824" s="84"/>
      <c r="AM2824" s="84"/>
    </row>
    <row r="2825" spans="35:39" x14ac:dyDescent="0.35">
      <c r="AI2825" s="84"/>
      <c r="AM2825" s="84"/>
    </row>
    <row r="2826" spans="35:39" x14ac:dyDescent="0.35">
      <c r="AI2826" s="84"/>
      <c r="AM2826" s="84"/>
    </row>
    <row r="2827" spans="35:39" x14ac:dyDescent="0.35">
      <c r="AI2827" s="84"/>
      <c r="AM2827" s="84"/>
    </row>
    <row r="2828" spans="35:39" x14ac:dyDescent="0.35">
      <c r="AI2828" s="84"/>
      <c r="AM2828" s="84"/>
    </row>
    <row r="2829" spans="35:39" x14ac:dyDescent="0.35">
      <c r="AI2829" s="84"/>
      <c r="AM2829" s="84"/>
    </row>
    <row r="2830" spans="35:39" x14ac:dyDescent="0.35">
      <c r="AI2830" s="84"/>
      <c r="AM2830" s="84"/>
    </row>
    <row r="2831" spans="35:39" x14ac:dyDescent="0.35">
      <c r="AI2831" s="84"/>
      <c r="AM2831" s="84"/>
    </row>
    <row r="2832" spans="35:39" x14ac:dyDescent="0.35">
      <c r="AI2832" s="84"/>
      <c r="AM2832" s="84"/>
    </row>
    <row r="2833" spans="35:39" x14ac:dyDescent="0.35">
      <c r="AI2833" s="84"/>
      <c r="AM2833" s="84"/>
    </row>
    <row r="2834" spans="35:39" x14ac:dyDescent="0.35">
      <c r="AI2834" s="84"/>
      <c r="AM2834" s="84"/>
    </row>
    <row r="2835" spans="35:39" x14ac:dyDescent="0.35">
      <c r="AI2835" s="84"/>
      <c r="AM2835" s="84"/>
    </row>
    <row r="2836" spans="35:39" x14ac:dyDescent="0.35">
      <c r="AI2836" s="84"/>
      <c r="AM2836" s="84"/>
    </row>
    <row r="2837" spans="35:39" x14ac:dyDescent="0.35">
      <c r="AI2837" s="84"/>
      <c r="AM2837" s="84"/>
    </row>
    <row r="2838" spans="35:39" x14ac:dyDescent="0.35">
      <c r="AI2838" s="84"/>
      <c r="AM2838" s="84"/>
    </row>
    <row r="2839" spans="35:39" x14ac:dyDescent="0.35">
      <c r="AI2839" s="84"/>
      <c r="AM2839" s="84"/>
    </row>
    <row r="2840" spans="35:39" x14ac:dyDescent="0.35">
      <c r="AI2840" s="84"/>
      <c r="AM2840" s="84"/>
    </row>
    <row r="2841" spans="35:39" x14ac:dyDescent="0.35">
      <c r="AI2841" s="84"/>
      <c r="AM2841" s="84"/>
    </row>
    <row r="2842" spans="35:39" x14ac:dyDescent="0.35">
      <c r="AI2842" s="84"/>
      <c r="AM2842" s="84"/>
    </row>
    <row r="2843" spans="35:39" x14ac:dyDescent="0.35">
      <c r="AI2843" s="84"/>
      <c r="AM2843" s="84"/>
    </row>
    <row r="2844" spans="35:39" x14ac:dyDescent="0.35">
      <c r="AI2844" s="84"/>
      <c r="AM2844" s="84"/>
    </row>
    <row r="2845" spans="35:39" x14ac:dyDescent="0.35">
      <c r="AI2845" s="84"/>
      <c r="AM2845" s="84"/>
    </row>
    <row r="2846" spans="35:39" x14ac:dyDescent="0.35">
      <c r="AI2846" s="84"/>
      <c r="AM2846" s="84"/>
    </row>
    <row r="2847" spans="35:39" x14ac:dyDescent="0.35">
      <c r="AI2847" s="84"/>
      <c r="AM2847" s="84"/>
    </row>
    <row r="2848" spans="35:39" x14ac:dyDescent="0.35">
      <c r="AI2848" s="84"/>
      <c r="AM2848" s="84"/>
    </row>
    <row r="2849" spans="35:39" x14ac:dyDescent="0.35">
      <c r="AI2849" s="84"/>
      <c r="AM2849" s="84"/>
    </row>
    <row r="2850" spans="35:39" x14ac:dyDescent="0.35">
      <c r="AI2850" s="84"/>
      <c r="AM2850" s="84"/>
    </row>
    <row r="2851" spans="35:39" x14ac:dyDescent="0.35">
      <c r="AI2851" s="84"/>
      <c r="AM2851" s="84"/>
    </row>
    <row r="2852" spans="35:39" x14ac:dyDescent="0.35">
      <c r="AI2852" s="84"/>
      <c r="AM2852" s="84"/>
    </row>
    <row r="2853" spans="35:39" x14ac:dyDescent="0.35">
      <c r="AI2853" s="84"/>
      <c r="AM2853" s="84"/>
    </row>
    <row r="2854" spans="35:39" x14ac:dyDescent="0.35">
      <c r="AI2854" s="84"/>
      <c r="AM2854" s="84"/>
    </row>
    <row r="2855" spans="35:39" x14ac:dyDescent="0.35">
      <c r="AI2855" s="84"/>
      <c r="AM2855" s="84"/>
    </row>
    <row r="2856" spans="35:39" x14ac:dyDescent="0.35">
      <c r="AI2856" s="84"/>
      <c r="AM2856" s="84"/>
    </row>
    <row r="2857" spans="35:39" x14ac:dyDescent="0.35">
      <c r="AI2857" s="84"/>
      <c r="AM2857" s="84"/>
    </row>
    <row r="2858" spans="35:39" x14ac:dyDescent="0.35">
      <c r="AI2858" s="84"/>
      <c r="AM2858" s="84"/>
    </row>
    <row r="2859" spans="35:39" x14ac:dyDescent="0.35">
      <c r="AI2859" s="84"/>
      <c r="AM2859" s="84"/>
    </row>
    <row r="2860" spans="35:39" x14ac:dyDescent="0.35">
      <c r="AI2860" s="84"/>
      <c r="AM2860" s="84"/>
    </row>
    <row r="2861" spans="35:39" x14ac:dyDescent="0.35">
      <c r="AI2861" s="84"/>
      <c r="AM2861" s="84"/>
    </row>
    <row r="2862" spans="35:39" x14ac:dyDescent="0.35">
      <c r="AI2862" s="84"/>
      <c r="AM2862" s="84"/>
    </row>
    <row r="2863" spans="35:39" x14ac:dyDescent="0.35">
      <c r="AI2863" s="84"/>
      <c r="AM2863" s="84"/>
    </row>
    <row r="2864" spans="35:39" x14ac:dyDescent="0.35">
      <c r="AI2864" s="84"/>
      <c r="AM2864" s="84"/>
    </row>
    <row r="2865" spans="35:39" x14ac:dyDescent="0.35">
      <c r="AI2865" s="84"/>
      <c r="AM2865" s="84"/>
    </row>
    <row r="2866" spans="35:39" x14ac:dyDescent="0.35">
      <c r="AI2866" s="84"/>
      <c r="AM2866" s="84"/>
    </row>
    <row r="2867" spans="35:39" x14ac:dyDescent="0.35">
      <c r="AI2867" s="84"/>
      <c r="AM2867" s="84"/>
    </row>
    <row r="2868" spans="35:39" x14ac:dyDescent="0.35">
      <c r="AI2868" s="84"/>
      <c r="AM2868" s="84"/>
    </row>
    <row r="2869" spans="35:39" x14ac:dyDescent="0.35">
      <c r="AI2869" s="84"/>
      <c r="AM2869" s="84"/>
    </row>
    <row r="2870" spans="35:39" x14ac:dyDescent="0.35">
      <c r="AI2870" s="84"/>
      <c r="AM2870" s="84"/>
    </row>
    <row r="2871" spans="35:39" x14ac:dyDescent="0.35">
      <c r="AI2871" s="84"/>
      <c r="AM2871" s="84"/>
    </row>
    <row r="2872" spans="35:39" x14ac:dyDescent="0.35">
      <c r="AI2872" s="84"/>
      <c r="AM2872" s="84"/>
    </row>
    <row r="2873" spans="35:39" x14ac:dyDescent="0.35">
      <c r="AI2873" s="84"/>
      <c r="AM2873" s="84"/>
    </row>
    <row r="2874" spans="35:39" x14ac:dyDescent="0.35">
      <c r="AI2874" s="84"/>
      <c r="AM2874" s="84"/>
    </row>
    <row r="2875" spans="35:39" x14ac:dyDescent="0.35">
      <c r="AI2875" s="84"/>
      <c r="AM2875" s="84"/>
    </row>
    <row r="2876" spans="35:39" x14ac:dyDescent="0.35">
      <c r="AI2876" s="84"/>
      <c r="AM2876" s="84"/>
    </row>
    <row r="2877" spans="35:39" x14ac:dyDescent="0.35">
      <c r="AI2877" s="84"/>
      <c r="AM2877" s="84"/>
    </row>
    <row r="2878" spans="35:39" x14ac:dyDescent="0.35">
      <c r="AI2878" s="84"/>
      <c r="AM2878" s="84"/>
    </row>
    <row r="2879" spans="35:39" x14ac:dyDescent="0.35">
      <c r="AI2879" s="84"/>
      <c r="AM2879" s="84"/>
    </row>
    <row r="2880" spans="35:39" x14ac:dyDescent="0.35">
      <c r="AI2880" s="84"/>
      <c r="AM2880" s="84"/>
    </row>
    <row r="2881" spans="35:39" x14ac:dyDescent="0.35">
      <c r="AI2881" s="84"/>
      <c r="AM2881" s="84"/>
    </row>
    <row r="2882" spans="35:39" x14ac:dyDescent="0.35">
      <c r="AI2882" s="84"/>
      <c r="AM2882" s="84"/>
    </row>
    <row r="2883" spans="35:39" x14ac:dyDescent="0.35">
      <c r="AI2883" s="84"/>
      <c r="AM2883" s="84"/>
    </row>
    <row r="2884" spans="35:39" x14ac:dyDescent="0.35">
      <c r="AI2884" s="84"/>
      <c r="AM2884" s="84"/>
    </row>
    <row r="2885" spans="35:39" x14ac:dyDescent="0.35">
      <c r="AI2885" s="84"/>
      <c r="AM2885" s="84"/>
    </row>
    <row r="2886" spans="35:39" x14ac:dyDescent="0.35">
      <c r="AI2886" s="84"/>
      <c r="AM2886" s="84"/>
    </row>
    <row r="2887" spans="35:39" x14ac:dyDescent="0.35">
      <c r="AI2887" s="84"/>
      <c r="AM2887" s="84"/>
    </row>
    <row r="2888" spans="35:39" x14ac:dyDescent="0.35">
      <c r="AI2888" s="84"/>
      <c r="AM2888" s="84"/>
    </row>
    <row r="2889" spans="35:39" x14ac:dyDescent="0.35">
      <c r="AI2889" s="84"/>
      <c r="AM2889" s="84"/>
    </row>
    <row r="2890" spans="35:39" x14ac:dyDescent="0.35">
      <c r="AI2890" s="84"/>
      <c r="AM2890" s="84"/>
    </row>
    <row r="2891" spans="35:39" x14ac:dyDescent="0.35">
      <c r="AI2891" s="84"/>
      <c r="AM2891" s="84"/>
    </row>
    <row r="2892" spans="35:39" x14ac:dyDescent="0.35">
      <c r="AI2892" s="84"/>
      <c r="AM2892" s="84"/>
    </row>
    <row r="2893" spans="35:39" x14ac:dyDescent="0.35">
      <c r="AI2893" s="84"/>
      <c r="AM2893" s="84"/>
    </row>
    <row r="2894" spans="35:39" x14ac:dyDescent="0.35">
      <c r="AI2894" s="84"/>
      <c r="AM2894" s="84"/>
    </row>
    <row r="2895" spans="35:39" x14ac:dyDescent="0.35">
      <c r="AI2895" s="84"/>
      <c r="AM2895" s="84"/>
    </row>
    <row r="2896" spans="35:39" x14ac:dyDescent="0.35">
      <c r="AI2896" s="84"/>
      <c r="AM2896" s="84"/>
    </row>
    <row r="2897" spans="35:39" x14ac:dyDescent="0.35">
      <c r="AI2897" s="84"/>
      <c r="AM2897" s="84"/>
    </row>
    <row r="2898" spans="35:39" x14ac:dyDescent="0.35">
      <c r="AI2898" s="84"/>
      <c r="AM2898" s="84"/>
    </row>
    <row r="2899" spans="35:39" x14ac:dyDescent="0.35">
      <c r="AI2899" s="84"/>
      <c r="AM2899" s="84"/>
    </row>
    <row r="2900" spans="35:39" x14ac:dyDescent="0.35">
      <c r="AI2900" s="84"/>
      <c r="AM2900" s="84"/>
    </row>
    <row r="2901" spans="35:39" x14ac:dyDescent="0.35">
      <c r="AI2901" s="84"/>
      <c r="AM2901" s="84"/>
    </row>
    <row r="2902" spans="35:39" x14ac:dyDescent="0.35">
      <c r="AI2902" s="84"/>
      <c r="AM2902" s="84"/>
    </row>
    <row r="2903" spans="35:39" x14ac:dyDescent="0.35">
      <c r="AI2903" s="84"/>
      <c r="AM2903" s="84"/>
    </row>
    <row r="2904" spans="35:39" x14ac:dyDescent="0.35">
      <c r="AI2904" s="84"/>
      <c r="AM2904" s="84"/>
    </row>
    <row r="2905" spans="35:39" x14ac:dyDescent="0.35">
      <c r="AI2905" s="84"/>
      <c r="AM2905" s="84"/>
    </row>
    <row r="2906" spans="35:39" x14ac:dyDescent="0.35">
      <c r="AI2906" s="84"/>
      <c r="AM2906" s="84"/>
    </row>
    <row r="2907" spans="35:39" x14ac:dyDescent="0.35">
      <c r="AI2907" s="84"/>
      <c r="AM2907" s="84"/>
    </row>
    <row r="2908" spans="35:39" x14ac:dyDescent="0.35">
      <c r="AI2908" s="84"/>
      <c r="AM2908" s="84"/>
    </row>
    <row r="2909" spans="35:39" x14ac:dyDescent="0.35">
      <c r="AI2909" s="84"/>
      <c r="AM2909" s="84"/>
    </row>
    <row r="2910" spans="35:39" x14ac:dyDescent="0.35">
      <c r="AI2910" s="84"/>
      <c r="AM2910" s="84"/>
    </row>
    <row r="2911" spans="35:39" x14ac:dyDescent="0.35">
      <c r="AI2911" s="84"/>
      <c r="AM2911" s="84"/>
    </row>
    <row r="2912" spans="35:39" x14ac:dyDescent="0.35">
      <c r="AI2912" s="84"/>
      <c r="AM2912" s="84"/>
    </row>
    <row r="2913" spans="35:39" x14ac:dyDescent="0.35">
      <c r="AI2913" s="84"/>
      <c r="AM2913" s="84"/>
    </row>
    <row r="2914" spans="35:39" x14ac:dyDescent="0.35">
      <c r="AI2914" s="84"/>
      <c r="AM2914" s="84"/>
    </row>
    <row r="2915" spans="35:39" x14ac:dyDescent="0.35">
      <c r="AI2915" s="84"/>
      <c r="AM2915" s="84"/>
    </row>
    <row r="2916" spans="35:39" x14ac:dyDescent="0.35">
      <c r="AI2916" s="84"/>
      <c r="AM2916" s="84"/>
    </row>
    <row r="2917" spans="35:39" x14ac:dyDescent="0.35">
      <c r="AI2917" s="84"/>
      <c r="AM2917" s="84"/>
    </row>
    <row r="2918" spans="35:39" x14ac:dyDescent="0.35">
      <c r="AI2918" s="84"/>
      <c r="AM2918" s="84"/>
    </row>
    <row r="2919" spans="35:39" x14ac:dyDescent="0.35">
      <c r="AI2919" s="84"/>
      <c r="AM2919" s="84"/>
    </row>
    <row r="2920" spans="35:39" x14ac:dyDescent="0.35">
      <c r="AI2920" s="84"/>
      <c r="AM2920" s="84"/>
    </row>
    <row r="2921" spans="35:39" x14ac:dyDescent="0.35">
      <c r="AI2921" s="84"/>
      <c r="AM2921" s="84"/>
    </row>
    <row r="2922" spans="35:39" x14ac:dyDescent="0.35">
      <c r="AI2922" s="84"/>
      <c r="AM2922" s="84"/>
    </row>
    <row r="2923" spans="35:39" x14ac:dyDescent="0.35">
      <c r="AI2923" s="84"/>
      <c r="AM2923" s="84"/>
    </row>
    <row r="2924" spans="35:39" x14ac:dyDescent="0.35">
      <c r="AI2924" s="84"/>
      <c r="AM2924" s="84"/>
    </row>
    <row r="2925" spans="35:39" x14ac:dyDescent="0.35">
      <c r="AI2925" s="84"/>
      <c r="AM2925" s="84"/>
    </row>
    <row r="2926" spans="35:39" x14ac:dyDescent="0.35">
      <c r="AI2926" s="84"/>
      <c r="AM2926" s="84"/>
    </row>
    <row r="2927" spans="35:39" x14ac:dyDescent="0.35">
      <c r="AI2927" s="84"/>
      <c r="AM2927" s="84"/>
    </row>
    <row r="2928" spans="35:39" x14ac:dyDescent="0.35">
      <c r="AI2928" s="84"/>
      <c r="AM2928" s="84"/>
    </row>
    <row r="2929" spans="35:39" x14ac:dyDescent="0.35">
      <c r="AI2929" s="84"/>
      <c r="AM2929" s="84"/>
    </row>
    <row r="2930" spans="35:39" x14ac:dyDescent="0.35">
      <c r="AI2930" s="84"/>
      <c r="AM2930" s="84"/>
    </row>
    <row r="2931" spans="35:39" x14ac:dyDescent="0.35">
      <c r="AI2931" s="84"/>
      <c r="AM2931" s="84"/>
    </row>
    <row r="2932" spans="35:39" x14ac:dyDescent="0.35">
      <c r="AI2932" s="84"/>
      <c r="AM2932" s="84"/>
    </row>
    <row r="2933" spans="35:39" x14ac:dyDescent="0.35">
      <c r="AI2933" s="84"/>
      <c r="AM2933" s="84"/>
    </row>
    <row r="2934" spans="35:39" x14ac:dyDescent="0.35">
      <c r="AI2934" s="84"/>
      <c r="AM2934" s="84"/>
    </row>
    <row r="2935" spans="35:39" x14ac:dyDescent="0.35">
      <c r="AI2935" s="84"/>
      <c r="AM2935" s="84"/>
    </row>
    <row r="2936" spans="35:39" x14ac:dyDescent="0.35">
      <c r="AI2936" s="84"/>
      <c r="AM2936" s="84"/>
    </row>
    <row r="2937" spans="35:39" x14ac:dyDescent="0.35">
      <c r="AI2937" s="84"/>
      <c r="AM2937" s="84"/>
    </row>
    <row r="2938" spans="35:39" x14ac:dyDescent="0.35">
      <c r="AI2938" s="84"/>
      <c r="AM2938" s="84"/>
    </row>
    <row r="2939" spans="35:39" x14ac:dyDescent="0.35">
      <c r="AI2939" s="84"/>
      <c r="AM2939" s="84"/>
    </row>
    <row r="2940" spans="35:39" x14ac:dyDescent="0.35">
      <c r="AI2940" s="84"/>
      <c r="AM2940" s="84"/>
    </row>
    <row r="2941" spans="35:39" x14ac:dyDescent="0.35">
      <c r="AI2941" s="84"/>
      <c r="AM2941" s="84"/>
    </row>
    <row r="2942" spans="35:39" x14ac:dyDescent="0.35">
      <c r="AI2942" s="84"/>
      <c r="AM2942" s="84"/>
    </row>
    <row r="2943" spans="35:39" x14ac:dyDescent="0.35">
      <c r="AI2943" s="84"/>
      <c r="AM2943" s="84"/>
    </row>
    <row r="2944" spans="35:39" x14ac:dyDescent="0.35">
      <c r="AI2944" s="84"/>
      <c r="AM2944" s="84"/>
    </row>
    <row r="2945" spans="35:39" x14ac:dyDescent="0.35">
      <c r="AI2945" s="84"/>
      <c r="AM2945" s="84"/>
    </row>
    <row r="2946" spans="35:39" x14ac:dyDescent="0.35">
      <c r="AI2946" s="84"/>
      <c r="AM2946" s="84"/>
    </row>
    <row r="2947" spans="35:39" x14ac:dyDescent="0.35">
      <c r="AI2947" s="84"/>
      <c r="AM2947" s="84"/>
    </row>
    <row r="2948" spans="35:39" x14ac:dyDescent="0.35">
      <c r="AI2948" s="84"/>
      <c r="AM2948" s="84"/>
    </row>
    <row r="2949" spans="35:39" x14ac:dyDescent="0.35">
      <c r="AI2949" s="84"/>
      <c r="AM2949" s="84"/>
    </row>
    <row r="2950" spans="35:39" x14ac:dyDescent="0.35">
      <c r="AI2950" s="84"/>
      <c r="AM2950" s="84"/>
    </row>
    <row r="2951" spans="35:39" x14ac:dyDescent="0.35">
      <c r="AI2951" s="84"/>
      <c r="AM2951" s="84"/>
    </row>
    <row r="2952" spans="35:39" x14ac:dyDescent="0.35">
      <c r="AI2952" s="84"/>
      <c r="AM2952" s="84"/>
    </row>
    <row r="2953" spans="35:39" x14ac:dyDescent="0.35">
      <c r="AI2953" s="84"/>
      <c r="AM2953" s="84"/>
    </row>
    <row r="2954" spans="35:39" x14ac:dyDescent="0.35">
      <c r="AI2954" s="84"/>
      <c r="AM2954" s="84"/>
    </row>
    <row r="2955" spans="35:39" x14ac:dyDescent="0.35">
      <c r="AI2955" s="84"/>
      <c r="AM2955" s="84"/>
    </row>
    <row r="2956" spans="35:39" x14ac:dyDescent="0.35">
      <c r="AI2956" s="84"/>
      <c r="AM2956" s="84"/>
    </row>
    <row r="2957" spans="35:39" x14ac:dyDescent="0.35">
      <c r="AI2957" s="84"/>
      <c r="AM2957" s="84"/>
    </row>
    <row r="2958" spans="35:39" x14ac:dyDescent="0.35">
      <c r="AI2958" s="84"/>
      <c r="AM2958" s="84"/>
    </row>
    <row r="2959" spans="35:39" x14ac:dyDescent="0.35">
      <c r="AI2959" s="84"/>
      <c r="AM2959" s="84"/>
    </row>
    <row r="2960" spans="35:39" x14ac:dyDescent="0.35">
      <c r="AI2960" s="84"/>
      <c r="AM2960" s="84"/>
    </row>
    <row r="2961" spans="35:39" x14ac:dyDescent="0.35">
      <c r="AI2961" s="84"/>
      <c r="AM2961" s="84"/>
    </row>
    <row r="2962" spans="35:39" x14ac:dyDescent="0.35">
      <c r="AI2962" s="84"/>
      <c r="AM2962" s="84"/>
    </row>
    <row r="2963" spans="35:39" x14ac:dyDescent="0.35">
      <c r="AI2963" s="84"/>
      <c r="AM2963" s="84"/>
    </row>
    <row r="2964" spans="35:39" x14ac:dyDescent="0.35">
      <c r="AI2964" s="84"/>
      <c r="AM2964" s="84"/>
    </row>
    <row r="2965" spans="35:39" x14ac:dyDescent="0.35">
      <c r="AI2965" s="84"/>
      <c r="AM2965" s="84"/>
    </row>
    <row r="2966" spans="35:39" x14ac:dyDescent="0.35">
      <c r="AI2966" s="84"/>
      <c r="AM2966" s="84"/>
    </row>
    <row r="2967" spans="35:39" x14ac:dyDescent="0.35">
      <c r="AI2967" s="84"/>
      <c r="AM2967" s="84"/>
    </row>
    <row r="2968" spans="35:39" x14ac:dyDescent="0.35">
      <c r="AI2968" s="84"/>
      <c r="AM2968" s="84"/>
    </row>
    <row r="2969" spans="35:39" x14ac:dyDescent="0.35">
      <c r="AI2969" s="84"/>
      <c r="AM2969" s="84"/>
    </row>
    <row r="2970" spans="35:39" x14ac:dyDescent="0.35">
      <c r="AI2970" s="84"/>
      <c r="AM2970" s="84"/>
    </row>
    <row r="2971" spans="35:39" x14ac:dyDescent="0.35">
      <c r="AI2971" s="84"/>
      <c r="AM2971" s="84"/>
    </row>
    <row r="2972" spans="35:39" x14ac:dyDescent="0.35">
      <c r="AI2972" s="84"/>
      <c r="AM2972" s="84"/>
    </row>
    <row r="2973" spans="35:39" x14ac:dyDescent="0.35">
      <c r="AI2973" s="84"/>
      <c r="AM2973" s="84"/>
    </row>
    <row r="2974" spans="35:39" x14ac:dyDescent="0.35">
      <c r="AI2974" s="84"/>
      <c r="AM2974" s="84"/>
    </row>
    <row r="2975" spans="35:39" x14ac:dyDescent="0.35">
      <c r="AI2975" s="84"/>
      <c r="AM2975" s="84"/>
    </row>
    <row r="2976" spans="35:39" x14ac:dyDescent="0.35">
      <c r="AI2976" s="84"/>
      <c r="AM2976" s="84"/>
    </row>
    <row r="2977" spans="35:39" x14ac:dyDescent="0.35">
      <c r="AI2977" s="84"/>
      <c r="AM2977" s="84"/>
    </row>
    <row r="2978" spans="35:39" x14ac:dyDescent="0.35">
      <c r="AI2978" s="84"/>
      <c r="AM2978" s="84"/>
    </row>
    <row r="2979" spans="35:39" x14ac:dyDescent="0.35">
      <c r="AI2979" s="84"/>
      <c r="AM2979" s="84"/>
    </row>
    <row r="2980" spans="35:39" x14ac:dyDescent="0.35">
      <c r="AI2980" s="84"/>
      <c r="AM2980" s="84"/>
    </row>
    <row r="2981" spans="35:39" x14ac:dyDescent="0.35">
      <c r="AI2981" s="84"/>
      <c r="AM2981" s="84"/>
    </row>
    <row r="2982" spans="35:39" x14ac:dyDescent="0.35">
      <c r="AI2982" s="84"/>
      <c r="AM2982" s="84"/>
    </row>
    <row r="2983" spans="35:39" x14ac:dyDescent="0.35">
      <c r="AI2983" s="84"/>
      <c r="AM2983" s="84"/>
    </row>
    <row r="2984" spans="35:39" x14ac:dyDescent="0.35">
      <c r="AI2984" s="84"/>
      <c r="AM2984" s="84"/>
    </row>
    <row r="2985" spans="35:39" x14ac:dyDescent="0.35">
      <c r="AI2985" s="84"/>
      <c r="AM2985" s="84"/>
    </row>
    <row r="2986" spans="35:39" x14ac:dyDescent="0.35">
      <c r="AI2986" s="84"/>
      <c r="AM2986" s="84"/>
    </row>
    <row r="2987" spans="35:39" x14ac:dyDescent="0.35">
      <c r="AI2987" s="84"/>
      <c r="AM2987" s="84"/>
    </row>
    <row r="2988" spans="35:39" x14ac:dyDescent="0.35">
      <c r="AI2988" s="84"/>
      <c r="AM2988" s="84"/>
    </row>
    <row r="2989" spans="35:39" x14ac:dyDescent="0.35">
      <c r="AI2989" s="84"/>
      <c r="AM2989" s="84"/>
    </row>
    <row r="2990" spans="35:39" x14ac:dyDescent="0.35">
      <c r="AI2990" s="84"/>
      <c r="AM2990" s="84"/>
    </row>
    <row r="2991" spans="35:39" x14ac:dyDescent="0.35">
      <c r="AI2991" s="84"/>
      <c r="AM2991" s="84"/>
    </row>
    <row r="2992" spans="35:39" x14ac:dyDescent="0.35">
      <c r="AI2992" s="84"/>
      <c r="AM2992" s="84"/>
    </row>
    <row r="2993" spans="35:39" x14ac:dyDescent="0.35">
      <c r="AI2993" s="84"/>
      <c r="AM2993" s="84"/>
    </row>
    <row r="2994" spans="35:39" x14ac:dyDescent="0.35">
      <c r="AI2994" s="84"/>
      <c r="AM2994" s="84"/>
    </row>
    <row r="2995" spans="35:39" x14ac:dyDescent="0.35">
      <c r="AI2995" s="84"/>
      <c r="AM2995" s="84"/>
    </row>
    <row r="2996" spans="35:39" x14ac:dyDescent="0.35">
      <c r="AI2996" s="84"/>
      <c r="AM2996" s="84"/>
    </row>
    <row r="2997" spans="35:39" x14ac:dyDescent="0.35">
      <c r="AI2997" s="84"/>
      <c r="AM2997" s="84"/>
    </row>
    <row r="2998" spans="35:39" x14ac:dyDescent="0.35">
      <c r="AI2998" s="84"/>
      <c r="AM2998" s="84"/>
    </row>
    <row r="2999" spans="35:39" x14ac:dyDescent="0.35">
      <c r="AI2999" s="84"/>
      <c r="AM2999" s="84"/>
    </row>
    <row r="3000" spans="35:39" x14ac:dyDescent="0.35">
      <c r="AI3000" s="84"/>
      <c r="AM3000" s="84"/>
    </row>
    <row r="3001" spans="35:39" x14ac:dyDescent="0.35">
      <c r="AI3001" s="84"/>
      <c r="AM3001" s="84"/>
    </row>
    <row r="3002" spans="35:39" x14ac:dyDescent="0.35">
      <c r="AI3002" s="84"/>
      <c r="AM3002" s="84"/>
    </row>
    <row r="3003" spans="35:39" x14ac:dyDescent="0.35">
      <c r="AI3003" s="84"/>
      <c r="AM3003" s="84"/>
    </row>
    <row r="3004" spans="35:39" x14ac:dyDescent="0.35">
      <c r="AI3004" s="84"/>
      <c r="AM3004" s="84"/>
    </row>
    <row r="3005" spans="35:39" x14ac:dyDescent="0.35">
      <c r="AI3005" s="84"/>
      <c r="AM3005" s="84"/>
    </row>
    <row r="3006" spans="35:39" x14ac:dyDescent="0.35">
      <c r="AI3006" s="84"/>
      <c r="AM3006" s="84"/>
    </row>
    <row r="3007" spans="35:39" x14ac:dyDescent="0.35">
      <c r="AI3007" s="84"/>
      <c r="AM3007" s="84"/>
    </row>
    <row r="3008" spans="35:39" x14ac:dyDescent="0.35">
      <c r="AI3008" s="84"/>
      <c r="AM3008" s="84"/>
    </row>
    <row r="3009" spans="35:39" x14ac:dyDescent="0.35">
      <c r="AI3009" s="84"/>
      <c r="AM3009" s="84"/>
    </row>
    <row r="3010" spans="35:39" x14ac:dyDescent="0.35">
      <c r="AI3010" s="84"/>
      <c r="AM3010" s="84"/>
    </row>
    <row r="3011" spans="35:39" x14ac:dyDescent="0.35">
      <c r="AI3011" s="84"/>
      <c r="AM3011" s="84"/>
    </row>
    <row r="3012" spans="35:39" x14ac:dyDescent="0.35">
      <c r="AI3012" s="84"/>
      <c r="AM3012" s="84"/>
    </row>
    <row r="3013" spans="35:39" x14ac:dyDescent="0.35">
      <c r="AI3013" s="84"/>
      <c r="AM3013" s="84"/>
    </row>
    <row r="3014" spans="35:39" x14ac:dyDescent="0.35">
      <c r="AI3014" s="84"/>
      <c r="AM3014" s="84"/>
    </row>
    <row r="3015" spans="35:39" x14ac:dyDescent="0.35">
      <c r="AI3015" s="84"/>
      <c r="AM3015" s="84"/>
    </row>
    <row r="3016" spans="35:39" x14ac:dyDescent="0.35">
      <c r="AI3016" s="84"/>
      <c r="AM3016" s="84"/>
    </row>
    <row r="3017" spans="35:39" x14ac:dyDescent="0.35">
      <c r="AI3017" s="84"/>
      <c r="AM3017" s="84"/>
    </row>
    <row r="3018" spans="35:39" x14ac:dyDescent="0.35">
      <c r="AI3018" s="84"/>
      <c r="AM3018" s="84"/>
    </row>
    <row r="3019" spans="35:39" x14ac:dyDescent="0.35">
      <c r="AI3019" s="84"/>
      <c r="AM3019" s="84"/>
    </row>
    <row r="3020" spans="35:39" x14ac:dyDescent="0.35">
      <c r="AI3020" s="84"/>
      <c r="AM3020" s="84"/>
    </row>
    <row r="3021" spans="35:39" x14ac:dyDescent="0.35">
      <c r="AI3021" s="84"/>
      <c r="AM3021" s="84"/>
    </row>
    <row r="3022" spans="35:39" x14ac:dyDescent="0.35">
      <c r="AI3022" s="84"/>
      <c r="AM3022" s="84"/>
    </row>
    <row r="3023" spans="35:39" x14ac:dyDescent="0.35">
      <c r="AI3023" s="84"/>
      <c r="AM3023" s="84"/>
    </row>
    <row r="3024" spans="35:39" x14ac:dyDescent="0.35">
      <c r="AI3024" s="84"/>
      <c r="AM3024" s="84"/>
    </row>
    <row r="3025" spans="35:39" x14ac:dyDescent="0.35">
      <c r="AI3025" s="84"/>
      <c r="AM3025" s="84"/>
    </row>
    <row r="3026" spans="35:39" x14ac:dyDescent="0.35">
      <c r="AI3026" s="84"/>
      <c r="AM3026" s="84"/>
    </row>
    <row r="3027" spans="35:39" x14ac:dyDescent="0.35">
      <c r="AI3027" s="84"/>
      <c r="AM3027" s="84"/>
    </row>
    <row r="3028" spans="35:39" x14ac:dyDescent="0.35">
      <c r="AI3028" s="84"/>
      <c r="AM3028" s="84"/>
    </row>
    <row r="3029" spans="35:39" x14ac:dyDescent="0.35">
      <c r="AI3029" s="84"/>
      <c r="AM3029" s="84"/>
    </row>
    <row r="3030" spans="35:39" x14ac:dyDescent="0.35">
      <c r="AI3030" s="84"/>
      <c r="AM3030" s="84"/>
    </row>
    <row r="3031" spans="35:39" x14ac:dyDescent="0.35">
      <c r="AI3031" s="84"/>
      <c r="AM3031" s="84"/>
    </row>
    <row r="3032" spans="35:39" x14ac:dyDescent="0.35">
      <c r="AI3032" s="84"/>
      <c r="AM3032" s="84"/>
    </row>
    <row r="3033" spans="35:39" x14ac:dyDescent="0.35">
      <c r="AI3033" s="84"/>
      <c r="AM3033" s="84"/>
    </row>
    <row r="3034" spans="35:39" x14ac:dyDescent="0.35">
      <c r="AI3034" s="84"/>
      <c r="AM3034" s="84"/>
    </row>
    <row r="3035" spans="35:39" x14ac:dyDescent="0.35">
      <c r="AI3035" s="84"/>
      <c r="AM3035" s="84"/>
    </row>
    <row r="3036" spans="35:39" x14ac:dyDescent="0.35">
      <c r="AI3036" s="84"/>
      <c r="AM3036" s="84"/>
    </row>
    <row r="3037" spans="35:39" x14ac:dyDescent="0.35">
      <c r="AI3037" s="84"/>
      <c r="AM3037" s="84"/>
    </row>
    <row r="3038" spans="35:39" x14ac:dyDescent="0.35">
      <c r="AI3038" s="84"/>
      <c r="AM3038" s="84"/>
    </row>
    <row r="3039" spans="35:39" x14ac:dyDescent="0.35">
      <c r="AI3039" s="84"/>
      <c r="AM3039" s="84"/>
    </row>
    <row r="3040" spans="35:39" x14ac:dyDescent="0.35">
      <c r="AI3040" s="84"/>
      <c r="AM3040" s="84"/>
    </row>
    <row r="3041" spans="35:39" x14ac:dyDescent="0.35">
      <c r="AI3041" s="84"/>
      <c r="AM3041" s="84"/>
    </row>
    <row r="3042" spans="35:39" x14ac:dyDescent="0.35">
      <c r="AI3042" s="84"/>
      <c r="AM3042" s="84"/>
    </row>
    <row r="3043" spans="35:39" x14ac:dyDescent="0.35">
      <c r="AI3043" s="84"/>
      <c r="AM3043" s="84"/>
    </row>
    <row r="3044" spans="35:39" x14ac:dyDescent="0.35">
      <c r="AI3044" s="84"/>
      <c r="AM3044" s="84"/>
    </row>
    <row r="3045" spans="35:39" x14ac:dyDescent="0.35">
      <c r="AI3045" s="84"/>
      <c r="AM3045" s="84"/>
    </row>
    <row r="3046" spans="35:39" x14ac:dyDescent="0.35">
      <c r="AI3046" s="84"/>
      <c r="AM3046" s="84"/>
    </row>
    <row r="3047" spans="35:39" x14ac:dyDescent="0.35">
      <c r="AI3047" s="84"/>
      <c r="AM3047" s="84"/>
    </row>
    <row r="3048" spans="35:39" x14ac:dyDescent="0.35">
      <c r="AI3048" s="84"/>
      <c r="AM3048" s="84"/>
    </row>
    <row r="3049" spans="35:39" x14ac:dyDescent="0.35">
      <c r="AI3049" s="84"/>
      <c r="AM3049" s="84"/>
    </row>
    <row r="3050" spans="35:39" x14ac:dyDescent="0.35">
      <c r="AI3050" s="84"/>
      <c r="AM3050" s="84"/>
    </row>
    <row r="3051" spans="35:39" x14ac:dyDescent="0.35">
      <c r="AI3051" s="84"/>
      <c r="AM3051" s="84"/>
    </row>
    <row r="3052" spans="35:39" x14ac:dyDescent="0.35">
      <c r="AI3052" s="84"/>
      <c r="AM3052" s="84"/>
    </row>
    <row r="3053" spans="35:39" x14ac:dyDescent="0.35">
      <c r="AI3053" s="84"/>
      <c r="AM3053" s="84"/>
    </row>
    <row r="3054" spans="35:39" x14ac:dyDescent="0.35">
      <c r="AI3054" s="84"/>
      <c r="AM3054" s="84"/>
    </row>
    <row r="3055" spans="35:39" x14ac:dyDescent="0.35">
      <c r="AI3055" s="84"/>
      <c r="AM3055" s="84"/>
    </row>
    <row r="3056" spans="35:39" x14ac:dyDescent="0.35">
      <c r="AI3056" s="84"/>
      <c r="AM3056" s="84"/>
    </row>
    <row r="3057" spans="35:39" x14ac:dyDescent="0.35">
      <c r="AI3057" s="84"/>
      <c r="AM3057" s="84"/>
    </row>
    <row r="3058" spans="35:39" x14ac:dyDescent="0.35">
      <c r="AI3058" s="84"/>
      <c r="AM3058" s="84"/>
    </row>
    <row r="3059" spans="35:39" x14ac:dyDescent="0.35">
      <c r="AI3059" s="84"/>
      <c r="AM3059" s="84"/>
    </row>
    <row r="3060" spans="35:39" x14ac:dyDescent="0.35">
      <c r="AI3060" s="84"/>
      <c r="AM3060" s="84"/>
    </row>
    <row r="3061" spans="35:39" x14ac:dyDescent="0.35">
      <c r="AI3061" s="84"/>
      <c r="AM3061" s="84"/>
    </row>
    <row r="3062" spans="35:39" x14ac:dyDescent="0.35">
      <c r="AI3062" s="84"/>
      <c r="AM3062" s="84"/>
    </row>
    <row r="3063" spans="35:39" x14ac:dyDescent="0.35">
      <c r="AI3063" s="84"/>
      <c r="AM3063" s="84"/>
    </row>
    <row r="3064" spans="35:39" x14ac:dyDescent="0.35">
      <c r="AI3064" s="84"/>
      <c r="AM3064" s="84"/>
    </row>
    <row r="3065" spans="35:39" x14ac:dyDescent="0.35">
      <c r="AI3065" s="84"/>
      <c r="AM3065" s="84"/>
    </row>
    <row r="3066" spans="35:39" x14ac:dyDescent="0.35">
      <c r="AI3066" s="84"/>
      <c r="AM3066" s="84"/>
    </row>
    <row r="3067" spans="35:39" x14ac:dyDescent="0.35">
      <c r="AI3067" s="84"/>
      <c r="AM3067" s="84"/>
    </row>
    <row r="3068" spans="35:39" x14ac:dyDescent="0.35">
      <c r="AI3068" s="84"/>
      <c r="AM3068" s="84"/>
    </row>
    <row r="3069" spans="35:39" x14ac:dyDescent="0.35">
      <c r="AI3069" s="84"/>
      <c r="AM3069" s="84"/>
    </row>
    <row r="3070" spans="35:39" x14ac:dyDescent="0.35">
      <c r="AI3070" s="84"/>
      <c r="AM3070" s="84"/>
    </row>
    <row r="3071" spans="35:39" x14ac:dyDescent="0.35">
      <c r="AI3071" s="84"/>
      <c r="AM3071" s="84"/>
    </row>
    <row r="3072" spans="35:39" x14ac:dyDescent="0.35">
      <c r="AI3072" s="84"/>
      <c r="AM3072" s="84"/>
    </row>
    <row r="3073" spans="35:39" x14ac:dyDescent="0.35">
      <c r="AI3073" s="84"/>
      <c r="AM3073" s="84"/>
    </row>
    <row r="3074" spans="35:39" x14ac:dyDescent="0.35">
      <c r="AI3074" s="84"/>
      <c r="AM3074" s="84"/>
    </row>
    <row r="3075" spans="35:39" x14ac:dyDescent="0.35">
      <c r="AI3075" s="84"/>
      <c r="AM3075" s="84"/>
    </row>
    <row r="3076" spans="35:39" x14ac:dyDescent="0.35">
      <c r="AI3076" s="84"/>
      <c r="AM3076" s="84"/>
    </row>
    <row r="3077" spans="35:39" x14ac:dyDescent="0.35">
      <c r="AI3077" s="84"/>
      <c r="AM3077" s="84"/>
    </row>
    <row r="3078" spans="35:39" x14ac:dyDescent="0.35">
      <c r="AI3078" s="84"/>
      <c r="AM3078" s="84"/>
    </row>
    <row r="3079" spans="35:39" x14ac:dyDescent="0.35">
      <c r="AI3079" s="84"/>
      <c r="AM3079" s="84"/>
    </row>
    <row r="3080" spans="35:39" x14ac:dyDescent="0.35">
      <c r="AI3080" s="84"/>
      <c r="AM3080" s="84"/>
    </row>
    <row r="3081" spans="35:39" x14ac:dyDescent="0.35">
      <c r="AI3081" s="84"/>
      <c r="AM3081" s="84"/>
    </row>
    <row r="3082" spans="35:39" x14ac:dyDescent="0.35">
      <c r="AI3082" s="84"/>
      <c r="AM3082" s="84"/>
    </row>
    <row r="3083" spans="35:39" x14ac:dyDescent="0.35">
      <c r="AI3083" s="84"/>
      <c r="AM3083" s="84"/>
    </row>
    <row r="3084" spans="35:39" x14ac:dyDescent="0.35">
      <c r="AI3084" s="84"/>
      <c r="AM3084" s="84"/>
    </row>
    <row r="3085" spans="35:39" x14ac:dyDescent="0.35">
      <c r="AI3085" s="84"/>
      <c r="AM3085" s="84"/>
    </row>
    <row r="3086" spans="35:39" x14ac:dyDescent="0.35">
      <c r="AI3086" s="84"/>
      <c r="AM3086" s="84"/>
    </row>
    <row r="3087" spans="35:39" x14ac:dyDescent="0.35">
      <c r="AI3087" s="84"/>
      <c r="AM3087" s="84"/>
    </row>
    <row r="3088" spans="35:39" x14ac:dyDescent="0.35">
      <c r="AI3088" s="84"/>
      <c r="AM3088" s="84"/>
    </row>
    <row r="3089" spans="35:39" x14ac:dyDescent="0.35">
      <c r="AI3089" s="84"/>
      <c r="AM3089" s="84"/>
    </row>
    <row r="3090" spans="35:39" x14ac:dyDescent="0.35">
      <c r="AI3090" s="84"/>
      <c r="AM3090" s="84"/>
    </row>
    <row r="3091" spans="35:39" x14ac:dyDescent="0.35">
      <c r="AI3091" s="84"/>
      <c r="AM3091" s="84"/>
    </row>
    <row r="3092" spans="35:39" x14ac:dyDescent="0.35">
      <c r="AI3092" s="84"/>
      <c r="AM3092" s="84"/>
    </row>
    <row r="3093" spans="35:39" x14ac:dyDescent="0.35">
      <c r="AI3093" s="84"/>
      <c r="AM3093" s="84"/>
    </row>
    <row r="3094" spans="35:39" x14ac:dyDescent="0.35">
      <c r="AI3094" s="84"/>
      <c r="AM3094" s="84"/>
    </row>
    <row r="3095" spans="35:39" x14ac:dyDescent="0.35">
      <c r="AI3095" s="84"/>
      <c r="AM3095" s="84"/>
    </row>
    <row r="3096" spans="35:39" x14ac:dyDescent="0.35">
      <c r="AI3096" s="84"/>
      <c r="AM3096" s="84"/>
    </row>
    <row r="3097" spans="35:39" x14ac:dyDescent="0.35">
      <c r="AI3097" s="84"/>
      <c r="AM3097" s="84"/>
    </row>
    <row r="3098" spans="35:39" x14ac:dyDescent="0.35">
      <c r="AI3098" s="84"/>
      <c r="AM3098" s="84"/>
    </row>
    <row r="3099" spans="35:39" x14ac:dyDescent="0.35">
      <c r="AI3099" s="84"/>
      <c r="AM3099" s="84"/>
    </row>
    <row r="3100" spans="35:39" x14ac:dyDescent="0.35">
      <c r="AI3100" s="84"/>
      <c r="AM3100" s="84"/>
    </row>
    <row r="3101" spans="35:39" x14ac:dyDescent="0.35">
      <c r="AI3101" s="84"/>
      <c r="AM3101" s="84"/>
    </row>
    <row r="3102" spans="35:39" x14ac:dyDescent="0.35">
      <c r="AI3102" s="84"/>
      <c r="AM3102" s="84"/>
    </row>
    <row r="3103" spans="35:39" x14ac:dyDescent="0.35">
      <c r="AI3103" s="84"/>
      <c r="AM3103" s="84"/>
    </row>
    <row r="3104" spans="35:39" x14ac:dyDescent="0.35">
      <c r="AI3104" s="84"/>
      <c r="AM3104" s="84"/>
    </row>
    <row r="3105" spans="35:39" x14ac:dyDescent="0.35">
      <c r="AI3105" s="84"/>
      <c r="AM3105" s="84"/>
    </row>
    <row r="3106" spans="35:39" x14ac:dyDescent="0.35">
      <c r="AI3106" s="84"/>
      <c r="AM3106" s="84"/>
    </row>
    <row r="3107" spans="35:39" x14ac:dyDescent="0.35">
      <c r="AI3107" s="84"/>
      <c r="AM3107" s="84"/>
    </row>
    <row r="3108" spans="35:39" x14ac:dyDescent="0.35">
      <c r="AI3108" s="84"/>
      <c r="AM3108" s="84"/>
    </row>
    <row r="3109" spans="35:39" x14ac:dyDescent="0.35">
      <c r="AI3109" s="84"/>
      <c r="AM3109" s="84"/>
    </row>
    <row r="3110" spans="35:39" x14ac:dyDescent="0.35">
      <c r="AI3110" s="84"/>
      <c r="AM3110" s="84"/>
    </row>
    <row r="3111" spans="35:39" x14ac:dyDescent="0.35">
      <c r="AI3111" s="84"/>
      <c r="AM3111" s="84"/>
    </row>
    <row r="3112" spans="35:39" x14ac:dyDescent="0.35">
      <c r="AI3112" s="84"/>
      <c r="AM3112" s="84"/>
    </row>
    <row r="3113" spans="35:39" x14ac:dyDescent="0.35">
      <c r="AI3113" s="84"/>
      <c r="AM3113" s="84"/>
    </row>
    <row r="3114" spans="35:39" x14ac:dyDescent="0.35">
      <c r="AI3114" s="84"/>
      <c r="AM3114" s="84"/>
    </row>
    <row r="3115" spans="35:39" x14ac:dyDescent="0.35">
      <c r="AI3115" s="84"/>
      <c r="AM3115" s="84"/>
    </row>
    <row r="3116" spans="35:39" x14ac:dyDescent="0.35">
      <c r="AI3116" s="84"/>
      <c r="AM3116" s="84"/>
    </row>
    <row r="3117" spans="35:39" x14ac:dyDescent="0.35">
      <c r="AI3117" s="84"/>
      <c r="AM3117" s="84"/>
    </row>
    <row r="3118" spans="35:39" x14ac:dyDescent="0.35">
      <c r="AI3118" s="84"/>
      <c r="AM3118" s="84"/>
    </row>
    <row r="3119" spans="35:39" x14ac:dyDescent="0.35">
      <c r="AI3119" s="84"/>
      <c r="AM3119" s="84"/>
    </row>
    <row r="3120" spans="35:39" x14ac:dyDescent="0.35">
      <c r="AI3120" s="84"/>
      <c r="AM3120" s="84"/>
    </row>
    <row r="3121" spans="35:39" x14ac:dyDescent="0.35">
      <c r="AI3121" s="84"/>
      <c r="AM3121" s="84"/>
    </row>
    <row r="3122" spans="35:39" x14ac:dyDescent="0.35">
      <c r="AI3122" s="84"/>
      <c r="AM3122" s="84"/>
    </row>
    <row r="3123" spans="35:39" x14ac:dyDescent="0.35">
      <c r="AI3123" s="84"/>
      <c r="AM3123" s="84"/>
    </row>
    <row r="3124" spans="35:39" x14ac:dyDescent="0.35">
      <c r="AI3124" s="84"/>
      <c r="AM3124" s="84"/>
    </row>
    <row r="3125" spans="35:39" x14ac:dyDescent="0.35">
      <c r="AI3125" s="84"/>
      <c r="AM3125" s="84"/>
    </row>
    <row r="3126" spans="35:39" x14ac:dyDescent="0.35">
      <c r="AI3126" s="84"/>
      <c r="AM3126" s="84"/>
    </row>
    <row r="3127" spans="35:39" x14ac:dyDescent="0.35">
      <c r="AI3127" s="84"/>
      <c r="AM3127" s="84"/>
    </row>
    <row r="3128" spans="35:39" x14ac:dyDescent="0.35">
      <c r="AI3128" s="84"/>
      <c r="AM3128" s="84"/>
    </row>
    <row r="3129" spans="35:39" x14ac:dyDescent="0.35">
      <c r="AI3129" s="84"/>
      <c r="AM3129" s="84"/>
    </row>
    <row r="3130" spans="35:39" x14ac:dyDescent="0.35">
      <c r="AI3130" s="84"/>
      <c r="AM3130" s="84"/>
    </row>
    <row r="3131" spans="35:39" x14ac:dyDescent="0.35">
      <c r="AI3131" s="84"/>
      <c r="AM3131" s="84"/>
    </row>
    <row r="3132" spans="35:39" x14ac:dyDescent="0.35">
      <c r="AI3132" s="84"/>
      <c r="AM3132" s="84"/>
    </row>
    <row r="3133" spans="35:39" x14ac:dyDescent="0.35">
      <c r="AI3133" s="84"/>
      <c r="AM3133" s="84"/>
    </row>
    <row r="3134" spans="35:39" x14ac:dyDescent="0.35">
      <c r="AI3134" s="84"/>
      <c r="AM3134" s="84"/>
    </row>
    <row r="3135" spans="35:39" x14ac:dyDescent="0.35">
      <c r="AI3135" s="84"/>
      <c r="AM3135" s="84"/>
    </row>
    <row r="3136" spans="35:39" x14ac:dyDescent="0.35">
      <c r="AI3136" s="84"/>
      <c r="AM3136" s="84"/>
    </row>
    <row r="3137" spans="35:39" x14ac:dyDescent="0.35">
      <c r="AI3137" s="84"/>
      <c r="AM3137" s="84"/>
    </row>
    <row r="3138" spans="35:39" x14ac:dyDescent="0.35">
      <c r="AI3138" s="84"/>
      <c r="AM3138" s="84"/>
    </row>
    <row r="3139" spans="35:39" x14ac:dyDescent="0.35">
      <c r="AI3139" s="84"/>
      <c r="AM3139" s="84"/>
    </row>
    <row r="3140" spans="35:39" x14ac:dyDescent="0.35">
      <c r="AI3140" s="84"/>
      <c r="AM3140" s="84"/>
    </row>
    <row r="3141" spans="35:39" x14ac:dyDescent="0.35">
      <c r="AI3141" s="84"/>
      <c r="AM3141" s="84"/>
    </row>
    <row r="3142" spans="35:39" x14ac:dyDescent="0.35">
      <c r="AI3142" s="84"/>
      <c r="AM3142" s="84"/>
    </row>
    <row r="3143" spans="35:39" x14ac:dyDescent="0.35">
      <c r="AI3143" s="84"/>
      <c r="AM3143" s="84"/>
    </row>
    <row r="3144" spans="35:39" x14ac:dyDescent="0.35">
      <c r="AI3144" s="84"/>
      <c r="AM3144" s="84"/>
    </row>
    <row r="3145" spans="35:39" x14ac:dyDescent="0.35">
      <c r="AI3145" s="84"/>
      <c r="AM3145" s="84"/>
    </row>
    <row r="3146" spans="35:39" x14ac:dyDescent="0.35">
      <c r="AI3146" s="84"/>
      <c r="AM3146" s="84"/>
    </row>
    <row r="3147" spans="35:39" x14ac:dyDescent="0.35">
      <c r="AI3147" s="84"/>
      <c r="AM3147" s="84"/>
    </row>
    <row r="3148" spans="35:39" x14ac:dyDescent="0.35">
      <c r="AI3148" s="84"/>
      <c r="AM3148" s="84"/>
    </row>
    <row r="3149" spans="35:39" x14ac:dyDescent="0.35">
      <c r="AI3149" s="84"/>
      <c r="AM3149" s="84"/>
    </row>
    <row r="3150" spans="35:39" x14ac:dyDescent="0.35">
      <c r="AI3150" s="84"/>
      <c r="AM3150" s="84"/>
    </row>
    <row r="3151" spans="35:39" x14ac:dyDescent="0.35">
      <c r="AI3151" s="84"/>
      <c r="AM3151" s="84"/>
    </row>
    <row r="3152" spans="35:39" x14ac:dyDescent="0.35">
      <c r="AI3152" s="84"/>
      <c r="AM3152" s="84"/>
    </row>
    <row r="3153" spans="35:39" x14ac:dyDescent="0.35">
      <c r="AI3153" s="84"/>
      <c r="AM3153" s="84"/>
    </row>
    <row r="3154" spans="35:39" x14ac:dyDescent="0.35">
      <c r="AI3154" s="84"/>
      <c r="AM3154" s="84"/>
    </row>
    <row r="3155" spans="35:39" x14ac:dyDescent="0.35">
      <c r="AI3155" s="84"/>
      <c r="AM3155" s="84"/>
    </row>
    <row r="3156" spans="35:39" x14ac:dyDescent="0.35">
      <c r="AI3156" s="84"/>
      <c r="AM3156" s="84"/>
    </row>
    <row r="3157" spans="35:39" x14ac:dyDescent="0.35">
      <c r="AI3157" s="84"/>
      <c r="AM3157" s="84"/>
    </row>
    <row r="3158" spans="35:39" x14ac:dyDescent="0.35">
      <c r="AI3158" s="84"/>
      <c r="AM3158" s="84"/>
    </row>
    <row r="3159" spans="35:39" x14ac:dyDescent="0.35">
      <c r="AI3159" s="84"/>
      <c r="AM3159" s="84"/>
    </row>
    <row r="3160" spans="35:39" x14ac:dyDescent="0.35">
      <c r="AI3160" s="84"/>
      <c r="AM3160" s="84"/>
    </row>
    <row r="3161" spans="35:39" x14ac:dyDescent="0.35">
      <c r="AI3161" s="84"/>
      <c r="AM3161" s="84"/>
    </row>
    <row r="3162" spans="35:39" x14ac:dyDescent="0.35">
      <c r="AI3162" s="84"/>
      <c r="AM3162" s="84"/>
    </row>
    <row r="3163" spans="35:39" x14ac:dyDescent="0.35">
      <c r="AI3163" s="84"/>
      <c r="AM3163" s="84"/>
    </row>
    <row r="3164" spans="35:39" x14ac:dyDescent="0.35">
      <c r="AI3164" s="84"/>
      <c r="AM3164" s="84"/>
    </row>
    <row r="3165" spans="35:39" x14ac:dyDescent="0.35">
      <c r="AI3165" s="84"/>
      <c r="AM3165" s="84"/>
    </row>
    <row r="3166" spans="35:39" x14ac:dyDescent="0.35">
      <c r="AI3166" s="84"/>
      <c r="AM3166" s="84"/>
    </row>
    <row r="3167" spans="35:39" x14ac:dyDescent="0.35">
      <c r="AI3167" s="84"/>
      <c r="AM3167" s="84"/>
    </row>
    <row r="3168" spans="35:39" x14ac:dyDescent="0.35">
      <c r="AI3168" s="84"/>
      <c r="AM3168" s="84"/>
    </row>
    <row r="3169" spans="35:39" x14ac:dyDescent="0.35">
      <c r="AI3169" s="84"/>
      <c r="AM3169" s="84"/>
    </row>
    <row r="3170" spans="35:39" x14ac:dyDescent="0.35">
      <c r="AI3170" s="84"/>
      <c r="AM3170" s="84"/>
    </row>
    <row r="3171" spans="35:39" x14ac:dyDescent="0.35">
      <c r="AI3171" s="84"/>
      <c r="AM3171" s="84"/>
    </row>
    <row r="3172" spans="35:39" x14ac:dyDescent="0.35">
      <c r="AI3172" s="84"/>
      <c r="AM3172" s="84"/>
    </row>
    <row r="3173" spans="35:39" x14ac:dyDescent="0.35">
      <c r="AI3173" s="84"/>
      <c r="AM3173" s="84"/>
    </row>
    <row r="3174" spans="35:39" x14ac:dyDescent="0.35">
      <c r="AI3174" s="84"/>
      <c r="AM3174" s="84"/>
    </row>
    <row r="3175" spans="35:39" x14ac:dyDescent="0.35">
      <c r="AI3175" s="84"/>
      <c r="AM3175" s="84"/>
    </row>
    <row r="3176" spans="35:39" x14ac:dyDescent="0.35">
      <c r="AI3176" s="84"/>
      <c r="AM3176" s="84"/>
    </row>
    <row r="3177" spans="35:39" x14ac:dyDescent="0.35">
      <c r="AI3177" s="84"/>
      <c r="AM3177" s="84"/>
    </row>
    <row r="3178" spans="35:39" x14ac:dyDescent="0.35">
      <c r="AI3178" s="84"/>
      <c r="AM3178" s="84"/>
    </row>
    <row r="3179" spans="35:39" x14ac:dyDescent="0.35">
      <c r="AI3179" s="84"/>
      <c r="AM3179" s="84"/>
    </row>
    <row r="3180" spans="35:39" x14ac:dyDescent="0.35">
      <c r="AI3180" s="84"/>
      <c r="AM3180" s="84"/>
    </row>
    <row r="3181" spans="35:39" x14ac:dyDescent="0.35">
      <c r="AI3181" s="84"/>
      <c r="AM3181" s="84"/>
    </row>
    <row r="3182" spans="35:39" x14ac:dyDescent="0.35">
      <c r="AI3182" s="84"/>
      <c r="AM3182" s="84"/>
    </row>
    <row r="3183" spans="35:39" x14ac:dyDescent="0.35">
      <c r="AI3183" s="84"/>
      <c r="AM3183" s="84"/>
    </row>
    <row r="3184" spans="35:39" x14ac:dyDescent="0.35">
      <c r="AI3184" s="84"/>
      <c r="AM3184" s="84"/>
    </row>
    <row r="3185" spans="35:39" x14ac:dyDescent="0.35">
      <c r="AI3185" s="84"/>
      <c r="AM3185" s="84"/>
    </row>
    <row r="3186" spans="35:39" x14ac:dyDescent="0.35">
      <c r="AI3186" s="84"/>
      <c r="AM3186" s="84"/>
    </row>
    <row r="3187" spans="35:39" x14ac:dyDescent="0.35">
      <c r="AI3187" s="84"/>
      <c r="AM3187" s="84"/>
    </row>
    <row r="3188" spans="35:39" x14ac:dyDescent="0.35">
      <c r="AI3188" s="84"/>
      <c r="AM3188" s="84"/>
    </row>
    <row r="3189" spans="35:39" x14ac:dyDescent="0.35">
      <c r="AI3189" s="84"/>
      <c r="AM3189" s="84"/>
    </row>
    <row r="3190" spans="35:39" x14ac:dyDescent="0.35">
      <c r="AI3190" s="84"/>
      <c r="AM3190" s="84"/>
    </row>
    <row r="3191" spans="35:39" x14ac:dyDescent="0.35">
      <c r="AI3191" s="84"/>
      <c r="AM3191" s="84"/>
    </row>
    <row r="3192" spans="35:39" x14ac:dyDescent="0.35">
      <c r="AI3192" s="84"/>
      <c r="AM3192" s="84"/>
    </row>
    <row r="3193" spans="35:39" x14ac:dyDescent="0.35">
      <c r="AI3193" s="84"/>
      <c r="AM3193" s="84"/>
    </row>
    <row r="3194" spans="35:39" x14ac:dyDescent="0.35">
      <c r="AI3194" s="84"/>
      <c r="AM3194" s="84"/>
    </row>
    <row r="3195" spans="35:39" x14ac:dyDescent="0.35">
      <c r="AI3195" s="84"/>
      <c r="AM3195" s="84"/>
    </row>
    <row r="3196" spans="35:39" x14ac:dyDescent="0.35">
      <c r="AI3196" s="84"/>
      <c r="AM3196" s="84"/>
    </row>
    <row r="3197" spans="35:39" x14ac:dyDescent="0.35">
      <c r="AI3197" s="84"/>
      <c r="AM3197" s="84"/>
    </row>
    <row r="3198" spans="35:39" x14ac:dyDescent="0.35">
      <c r="AI3198" s="84"/>
      <c r="AM3198" s="84"/>
    </row>
    <row r="3199" spans="35:39" x14ac:dyDescent="0.35">
      <c r="AI3199" s="84"/>
      <c r="AM3199" s="84"/>
    </row>
    <row r="3200" spans="35:39" x14ac:dyDescent="0.35">
      <c r="AI3200" s="84"/>
      <c r="AM3200" s="84"/>
    </row>
    <row r="3201" spans="35:39" x14ac:dyDescent="0.35">
      <c r="AI3201" s="84"/>
      <c r="AM3201" s="84"/>
    </row>
    <row r="3202" spans="35:39" x14ac:dyDescent="0.35">
      <c r="AI3202" s="84"/>
      <c r="AM3202" s="84"/>
    </row>
    <row r="3203" spans="35:39" x14ac:dyDescent="0.35">
      <c r="AI3203" s="84"/>
      <c r="AM3203" s="84"/>
    </row>
    <row r="3204" spans="35:39" x14ac:dyDescent="0.35">
      <c r="AI3204" s="84"/>
      <c r="AM3204" s="84"/>
    </row>
    <row r="3205" spans="35:39" x14ac:dyDescent="0.35">
      <c r="AI3205" s="84"/>
      <c r="AM3205" s="84"/>
    </row>
    <row r="3206" spans="35:39" x14ac:dyDescent="0.35">
      <c r="AI3206" s="84"/>
      <c r="AM3206" s="84"/>
    </row>
    <row r="3207" spans="35:39" x14ac:dyDescent="0.35">
      <c r="AI3207" s="84"/>
      <c r="AM3207" s="84"/>
    </row>
    <row r="3208" spans="35:39" x14ac:dyDescent="0.35">
      <c r="AI3208" s="84"/>
      <c r="AM3208" s="84"/>
    </row>
    <row r="3209" spans="35:39" x14ac:dyDescent="0.35">
      <c r="AI3209" s="84"/>
      <c r="AM3209" s="84"/>
    </row>
    <row r="3210" spans="35:39" x14ac:dyDescent="0.35">
      <c r="AI3210" s="84"/>
      <c r="AM3210" s="84"/>
    </row>
    <row r="3211" spans="35:39" x14ac:dyDescent="0.35">
      <c r="AI3211" s="84"/>
      <c r="AM3211" s="84"/>
    </row>
    <row r="3212" spans="35:39" x14ac:dyDescent="0.35">
      <c r="AI3212" s="84"/>
      <c r="AM3212" s="84"/>
    </row>
    <row r="3213" spans="35:39" x14ac:dyDescent="0.35">
      <c r="AI3213" s="84"/>
      <c r="AM3213" s="84"/>
    </row>
    <row r="3214" spans="35:39" x14ac:dyDescent="0.35">
      <c r="AI3214" s="84"/>
      <c r="AM3214" s="84"/>
    </row>
    <row r="3215" spans="35:39" x14ac:dyDescent="0.35">
      <c r="AI3215" s="84"/>
      <c r="AM3215" s="84"/>
    </row>
    <row r="3216" spans="35:39" x14ac:dyDescent="0.35">
      <c r="AI3216" s="84"/>
      <c r="AM3216" s="84"/>
    </row>
    <row r="3217" spans="35:39" x14ac:dyDescent="0.35">
      <c r="AI3217" s="84"/>
      <c r="AM3217" s="84"/>
    </row>
    <row r="3218" spans="35:39" x14ac:dyDescent="0.35">
      <c r="AI3218" s="84"/>
      <c r="AM3218" s="84"/>
    </row>
    <row r="3219" spans="35:39" x14ac:dyDescent="0.35">
      <c r="AI3219" s="84"/>
      <c r="AM3219" s="84"/>
    </row>
    <row r="3220" spans="35:39" x14ac:dyDescent="0.35">
      <c r="AI3220" s="84"/>
      <c r="AM3220" s="84"/>
    </row>
    <row r="3221" spans="35:39" x14ac:dyDescent="0.35">
      <c r="AI3221" s="84"/>
      <c r="AM3221" s="84"/>
    </row>
    <row r="3222" spans="35:39" x14ac:dyDescent="0.35">
      <c r="AI3222" s="84"/>
      <c r="AM3222" s="84"/>
    </row>
    <row r="3223" spans="35:39" x14ac:dyDescent="0.35">
      <c r="AI3223" s="84"/>
      <c r="AM3223" s="84"/>
    </row>
    <row r="3224" spans="35:39" x14ac:dyDescent="0.35">
      <c r="AI3224" s="84"/>
      <c r="AM3224" s="84"/>
    </row>
    <row r="3225" spans="35:39" x14ac:dyDescent="0.35">
      <c r="AI3225" s="84"/>
      <c r="AM3225" s="84"/>
    </row>
    <row r="3226" spans="35:39" x14ac:dyDescent="0.35">
      <c r="AI3226" s="84"/>
      <c r="AM3226" s="84"/>
    </row>
    <row r="3227" spans="35:39" x14ac:dyDescent="0.35">
      <c r="AI3227" s="84"/>
      <c r="AM3227" s="84"/>
    </row>
    <row r="3228" spans="35:39" x14ac:dyDescent="0.35">
      <c r="AI3228" s="84"/>
      <c r="AM3228" s="84"/>
    </row>
    <row r="3229" spans="35:39" x14ac:dyDescent="0.35">
      <c r="AI3229" s="84"/>
      <c r="AM3229" s="84"/>
    </row>
    <row r="3230" spans="35:39" x14ac:dyDescent="0.35">
      <c r="AI3230" s="84"/>
      <c r="AM3230" s="84"/>
    </row>
    <row r="3231" spans="35:39" x14ac:dyDescent="0.35">
      <c r="AI3231" s="84"/>
      <c r="AM3231" s="84"/>
    </row>
    <row r="3232" spans="35:39" x14ac:dyDescent="0.35">
      <c r="AI3232" s="84"/>
      <c r="AM3232" s="84"/>
    </row>
    <row r="3233" spans="35:39" x14ac:dyDescent="0.35">
      <c r="AI3233" s="84"/>
      <c r="AM3233" s="84"/>
    </row>
    <row r="3234" spans="35:39" x14ac:dyDescent="0.35">
      <c r="AI3234" s="84"/>
      <c r="AM3234" s="84"/>
    </row>
    <row r="3235" spans="35:39" x14ac:dyDescent="0.35">
      <c r="AI3235" s="84"/>
      <c r="AM3235" s="84"/>
    </row>
    <row r="3236" spans="35:39" x14ac:dyDescent="0.35">
      <c r="AI3236" s="84"/>
      <c r="AM3236" s="84"/>
    </row>
    <row r="3237" spans="35:39" x14ac:dyDescent="0.35">
      <c r="AI3237" s="84"/>
      <c r="AM3237" s="84"/>
    </row>
    <row r="3238" spans="35:39" x14ac:dyDescent="0.35">
      <c r="AI3238" s="84"/>
      <c r="AM3238" s="84"/>
    </row>
    <row r="3239" spans="35:39" x14ac:dyDescent="0.35">
      <c r="AI3239" s="84"/>
      <c r="AM3239" s="84"/>
    </row>
    <row r="3240" spans="35:39" x14ac:dyDescent="0.35">
      <c r="AI3240" s="84"/>
      <c r="AM3240" s="84"/>
    </row>
    <row r="3241" spans="35:39" x14ac:dyDescent="0.35">
      <c r="AI3241" s="84"/>
      <c r="AM3241" s="84"/>
    </row>
    <row r="3242" spans="35:39" x14ac:dyDescent="0.35">
      <c r="AI3242" s="84"/>
      <c r="AM3242" s="84"/>
    </row>
    <row r="3243" spans="35:39" x14ac:dyDescent="0.35">
      <c r="AI3243" s="84"/>
      <c r="AM3243" s="84"/>
    </row>
    <row r="3244" spans="35:39" x14ac:dyDescent="0.35">
      <c r="AI3244" s="84"/>
      <c r="AM3244" s="84"/>
    </row>
    <row r="3245" spans="35:39" x14ac:dyDescent="0.35">
      <c r="AI3245" s="84"/>
      <c r="AM3245" s="84"/>
    </row>
    <row r="3246" spans="35:39" x14ac:dyDescent="0.35">
      <c r="AI3246" s="84"/>
      <c r="AM3246" s="84"/>
    </row>
    <row r="3247" spans="35:39" x14ac:dyDescent="0.35">
      <c r="AI3247" s="84"/>
      <c r="AM3247" s="84"/>
    </row>
    <row r="3248" spans="35:39" x14ac:dyDescent="0.35">
      <c r="AI3248" s="84"/>
      <c r="AM3248" s="84"/>
    </row>
    <row r="3249" spans="35:39" x14ac:dyDescent="0.35">
      <c r="AI3249" s="84"/>
      <c r="AM3249" s="84"/>
    </row>
    <row r="3250" spans="35:39" x14ac:dyDescent="0.35">
      <c r="AI3250" s="84"/>
      <c r="AM3250" s="84"/>
    </row>
    <row r="3251" spans="35:39" x14ac:dyDescent="0.35">
      <c r="AI3251" s="84"/>
      <c r="AM3251" s="84"/>
    </row>
    <row r="3252" spans="35:39" x14ac:dyDescent="0.35">
      <c r="AI3252" s="84"/>
      <c r="AM3252" s="84"/>
    </row>
    <row r="3253" spans="35:39" x14ac:dyDescent="0.35">
      <c r="AI3253" s="84"/>
      <c r="AM3253" s="84"/>
    </row>
    <row r="3254" spans="35:39" x14ac:dyDescent="0.35">
      <c r="AI3254" s="84"/>
      <c r="AM3254" s="84"/>
    </row>
    <row r="3255" spans="35:39" x14ac:dyDescent="0.35">
      <c r="AI3255" s="84"/>
      <c r="AM3255" s="84"/>
    </row>
    <row r="3256" spans="35:39" x14ac:dyDescent="0.35">
      <c r="AI3256" s="84"/>
      <c r="AM3256" s="84"/>
    </row>
    <row r="3257" spans="35:39" x14ac:dyDescent="0.35">
      <c r="AI3257" s="84"/>
      <c r="AM3257" s="84"/>
    </row>
    <row r="3258" spans="35:39" x14ac:dyDescent="0.35">
      <c r="AI3258" s="84"/>
      <c r="AM3258" s="84"/>
    </row>
    <row r="3259" spans="35:39" x14ac:dyDescent="0.35">
      <c r="AI3259" s="84"/>
      <c r="AM3259" s="84"/>
    </row>
    <row r="3260" spans="35:39" x14ac:dyDescent="0.35">
      <c r="AI3260" s="84"/>
      <c r="AM3260" s="84"/>
    </row>
    <row r="3261" spans="35:39" x14ac:dyDescent="0.35">
      <c r="AI3261" s="84"/>
      <c r="AM3261" s="84"/>
    </row>
    <row r="3262" spans="35:39" x14ac:dyDescent="0.35">
      <c r="AI3262" s="84"/>
      <c r="AM3262" s="84"/>
    </row>
    <row r="3263" spans="35:39" x14ac:dyDescent="0.35">
      <c r="AI3263" s="84"/>
      <c r="AM3263" s="84"/>
    </row>
    <row r="3264" spans="35:39" x14ac:dyDescent="0.35">
      <c r="AI3264" s="84"/>
      <c r="AM3264" s="84"/>
    </row>
    <row r="3265" spans="35:39" x14ac:dyDescent="0.35">
      <c r="AI3265" s="84"/>
      <c r="AM3265" s="84"/>
    </row>
    <row r="3266" spans="35:39" x14ac:dyDescent="0.35">
      <c r="AI3266" s="84"/>
      <c r="AM3266" s="84"/>
    </row>
    <row r="3267" spans="35:39" x14ac:dyDescent="0.35">
      <c r="AI3267" s="84"/>
      <c r="AM3267" s="84"/>
    </row>
    <row r="3268" spans="35:39" x14ac:dyDescent="0.35">
      <c r="AI3268" s="84"/>
      <c r="AM3268" s="84"/>
    </row>
    <row r="3269" spans="35:39" x14ac:dyDescent="0.35">
      <c r="AI3269" s="84"/>
      <c r="AM3269" s="84"/>
    </row>
    <row r="3270" spans="35:39" x14ac:dyDescent="0.35">
      <c r="AI3270" s="84"/>
      <c r="AM3270" s="84"/>
    </row>
    <row r="3271" spans="35:39" x14ac:dyDescent="0.35">
      <c r="AI3271" s="84"/>
      <c r="AM3271" s="84"/>
    </row>
    <row r="3272" spans="35:39" x14ac:dyDescent="0.35">
      <c r="AI3272" s="84"/>
      <c r="AM3272" s="84"/>
    </row>
    <row r="3273" spans="35:39" x14ac:dyDescent="0.35">
      <c r="AI3273" s="84"/>
      <c r="AM3273" s="84"/>
    </row>
    <row r="3274" spans="35:39" x14ac:dyDescent="0.35">
      <c r="AI3274" s="84"/>
      <c r="AM3274" s="84"/>
    </row>
    <row r="3275" spans="35:39" x14ac:dyDescent="0.35">
      <c r="AI3275" s="84"/>
      <c r="AM3275" s="84"/>
    </row>
    <row r="3276" spans="35:39" x14ac:dyDescent="0.35">
      <c r="AI3276" s="84"/>
      <c r="AM3276" s="84"/>
    </row>
    <row r="3277" spans="35:39" x14ac:dyDescent="0.35">
      <c r="AI3277" s="84"/>
      <c r="AM3277" s="84"/>
    </row>
    <row r="3278" spans="35:39" x14ac:dyDescent="0.35">
      <c r="AI3278" s="84"/>
      <c r="AM3278" s="84"/>
    </row>
    <row r="3279" spans="35:39" x14ac:dyDescent="0.35">
      <c r="AI3279" s="84"/>
      <c r="AM3279" s="84"/>
    </row>
    <row r="3280" spans="35:39" x14ac:dyDescent="0.35">
      <c r="AI3280" s="84"/>
      <c r="AM3280" s="84"/>
    </row>
    <row r="3281" spans="35:39" x14ac:dyDescent="0.35">
      <c r="AI3281" s="84"/>
      <c r="AM3281" s="84"/>
    </row>
    <row r="3282" spans="35:39" x14ac:dyDescent="0.35">
      <c r="AI3282" s="84"/>
      <c r="AM3282" s="84"/>
    </row>
    <row r="3283" spans="35:39" x14ac:dyDescent="0.35">
      <c r="AI3283" s="84"/>
      <c r="AM3283" s="84"/>
    </row>
    <row r="3284" spans="35:39" x14ac:dyDescent="0.35">
      <c r="AI3284" s="84"/>
      <c r="AM3284" s="84"/>
    </row>
    <row r="3285" spans="35:39" x14ac:dyDescent="0.35">
      <c r="AI3285" s="84"/>
      <c r="AM3285" s="84"/>
    </row>
    <row r="3286" spans="35:39" x14ac:dyDescent="0.35">
      <c r="AI3286" s="84"/>
      <c r="AM3286" s="84"/>
    </row>
    <row r="3287" spans="35:39" x14ac:dyDescent="0.35">
      <c r="AI3287" s="84"/>
      <c r="AM3287" s="84"/>
    </row>
    <row r="3288" spans="35:39" x14ac:dyDescent="0.35">
      <c r="AI3288" s="84"/>
      <c r="AM3288" s="84"/>
    </row>
    <row r="3289" spans="35:39" x14ac:dyDescent="0.35">
      <c r="AI3289" s="84"/>
      <c r="AM3289" s="84"/>
    </row>
    <row r="3290" spans="35:39" x14ac:dyDescent="0.35">
      <c r="AI3290" s="84"/>
      <c r="AM3290" s="84"/>
    </row>
    <row r="3291" spans="35:39" x14ac:dyDescent="0.35">
      <c r="AI3291" s="84"/>
      <c r="AM3291" s="84"/>
    </row>
    <row r="3292" spans="35:39" x14ac:dyDescent="0.35">
      <c r="AI3292" s="84"/>
      <c r="AM3292" s="84"/>
    </row>
    <row r="3293" spans="35:39" x14ac:dyDescent="0.35">
      <c r="AI3293" s="84"/>
      <c r="AM3293" s="84"/>
    </row>
    <row r="3294" spans="35:39" x14ac:dyDescent="0.35">
      <c r="AI3294" s="84"/>
      <c r="AM3294" s="84"/>
    </row>
    <row r="3295" spans="35:39" x14ac:dyDescent="0.35">
      <c r="AI3295" s="84"/>
      <c r="AM3295" s="84"/>
    </row>
    <row r="3296" spans="35:39" x14ac:dyDescent="0.35">
      <c r="AI3296" s="84"/>
      <c r="AM3296" s="84"/>
    </row>
    <row r="3297" spans="35:39" x14ac:dyDescent="0.35">
      <c r="AI3297" s="84"/>
      <c r="AM3297" s="84"/>
    </row>
    <row r="3298" spans="35:39" x14ac:dyDescent="0.35">
      <c r="AI3298" s="84"/>
      <c r="AM3298" s="84"/>
    </row>
    <row r="3299" spans="35:39" x14ac:dyDescent="0.35">
      <c r="AI3299" s="84"/>
      <c r="AM3299" s="84"/>
    </row>
    <row r="3300" spans="35:39" x14ac:dyDescent="0.35">
      <c r="AI3300" s="84"/>
      <c r="AM3300" s="84"/>
    </row>
    <row r="3301" spans="35:39" x14ac:dyDescent="0.35">
      <c r="AI3301" s="84"/>
      <c r="AM3301" s="84"/>
    </row>
    <row r="3302" spans="35:39" x14ac:dyDescent="0.35">
      <c r="AI3302" s="84"/>
      <c r="AM3302" s="84"/>
    </row>
    <row r="3303" spans="35:39" x14ac:dyDescent="0.35">
      <c r="AI3303" s="84"/>
      <c r="AM3303" s="84"/>
    </row>
    <row r="3304" spans="35:39" x14ac:dyDescent="0.35">
      <c r="AI3304" s="84"/>
      <c r="AM3304" s="84"/>
    </row>
    <row r="3305" spans="35:39" x14ac:dyDescent="0.35">
      <c r="AI3305" s="84"/>
      <c r="AM3305" s="84"/>
    </row>
    <row r="3306" spans="35:39" x14ac:dyDescent="0.35">
      <c r="AI3306" s="84"/>
      <c r="AM3306" s="84"/>
    </row>
    <row r="3307" spans="35:39" x14ac:dyDescent="0.35">
      <c r="AI3307" s="84"/>
      <c r="AM3307" s="84"/>
    </row>
    <row r="3308" spans="35:39" x14ac:dyDescent="0.35">
      <c r="AI3308" s="84"/>
      <c r="AM3308" s="84"/>
    </row>
    <row r="3309" spans="35:39" x14ac:dyDescent="0.35">
      <c r="AI3309" s="84"/>
      <c r="AM3309" s="84"/>
    </row>
    <row r="3310" spans="35:39" x14ac:dyDescent="0.35">
      <c r="AI3310" s="84"/>
      <c r="AM3310" s="84"/>
    </row>
    <row r="3311" spans="35:39" x14ac:dyDescent="0.35">
      <c r="AI3311" s="84"/>
      <c r="AM3311" s="84"/>
    </row>
    <row r="3312" spans="35:39" x14ac:dyDescent="0.35">
      <c r="AI3312" s="84"/>
      <c r="AM3312" s="84"/>
    </row>
    <row r="3313" spans="35:39" x14ac:dyDescent="0.35">
      <c r="AI3313" s="84"/>
      <c r="AM3313" s="84"/>
    </row>
    <row r="3314" spans="35:39" x14ac:dyDescent="0.35">
      <c r="AI3314" s="84"/>
      <c r="AM3314" s="84"/>
    </row>
    <row r="3315" spans="35:39" x14ac:dyDescent="0.35">
      <c r="AI3315" s="84"/>
      <c r="AM3315" s="84"/>
    </row>
    <row r="3316" spans="35:39" x14ac:dyDescent="0.35">
      <c r="AI3316" s="84"/>
      <c r="AM3316" s="84"/>
    </row>
    <row r="3317" spans="35:39" x14ac:dyDescent="0.35">
      <c r="AI3317" s="84"/>
      <c r="AM3317" s="84"/>
    </row>
    <row r="3318" spans="35:39" x14ac:dyDescent="0.35">
      <c r="AI3318" s="84"/>
      <c r="AM3318" s="84"/>
    </row>
    <row r="3319" spans="35:39" x14ac:dyDescent="0.35">
      <c r="AI3319" s="84"/>
      <c r="AM3319" s="84"/>
    </row>
    <row r="3320" spans="35:39" x14ac:dyDescent="0.35">
      <c r="AI3320" s="84"/>
      <c r="AM3320" s="84"/>
    </row>
    <row r="3321" spans="35:39" x14ac:dyDescent="0.35">
      <c r="AI3321" s="84"/>
      <c r="AM3321" s="84"/>
    </row>
    <row r="3322" spans="35:39" x14ac:dyDescent="0.35">
      <c r="AI3322" s="84"/>
      <c r="AM3322" s="84"/>
    </row>
    <row r="3323" spans="35:39" x14ac:dyDescent="0.35">
      <c r="AI3323" s="84"/>
      <c r="AM3323" s="84"/>
    </row>
    <row r="3324" spans="35:39" x14ac:dyDescent="0.35">
      <c r="AI3324" s="84"/>
      <c r="AM3324" s="84"/>
    </row>
    <row r="3325" spans="35:39" x14ac:dyDescent="0.35">
      <c r="AI3325" s="84"/>
      <c r="AM3325" s="84"/>
    </row>
    <row r="3326" spans="35:39" x14ac:dyDescent="0.35">
      <c r="AI3326" s="84"/>
      <c r="AM3326" s="84"/>
    </row>
    <row r="3327" spans="35:39" x14ac:dyDescent="0.35">
      <c r="AI3327" s="84"/>
      <c r="AM3327" s="84"/>
    </row>
    <row r="3328" spans="35:39" x14ac:dyDescent="0.35">
      <c r="AI3328" s="84"/>
      <c r="AM3328" s="84"/>
    </row>
    <row r="3329" spans="35:39" x14ac:dyDescent="0.35">
      <c r="AI3329" s="84"/>
      <c r="AM3329" s="84"/>
    </row>
    <row r="3330" spans="35:39" x14ac:dyDescent="0.35">
      <c r="AI3330" s="84"/>
      <c r="AM3330" s="84"/>
    </row>
    <row r="3331" spans="35:39" x14ac:dyDescent="0.35">
      <c r="AI3331" s="84"/>
      <c r="AM3331" s="84"/>
    </row>
    <row r="3332" spans="35:39" x14ac:dyDescent="0.35">
      <c r="AI3332" s="84"/>
      <c r="AM3332" s="84"/>
    </row>
    <row r="3333" spans="35:39" x14ac:dyDescent="0.35">
      <c r="AI3333" s="84"/>
      <c r="AM3333" s="84"/>
    </row>
    <row r="3334" spans="35:39" x14ac:dyDescent="0.35">
      <c r="AI3334" s="84"/>
      <c r="AM3334" s="84"/>
    </row>
    <row r="3335" spans="35:39" x14ac:dyDescent="0.35">
      <c r="AI3335" s="84"/>
      <c r="AM3335" s="84"/>
    </row>
    <row r="3336" spans="35:39" x14ac:dyDescent="0.35">
      <c r="AI3336" s="84"/>
      <c r="AM3336" s="84"/>
    </row>
    <row r="3337" spans="35:39" x14ac:dyDescent="0.35">
      <c r="AI3337" s="84"/>
      <c r="AM3337" s="84"/>
    </row>
    <row r="3338" spans="35:39" x14ac:dyDescent="0.35">
      <c r="AI3338" s="84"/>
      <c r="AM3338" s="84"/>
    </row>
    <row r="3339" spans="35:39" x14ac:dyDescent="0.35">
      <c r="AI3339" s="84"/>
      <c r="AM3339" s="84"/>
    </row>
    <row r="3340" spans="35:39" x14ac:dyDescent="0.35">
      <c r="AI3340" s="84"/>
      <c r="AM3340" s="84"/>
    </row>
    <row r="3341" spans="35:39" x14ac:dyDescent="0.35">
      <c r="AI3341" s="84"/>
      <c r="AM3341" s="84"/>
    </row>
    <row r="3342" spans="35:39" x14ac:dyDescent="0.35">
      <c r="AI3342" s="84"/>
      <c r="AM3342" s="84"/>
    </row>
    <row r="3343" spans="35:39" x14ac:dyDescent="0.35">
      <c r="AI3343" s="84"/>
      <c r="AM3343" s="84"/>
    </row>
    <row r="3344" spans="35:39" x14ac:dyDescent="0.35">
      <c r="AI3344" s="84"/>
      <c r="AM3344" s="84"/>
    </row>
    <row r="3345" spans="35:39" x14ac:dyDescent="0.35">
      <c r="AI3345" s="84"/>
      <c r="AM3345" s="84"/>
    </row>
    <row r="3346" spans="35:39" x14ac:dyDescent="0.35">
      <c r="AI3346" s="84"/>
      <c r="AM3346" s="84"/>
    </row>
    <row r="3347" spans="35:39" x14ac:dyDescent="0.35">
      <c r="AI3347" s="84"/>
      <c r="AM3347" s="84"/>
    </row>
    <row r="3348" spans="35:39" x14ac:dyDescent="0.35">
      <c r="AI3348" s="84"/>
      <c r="AM3348" s="84"/>
    </row>
    <row r="3349" spans="35:39" x14ac:dyDescent="0.35">
      <c r="AI3349" s="84"/>
      <c r="AM3349" s="84"/>
    </row>
    <row r="3350" spans="35:39" x14ac:dyDescent="0.35">
      <c r="AI3350" s="84"/>
      <c r="AM3350" s="84"/>
    </row>
    <row r="3351" spans="35:39" x14ac:dyDescent="0.35">
      <c r="AI3351" s="84"/>
      <c r="AM3351" s="84"/>
    </row>
    <row r="3352" spans="35:39" x14ac:dyDescent="0.35">
      <c r="AI3352" s="84"/>
      <c r="AM3352" s="84"/>
    </row>
    <row r="3353" spans="35:39" x14ac:dyDescent="0.35">
      <c r="AI3353" s="84"/>
      <c r="AM3353" s="84"/>
    </row>
    <row r="3354" spans="35:39" x14ac:dyDescent="0.35">
      <c r="AI3354" s="84"/>
      <c r="AM3354" s="84"/>
    </row>
    <row r="3355" spans="35:39" x14ac:dyDescent="0.35">
      <c r="AI3355" s="84"/>
      <c r="AM3355" s="84"/>
    </row>
    <row r="3356" spans="35:39" x14ac:dyDescent="0.35">
      <c r="AI3356" s="84"/>
      <c r="AM3356" s="84"/>
    </row>
    <row r="3357" spans="35:39" x14ac:dyDescent="0.35">
      <c r="AI3357" s="84"/>
      <c r="AM3357" s="84"/>
    </row>
    <row r="3358" spans="35:39" x14ac:dyDescent="0.35">
      <c r="AI3358" s="84"/>
      <c r="AM3358" s="84"/>
    </row>
    <row r="3359" spans="35:39" x14ac:dyDescent="0.35">
      <c r="AI3359" s="84"/>
      <c r="AM3359" s="84"/>
    </row>
    <row r="3360" spans="35:39" x14ac:dyDescent="0.35">
      <c r="AI3360" s="84"/>
      <c r="AM3360" s="84"/>
    </row>
    <row r="3361" spans="35:39" x14ac:dyDescent="0.35">
      <c r="AI3361" s="84"/>
      <c r="AM3361" s="84"/>
    </row>
    <row r="3362" spans="35:39" x14ac:dyDescent="0.35">
      <c r="AI3362" s="84"/>
      <c r="AM3362" s="84"/>
    </row>
    <row r="3363" spans="35:39" x14ac:dyDescent="0.35">
      <c r="AI3363" s="84"/>
      <c r="AM3363" s="84"/>
    </row>
    <row r="3364" spans="35:39" x14ac:dyDescent="0.35">
      <c r="AI3364" s="84"/>
      <c r="AM3364" s="84"/>
    </row>
    <row r="3365" spans="35:39" x14ac:dyDescent="0.35">
      <c r="AI3365" s="84"/>
      <c r="AM3365" s="84"/>
    </row>
    <row r="3366" spans="35:39" x14ac:dyDescent="0.35">
      <c r="AI3366" s="84"/>
      <c r="AM3366" s="84"/>
    </row>
    <row r="3367" spans="35:39" x14ac:dyDescent="0.35">
      <c r="AI3367" s="84"/>
      <c r="AM3367" s="84"/>
    </row>
    <row r="3368" spans="35:39" x14ac:dyDescent="0.35">
      <c r="AI3368" s="84"/>
      <c r="AM3368" s="84"/>
    </row>
    <row r="3369" spans="35:39" x14ac:dyDescent="0.35">
      <c r="AI3369" s="84"/>
      <c r="AM3369" s="84"/>
    </row>
    <row r="3370" spans="35:39" x14ac:dyDescent="0.35">
      <c r="AI3370" s="84"/>
      <c r="AM3370" s="84"/>
    </row>
    <row r="3371" spans="35:39" x14ac:dyDescent="0.35">
      <c r="AI3371" s="84"/>
      <c r="AM3371" s="84"/>
    </row>
    <row r="3372" spans="35:39" x14ac:dyDescent="0.35">
      <c r="AI3372" s="84"/>
      <c r="AM3372" s="84"/>
    </row>
    <row r="3373" spans="35:39" x14ac:dyDescent="0.35">
      <c r="AI3373" s="84"/>
      <c r="AM3373" s="84"/>
    </row>
    <row r="3374" spans="35:39" x14ac:dyDescent="0.35">
      <c r="AI3374" s="84"/>
      <c r="AM3374" s="84"/>
    </row>
    <row r="3375" spans="35:39" x14ac:dyDescent="0.35">
      <c r="AI3375" s="84"/>
      <c r="AM3375" s="84"/>
    </row>
    <row r="3376" spans="35:39" x14ac:dyDescent="0.35">
      <c r="AI3376" s="84"/>
      <c r="AM3376" s="84"/>
    </row>
    <row r="3377" spans="35:39" x14ac:dyDescent="0.35">
      <c r="AI3377" s="84"/>
      <c r="AM3377" s="84"/>
    </row>
    <row r="3378" spans="35:39" x14ac:dyDescent="0.35">
      <c r="AI3378" s="84"/>
      <c r="AM3378" s="84"/>
    </row>
    <row r="3379" spans="35:39" x14ac:dyDescent="0.35">
      <c r="AI3379" s="84"/>
      <c r="AM3379" s="84"/>
    </row>
    <row r="3380" spans="35:39" x14ac:dyDescent="0.35">
      <c r="AI3380" s="84"/>
      <c r="AM3380" s="84"/>
    </row>
    <row r="3381" spans="35:39" x14ac:dyDescent="0.35">
      <c r="AI3381" s="84"/>
      <c r="AM3381" s="84"/>
    </row>
    <row r="3382" spans="35:39" x14ac:dyDescent="0.35">
      <c r="AI3382" s="84"/>
      <c r="AM3382" s="84"/>
    </row>
    <row r="3383" spans="35:39" x14ac:dyDescent="0.35">
      <c r="AI3383" s="84"/>
      <c r="AM3383" s="84"/>
    </row>
    <row r="3384" spans="35:39" x14ac:dyDescent="0.35">
      <c r="AI3384" s="84"/>
      <c r="AM3384" s="84"/>
    </row>
    <row r="3385" spans="35:39" x14ac:dyDescent="0.35">
      <c r="AI3385" s="84"/>
      <c r="AM3385" s="84"/>
    </row>
    <row r="3386" spans="35:39" x14ac:dyDescent="0.35">
      <c r="AI3386" s="84"/>
      <c r="AM3386" s="84"/>
    </row>
    <row r="3387" spans="35:39" x14ac:dyDescent="0.35">
      <c r="AI3387" s="84"/>
      <c r="AM3387" s="84"/>
    </row>
    <row r="3388" spans="35:39" x14ac:dyDescent="0.35">
      <c r="AI3388" s="84"/>
      <c r="AM3388" s="84"/>
    </row>
    <row r="3389" spans="35:39" x14ac:dyDescent="0.35">
      <c r="AI3389" s="84"/>
      <c r="AM3389" s="84"/>
    </row>
    <row r="3390" spans="35:39" x14ac:dyDescent="0.35">
      <c r="AI3390" s="84"/>
      <c r="AM3390" s="84"/>
    </row>
    <row r="3391" spans="35:39" x14ac:dyDescent="0.35">
      <c r="AI3391" s="84"/>
      <c r="AM3391" s="84"/>
    </row>
    <row r="3392" spans="35:39" x14ac:dyDescent="0.35">
      <c r="AI3392" s="84"/>
      <c r="AM3392" s="84"/>
    </row>
    <row r="3393" spans="35:39" x14ac:dyDescent="0.35">
      <c r="AI3393" s="84"/>
      <c r="AM3393" s="84"/>
    </row>
    <row r="3394" spans="35:39" x14ac:dyDescent="0.35">
      <c r="AI3394" s="84"/>
      <c r="AM3394" s="84"/>
    </row>
    <row r="3395" spans="35:39" x14ac:dyDescent="0.35">
      <c r="AI3395" s="84"/>
      <c r="AM3395" s="84"/>
    </row>
    <row r="3396" spans="35:39" x14ac:dyDescent="0.35">
      <c r="AI3396" s="84"/>
      <c r="AM3396" s="84"/>
    </row>
    <row r="3397" spans="35:39" x14ac:dyDescent="0.35">
      <c r="AI3397" s="84"/>
      <c r="AM3397" s="84"/>
    </row>
    <row r="3398" spans="35:39" x14ac:dyDescent="0.35">
      <c r="AI3398" s="84"/>
      <c r="AM3398" s="84"/>
    </row>
    <row r="3399" spans="35:39" x14ac:dyDescent="0.35">
      <c r="AI3399" s="84"/>
      <c r="AM3399" s="84"/>
    </row>
    <row r="3400" spans="35:39" x14ac:dyDescent="0.35">
      <c r="AI3400" s="84"/>
      <c r="AM3400" s="84"/>
    </row>
    <row r="3401" spans="35:39" x14ac:dyDescent="0.35">
      <c r="AI3401" s="84"/>
      <c r="AM3401" s="84"/>
    </row>
    <row r="3402" spans="35:39" x14ac:dyDescent="0.35">
      <c r="AI3402" s="84"/>
      <c r="AM3402" s="84"/>
    </row>
    <row r="3403" spans="35:39" x14ac:dyDescent="0.35">
      <c r="AI3403" s="84"/>
      <c r="AM3403" s="84"/>
    </row>
    <row r="3404" spans="35:39" x14ac:dyDescent="0.35">
      <c r="AI3404" s="84"/>
      <c r="AM3404" s="84"/>
    </row>
    <row r="3405" spans="35:39" x14ac:dyDescent="0.35">
      <c r="AI3405" s="84"/>
      <c r="AM3405" s="84"/>
    </row>
    <row r="3406" spans="35:39" x14ac:dyDescent="0.35">
      <c r="AI3406" s="84"/>
      <c r="AM3406" s="84"/>
    </row>
    <row r="3407" spans="35:39" x14ac:dyDescent="0.35">
      <c r="AI3407" s="84"/>
      <c r="AM3407" s="84"/>
    </row>
    <row r="3408" spans="35:39" x14ac:dyDescent="0.35">
      <c r="AI3408" s="84"/>
      <c r="AM3408" s="84"/>
    </row>
    <row r="3409" spans="35:39" x14ac:dyDescent="0.35">
      <c r="AI3409" s="84"/>
      <c r="AM3409" s="84"/>
    </row>
    <row r="3410" spans="35:39" x14ac:dyDescent="0.35">
      <c r="AI3410" s="84"/>
      <c r="AM3410" s="84"/>
    </row>
    <row r="3411" spans="35:39" x14ac:dyDescent="0.35">
      <c r="AI3411" s="84"/>
      <c r="AM3411" s="84"/>
    </row>
    <row r="3412" spans="35:39" x14ac:dyDescent="0.35">
      <c r="AI3412" s="84"/>
      <c r="AM3412" s="84"/>
    </row>
    <row r="3413" spans="35:39" x14ac:dyDescent="0.35">
      <c r="AI3413" s="84"/>
      <c r="AM3413" s="84"/>
    </row>
    <row r="3414" spans="35:39" x14ac:dyDescent="0.35">
      <c r="AI3414" s="84"/>
      <c r="AM3414" s="84"/>
    </row>
    <row r="3415" spans="35:39" x14ac:dyDescent="0.35">
      <c r="AI3415" s="84"/>
      <c r="AM3415" s="84"/>
    </row>
    <row r="3416" spans="35:39" x14ac:dyDescent="0.35">
      <c r="AI3416" s="84"/>
      <c r="AM3416" s="84"/>
    </row>
    <row r="3417" spans="35:39" x14ac:dyDescent="0.35">
      <c r="AI3417" s="84"/>
      <c r="AM3417" s="84"/>
    </row>
    <row r="3418" spans="35:39" x14ac:dyDescent="0.35">
      <c r="AI3418" s="84"/>
      <c r="AM3418" s="84"/>
    </row>
    <row r="3419" spans="35:39" x14ac:dyDescent="0.35">
      <c r="AI3419" s="84"/>
      <c r="AM3419" s="84"/>
    </row>
    <row r="3420" spans="35:39" x14ac:dyDescent="0.35">
      <c r="AI3420" s="84"/>
      <c r="AM3420" s="84"/>
    </row>
    <row r="3421" spans="35:39" x14ac:dyDescent="0.35">
      <c r="AI3421" s="84"/>
      <c r="AM3421" s="84"/>
    </row>
    <row r="3422" spans="35:39" x14ac:dyDescent="0.35">
      <c r="AI3422" s="84"/>
      <c r="AM3422" s="84"/>
    </row>
    <row r="3423" spans="35:39" x14ac:dyDescent="0.35">
      <c r="AI3423" s="84"/>
      <c r="AM3423" s="84"/>
    </row>
    <row r="3424" spans="35:39" x14ac:dyDescent="0.35">
      <c r="AI3424" s="84"/>
      <c r="AM3424" s="84"/>
    </row>
    <row r="3425" spans="35:39" x14ac:dyDescent="0.35">
      <c r="AI3425" s="84"/>
      <c r="AM3425" s="84"/>
    </row>
    <row r="3426" spans="35:39" x14ac:dyDescent="0.35">
      <c r="AI3426" s="84"/>
      <c r="AM3426" s="84"/>
    </row>
    <row r="3427" spans="35:39" x14ac:dyDescent="0.35">
      <c r="AI3427" s="84"/>
      <c r="AM3427" s="84"/>
    </row>
    <row r="3428" spans="35:39" x14ac:dyDescent="0.35">
      <c r="AI3428" s="84"/>
      <c r="AM3428" s="84"/>
    </row>
    <row r="3429" spans="35:39" x14ac:dyDescent="0.35">
      <c r="AI3429" s="84"/>
      <c r="AM3429" s="84"/>
    </row>
    <row r="3430" spans="35:39" x14ac:dyDescent="0.35">
      <c r="AI3430" s="84"/>
      <c r="AM3430" s="84"/>
    </row>
    <row r="3431" spans="35:39" x14ac:dyDescent="0.35">
      <c r="AI3431" s="84"/>
      <c r="AM3431" s="84"/>
    </row>
    <row r="3432" spans="35:39" x14ac:dyDescent="0.35">
      <c r="AI3432" s="84"/>
      <c r="AM3432" s="84"/>
    </row>
    <row r="3433" spans="35:39" x14ac:dyDescent="0.35">
      <c r="AI3433" s="84"/>
      <c r="AM3433" s="84"/>
    </row>
    <row r="3434" spans="35:39" x14ac:dyDescent="0.35">
      <c r="AI3434" s="84"/>
      <c r="AM3434" s="84"/>
    </row>
    <row r="3435" spans="35:39" x14ac:dyDescent="0.35">
      <c r="AI3435" s="84"/>
      <c r="AM3435" s="84"/>
    </row>
    <row r="3436" spans="35:39" x14ac:dyDescent="0.35">
      <c r="AI3436" s="84"/>
      <c r="AM3436" s="84"/>
    </row>
    <row r="3437" spans="35:39" x14ac:dyDescent="0.35">
      <c r="AI3437" s="84"/>
      <c r="AM3437" s="84"/>
    </row>
    <row r="3438" spans="35:39" x14ac:dyDescent="0.35">
      <c r="AI3438" s="84"/>
      <c r="AM3438" s="84"/>
    </row>
    <row r="3439" spans="35:39" x14ac:dyDescent="0.35">
      <c r="AI3439" s="84"/>
      <c r="AM3439" s="84"/>
    </row>
    <row r="3440" spans="35:39" x14ac:dyDescent="0.35">
      <c r="AI3440" s="84"/>
      <c r="AM3440" s="84"/>
    </row>
    <row r="3441" spans="35:39" x14ac:dyDescent="0.35">
      <c r="AI3441" s="84"/>
      <c r="AM3441" s="84"/>
    </row>
    <row r="3442" spans="35:39" x14ac:dyDescent="0.35">
      <c r="AI3442" s="84"/>
      <c r="AM3442" s="84"/>
    </row>
    <row r="3443" spans="35:39" x14ac:dyDescent="0.35">
      <c r="AI3443" s="84"/>
      <c r="AM3443" s="84"/>
    </row>
    <row r="3444" spans="35:39" x14ac:dyDescent="0.35">
      <c r="AI3444" s="84"/>
      <c r="AM3444" s="84"/>
    </row>
    <row r="3445" spans="35:39" x14ac:dyDescent="0.35">
      <c r="AI3445" s="84"/>
      <c r="AM3445" s="84"/>
    </row>
    <row r="3446" spans="35:39" x14ac:dyDescent="0.35">
      <c r="AI3446" s="84"/>
      <c r="AM3446" s="84"/>
    </row>
    <row r="3447" spans="35:39" x14ac:dyDescent="0.35">
      <c r="AI3447" s="84"/>
      <c r="AM3447" s="84"/>
    </row>
    <row r="3448" spans="35:39" x14ac:dyDescent="0.35">
      <c r="AI3448" s="84"/>
      <c r="AM3448" s="84"/>
    </row>
    <row r="3449" spans="35:39" x14ac:dyDescent="0.35">
      <c r="AI3449" s="84"/>
      <c r="AM3449" s="84"/>
    </row>
    <row r="3450" spans="35:39" x14ac:dyDescent="0.35">
      <c r="AI3450" s="84"/>
      <c r="AM3450" s="84"/>
    </row>
    <row r="3451" spans="35:39" x14ac:dyDescent="0.35">
      <c r="AI3451" s="84"/>
      <c r="AM3451" s="84"/>
    </row>
    <row r="3452" spans="35:39" x14ac:dyDescent="0.35">
      <c r="AI3452" s="84"/>
      <c r="AM3452" s="84"/>
    </row>
    <row r="3453" spans="35:39" x14ac:dyDescent="0.35">
      <c r="AI3453" s="84"/>
      <c r="AM3453" s="84"/>
    </row>
    <row r="3454" spans="35:39" x14ac:dyDescent="0.35">
      <c r="AI3454" s="84"/>
      <c r="AM3454" s="84"/>
    </row>
    <row r="3455" spans="35:39" x14ac:dyDescent="0.35">
      <c r="AI3455" s="84"/>
      <c r="AM3455" s="84"/>
    </row>
    <row r="3456" spans="35:39" x14ac:dyDescent="0.35">
      <c r="AI3456" s="84"/>
      <c r="AM3456" s="84"/>
    </row>
    <row r="3457" spans="35:39" x14ac:dyDescent="0.35">
      <c r="AI3457" s="84"/>
      <c r="AM3457" s="84"/>
    </row>
    <row r="3458" spans="35:39" x14ac:dyDescent="0.35">
      <c r="AI3458" s="84"/>
      <c r="AM3458" s="84"/>
    </row>
    <row r="3459" spans="35:39" x14ac:dyDescent="0.35">
      <c r="AI3459" s="84"/>
      <c r="AM3459" s="84"/>
    </row>
    <row r="3460" spans="35:39" x14ac:dyDescent="0.35">
      <c r="AI3460" s="84"/>
      <c r="AM3460" s="84"/>
    </row>
    <row r="3461" spans="35:39" x14ac:dyDescent="0.35">
      <c r="AI3461" s="84"/>
      <c r="AM3461" s="84"/>
    </row>
    <row r="3462" spans="35:39" x14ac:dyDescent="0.35">
      <c r="AI3462" s="84"/>
      <c r="AM3462" s="84"/>
    </row>
    <row r="3463" spans="35:39" x14ac:dyDescent="0.35">
      <c r="AI3463" s="84"/>
      <c r="AM3463" s="84"/>
    </row>
    <row r="3464" spans="35:39" x14ac:dyDescent="0.35">
      <c r="AI3464" s="84"/>
      <c r="AM3464" s="84"/>
    </row>
    <row r="3465" spans="35:39" x14ac:dyDescent="0.35">
      <c r="AI3465" s="84"/>
      <c r="AM3465" s="84"/>
    </row>
    <row r="3466" spans="35:39" x14ac:dyDescent="0.35">
      <c r="AI3466" s="84"/>
      <c r="AM3466" s="84"/>
    </row>
    <row r="3467" spans="35:39" x14ac:dyDescent="0.35">
      <c r="AI3467" s="84"/>
      <c r="AM3467" s="84"/>
    </row>
    <row r="3468" spans="35:39" x14ac:dyDescent="0.35">
      <c r="AI3468" s="84"/>
      <c r="AM3468" s="84"/>
    </row>
    <row r="3469" spans="35:39" x14ac:dyDescent="0.35">
      <c r="AI3469" s="84"/>
      <c r="AM3469" s="84"/>
    </row>
    <row r="3470" spans="35:39" x14ac:dyDescent="0.35">
      <c r="AI3470" s="84"/>
      <c r="AM3470" s="84"/>
    </row>
    <row r="3471" spans="35:39" x14ac:dyDescent="0.35">
      <c r="AI3471" s="84"/>
      <c r="AM3471" s="84"/>
    </row>
    <row r="3472" spans="35:39" x14ac:dyDescent="0.35">
      <c r="AI3472" s="84"/>
      <c r="AM3472" s="84"/>
    </row>
    <row r="3473" spans="35:39" x14ac:dyDescent="0.35">
      <c r="AI3473" s="84"/>
      <c r="AM3473" s="84"/>
    </row>
    <row r="3474" spans="35:39" x14ac:dyDescent="0.35">
      <c r="AI3474" s="84"/>
      <c r="AM3474" s="84"/>
    </row>
    <row r="3475" spans="35:39" x14ac:dyDescent="0.35">
      <c r="AI3475" s="84"/>
      <c r="AM3475" s="84"/>
    </row>
    <row r="3476" spans="35:39" x14ac:dyDescent="0.35">
      <c r="AI3476" s="84"/>
      <c r="AM3476" s="84"/>
    </row>
    <row r="3477" spans="35:39" x14ac:dyDescent="0.35">
      <c r="AI3477" s="84"/>
      <c r="AM3477" s="84"/>
    </row>
    <row r="3478" spans="35:39" x14ac:dyDescent="0.35">
      <c r="AI3478" s="84"/>
      <c r="AM3478" s="84"/>
    </row>
    <row r="3479" spans="35:39" x14ac:dyDescent="0.35">
      <c r="AI3479" s="84"/>
      <c r="AM3479" s="84"/>
    </row>
    <row r="3480" spans="35:39" x14ac:dyDescent="0.35">
      <c r="AI3480" s="84"/>
      <c r="AM3480" s="84"/>
    </row>
    <row r="3481" spans="35:39" x14ac:dyDescent="0.35">
      <c r="AI3481" s="84"/>
      <c r="AM3481" s="84"/>
    </row>
    <row r="3482" spans="35:39" x14ac:dyDescent="0.35">
      <c r="AI3482" s="84"/>
      <c r="AM3482" s="84"/>
    </row>
    <row r="3483" spans="35:39" x14ac:dyDescent="0.35">
      <c r="AI3483" s="84"/>
      <c r="AM3483" s="84"/>
    </row>
    <row r="3484" spans="35:39" x14ac:dyDescent="0.35">
      <c r="AI3484" s="84"/>
      <c r="AM3484" s="84"/>
    </row>
    <row r="3485" spans="35:39" x14ac:dyDescent="0.35">
      <c r="AI3485" s="84"/>
      <c r="AM3485" s="84"/>
    </row>
    <row r="3486" spans="35:39" x14ac:dyDescent="0.35">
      <c r="AI3486" s="84"/>
      <c r="AM3486" s="84"/>
    </row>
    <row r="3487" spans="35:39" x14ac:dyDescent="0.35">
      <c r="AI3487" s="84"/>
      <c r="AM3487" s="84"/>
    </row>
    <row r="3488" spans="35:39" x14ac:dyDescent="0.35">
      <c r="AI3488" s="84"/>
      <c r="AM3488" s="84"/>
    </row>
    <row r="3489" spans="35:39" x14ac:dyDescent="0.35">
      <c r="AI3489" s="84"/>
      <c r="AM3489" s="84"/>
    </row>
    <row r="3490" spans="35:39" x14ac:dyDescent="0.35">
      <c r="AI3490" s="84"/>
      <c r="AM3490" s="84"/>
    </row>
    <row r="3491" spans="35:39" x14ac:dyDescent="0.35">
      <c r="AI3491" s="84"/>
      <c r="AM3491" s="84"/>
    </row>
    <row r="3492" spans="35:39" x14ac:dyDescent="0.35">
      <c r="AI3492" s="84"/>
      <c r="AM3492" s="84"/>
    </row>
    <row r="3493" spans="35:39" x14ac:dyDescent="0.35">
      <c r="AI3493" s="84"/>
      <c r="AM3493" s="84"/>
    </row>
    <row r="3494" spans="35:39" x14ac:dyDescent="0.35">
      <c r="AI3494" s="84"/>
      <c r="AM3494" s="84"/>
    </row>
    <row r="3495" spans="35:39" x14ac:dyDescent="0.35">
      <c r="AI3495" s="84"/>
      <c r="AM3495" s="84"/>
    </row>
    <row r="3496" spans="35:39" x14ac:dyDescent="0.35">
      <c r="AI3496" s="84"/>
      <c r="AM3496" s="84"/>
    </row>
    <row r="3497" spans="35:39" x14ac:dyDescent="0.35">
      <c r="AI3497" s="84"/>
      <c r="AM3497" s="84"/>
    </row>
    <row r="3498" spans="35:39" x14ac:dyDescent="0.35">
      <c r="AI3498" s="84"/>
      <c r="AM3498" s="84"/>
    </row>
    <row r="3499" spans="35:39" x14ac:dyDescent="0.35">
      <c r="AI3499" s="84"/>
      <c r="AM3499" s="84"/>
    </row>
    <row r="3500" spans="35:39" x14ac:dyDescent="0.35">
      <c r="AI3500" s="84"/>
      <c r="AM3500" s="84"/>
    </row>
    <row r="3501" spans="35:39" x14ac:dyDescent="0.35">
      <c r="AI3501" s="84"/>
      <c r="AM3501" s="84"/>
    </row>
    <row r="3502" spans="35:39" x14ac:dyDescent="0.35">
      <c r="AI3502" s="84"/>
      <c r="AM3502" s="84"/>
    </row>
    <row r="3503" spans="35:39" x14ac:dyDescent="0.35">
      <c r="AI3503" s="84"/>
      <c r="AM3503" s="84"/>
    </row>
    <row r="3504" spans="35:39" x14ac:dyDescent="0.35">
      <c r="AI3504" s="84"/>
      <c r="AM3504" s="84"/>
    </row>
    <row r="3505" spans="35:39" x14ac:dyDescent="0.35">
      <c r="AI3505" s="84"/>
      <c r="AM3505" s="84"/>
    </row>
    <row r="3506" spans="35:39" x14ac:dyDescent="0.35">
      <c r="AI3506" s="84"/>
      <c r="AM3506" s="84"/>
    </row>
    <row r="3507" spans="35:39" x14ac:dyDescent="0.35">
      <c r="AI3507" s="84"/>
      <c r="AM3507" s="84"/>
    </row>
    <row r="3508" spans="35:39" x14ac:dyDescent="0.35">
      <c r="AI3508" s="84"/>
      <c r="AM3508" s="84"/>
    </row>
    <row r="3509" spans="35:39" x14ac:dyDescent="0.35">
      <c r="AI3509" s="84"/>
      <c r="AM3509" s="84"/>
    </row>
    <row r="3510" spans="35:39" x14ac:dyDescent="0.35">
      <c r="AI3510" s="84"/>
      <c r="AM3510" s="84"/>
    </row>
    <row r="3511" spans="35:39" x14ac:dyDescent="0.35">
      <c r="AI3511" s="84"/>
      <c r="AM3511" s="84"/>
    </row>
    <row r="3512" spans="35:39" x14ac:dyDescent="0.35">
      <c r="AI3512" s="84"/>
      <c r="AM3512" s="84"/>
    </row>
    <row r="3513" spans="35:39" x14ac:dyDescent="0.35">
      <c r="AI3513" s="84"/>
      <c r="AM3513" s="84"/>
    </row>
    <row r="3514" spans="35:39" x14ac:dyDescent="0.35">
      <c r="AI3514" s="84"/>
      <c r="AM3514" s="84"/>
    </row>
    <row r="3515" spans="35:39" x14ac:dyDescent="0.35">
      <c r="AI3515" s="84"/>
      <c r="AM3515" s="84"/>
    </row>
    <row r="3516" spans="35:39" x14ac:dyDescent="0.35">
      <c r="AI3516" s="84"/>
      <c r="AM3516" s="84"/>
    </row>
    <row r="3517" spans="35:39" x14ac:dyDescent="0.35">
      <c r="AI3517" s="84"/>
      <c r="AM3517" s="84"/>
    </row>
    <row r="3518" spans="35:39" x14ac:dyDescent="0.35">
      <c r="AI3518" s="84"/>
      <c r="AM3518" s="84"/>
    </row>
    <row r="3519" spans="35:39" x14ac:dyDescent="0.35">
      <c r="AI3519" s="84"/>
      <c r="AM3519" s="84"/>
    </row>
    <row r="3520" spans="35:39" x14ac:dyDescent="0.35">
      <c r="AI3520" s="84"/>
      <c r="AM3520" s="84"/>
    </row>
    <row r="3521" spans="35:39" x14ac:dyDescent="0.35">
      <c r="AI3521" s="84"/>
      <c r="AM3521" s="84"/>
    </row>
    <row r="3522" spans="35:39" x14ac:dyDescent="0.35">
      <c r="AI3522" s="84"/>
      <c r="AM3522" s="84"/>
    </row>
    <row r="3523" spans="35:39" x14ac:dyDescent="0.35">
      <c r="AI3523" s="84"/>
      <c r="AM3523" s="84"/>
    </row>
    <row r="3524" spans="35:39" x14ac:dyDescent="0.35">
      <c r="AI3524" s="84"/>
      <c r="AM3524" s="84"/>
    </row>
    <row r="3525" spans="35:39" x14ac:dyDescent="0.35">
      <c r="AI3525" s="84"/>
      <c r="AM3525" s="84"/>
    </row>
    <row r="3526" spans="35:39" x14ac:dyDescent="0.35">
      <c r="AI3526" s="84"/>
      <c r="AM3526" s="84"/>
    </row>
    <row r="3527" spans="35:39" x14ac:dyDescent="0.35">
      <c r="AI3527" s="84"/>
      <c r="AM3527" s="84"/>
    </row>
    <row r="3528" spans="35:39" x14ac:dyDescent="0.35">
      <c r="AI3528" s="84"/>
      <c r="AM3528" s="84"/>
    </row>
    <row r="3529" spans="35:39" x14ac:dyDescent="0.35">
      <c r="AI3529" s="84"/>
      <c r="AM3529" s="84"/>
    </row>
    <row r="3530" spans="35:39" x14ac:dyDescent="0.35">
      <c r="AI3530" s="84"/>
      <c r="AM3530" s="84"/>
    </row>
    <row r="3531" spans="35:39" x14ac:dyDescent="0.35">
      <c r="AI3531" s="84"/>
      <c r="AM3531" s="84"/>
    </row>
    <row r="3532" spans="35:39" x14ac:dyDescent="0.35">
      <c r="AI3532" s="84"/>
      <c r="AM3532" s="84"/>
    </row>
    <row r="3533" spans="35:39" x14ac:dyDescent="0.35">
      <c r="AI3533" s="84"/>
      <c r="AM3533" s="84"/>
    </row>
    <row r="3534" spans="35:39" x14ac:dyDescent="0.35">
      <c r="AI3534" s="84"/>
      <c r="AM3534" s="84"/>
    </row>
    <row r="3535" spans="35:39" x14ac:dyDescent="0.35">
      <c r="AI3535" s="84"/>
      <c r="AM3535" s="84"/>
    </row>
    <row r="3536" spans="35:39" x14ac:dyDescent="0.35">
      <c r="AI3536" s="84"/>
      <c r="AM3536" s="84"/>
    </row>
    <row r="3537" spans="35:39" x14ac:dyDescent="0.35">
      <c r="AI3537" s="84"/>
      <c r="AM3537" s="84"/>
    </row>
    <row r="3538" spans="35:39" x14ac:dyDescent="0.35">
      <c r="AI3538" s="84"/>
      <c r="AM3538" s="84"/>
    </row>
    <row r="3539" spans="35:39" x14ac:dyDescent="0.35">
      <c r="AI3539" s="84"/>
      <c r="AM3539" s="84"/>
    </row>
    <row r="3540" spans="35:39" x14ac:dyDescent="0.35">
      <c r="AI3540" s="84"/>
      <c r="AM3540" s="84"/>
    </row>
    <row r="3541" spans="35:39" x14ac:dyDescent="0.35">
      <c r="AI3541" s="84"/>
      <c r="AM3541" s="84"/>
    </row>
    <row r="3542" spans="35:39" x14ac:dyDescent="0.35">
      <c r="AI3542" s="84"/>
      <c r="AM3542" s="84"/>
    </row>
    <row r="3543" spans="35:39" x14ac:dyDescent="0.35">
      <c r="AI3543" s="84"/>
      <c r="AM3543" s="84"/>
    </row>
    <row r="3544" spans="35:39" x14ac:dyDescent="0.35">
      <c r="AI3544" s="84"/>
      <c r="AM3544" s="84"/>
    </row>
    <row r="3545" spans="35:39" x14ac:dyDescent="0.35">
      <c r="AI3545" s="84"/>
      <c r="AM3545" s="84"/>
    </row>
    <row r="3546" spans="35:39" x14ac:dyDescent="0.35">
      <c r="AI3546" s="84"/>
      <c r="AM3546" s="84"/>
    </row>
    <row r="3547" spans="35:39" x14ac:dyDescent="0.35">
      <c r="AI3547" s="84"/>
      <c r="AM3547" s="84"/>
    </row>
    <row r="3548" spans="35:39" x14ac:dyDescent="0.35">
      <c r="AI3548" s="84"/>
      <c r="AM3548" s="84"/>
    </row>
    <row r="3549" spans="35:39" x14ac:dyDescent="0.35">
      <c r="AI3549" s="84"/>
      <c r="AM3549" s="84"/>
    </row>
    <row r="3550" spans="35:39" x14ac:dyDescent="0.35">
      <c r="AI3550" s="84"/>
      <c r="AM3550" s="84"/>
    </row>
    <row r="3551" spans="35:39" x14ac:dyDescent="0.35">
      <c r="AI3551" s="84"/>
      <c r="AM3551" s="84"/>
    </row>
    <row r="3552" spans="35:39" x14ac:dyDescent="0.35">
      <c r="AI3552" s="84"/>
      <c r="AM3552" s="84"/>
    </row>
    <row r="3553" spans="35:39" x14ac:dyDescent="0.35">
      <c r="AI3553" s="84"/>
      <c r="AM3553" s="84"/>
    </row>
    <row r="3554" spans="35:39" x14ac:dyDescent="0.35">
      <c r="AI3554" s="84"/>
      <c r="AM3554" s="84"/>
    </row>
    <row r="3555" spans="35:39" x14ac:dyDescent="0.35">
      <c r="AI3555" s="84"/>
      <c r="AM3555" s="84"/>
    </row>
    <row r="3556" spans="35:39" x14ac:dyDescent="0.35">
      <c r="AI3556" s="84"/>
      <c r="AM3556" s="84"/>
    </row>
    <row r="3557" spans="35:39" x14ac:dyDescent="0.35">
      <c r="AI3557" s="84"/>
      <c r="AM3557" s="84"/>
    </row>
    <row r="3558" spans="35:39" x14ac:dyDescent="0.35">
      <c r="AI3558" s="84"/>
      <c r="AM3558" s="84"/>
    </row>
    <row r="3559" spans="35:39" x14ac:dyDescent="0.35">
      <c r="AI3559" s="84"/>
      <c r="AM3559" s="84"/>
    </row>
    <row r="3560" spans="35:39" x14ac:dyDescent="0.35">
      <c r="AI3560" s="84"/>
      <c r="AM3560" s="84"/>
    </row>
    <row r="3561" spans="35:39" x14ac:dyDescent="0.35">
      <c r="AI3561" s="84"/>
      <c r="AM3561" s="84"/>
    </row>
    <row r="3562" spans="35:39" x14ac:dyDescent="0.35">
      <c r="AI3562" s="84"/>
      <c r="AM3562" s="84"/>
    </row>
    <row r="3563" spans="35:39" x14ac:dyDescent="0.35">
      <c r="AI3563" s="84"/>
      <c r="AM3563" s="84"/>
    </row>
    <row r="3564" spans="35:39" x14ac:dyDescent="0.35">
      <c r="AI3564" s="84"/>
      <c r="AM3564" s="84"/>
    </row>
    <row r="3565" spans="35:39" x14ac:dyDescent="0.35">
      <c r="AI3565" s="84"/>
      <c r="AM3565" s="84"/>
    </row>
    <row r="3566" spans="35:39" x14ac:dyDescent="0.35">
      <c r="AI3566" s="84"/>
      <c r="AM3566" s="84"/>
    </row>
    <row r="3567" spans="35:39" x14ac:dyDescent="0.35">
      <c r="AI3567" s="84"/>
      <c r="AM3567" s="84"/>
    </row>
    <row r="3568" spans="35:39" x14ac:dyDescent="0.35">
      <c r="AI3568" s="84"/>
      <c r="AM3568" s="84"/>
    </row>
    <row r="3569" spans="35:39" x14ac:dyDescent="0.35">
      <c r="AI3569" s="84"/>
      <c r="AM3569" s="84"/>
    </row>
    <row r="3570" spans="35:39" x14ac:dyDescent="0.35">
      <c r="AI3570" s="84"/>
      <c r="AM3570" s="84"/>
    </row>
    <row r="3571" spans="35:39" x14ac:dyDescent="0.35">
      <c r="AI3571" s="84"/>
      <c r="AM3571" s="84"/>
    </row>
    <row r="3572" spans="35:39" x14ac:dyDescent="0.35">
      <c r="AI3572" s="84"/>
      <c r="AM3572" s="84"/>
    </row>
    <row r="3573" spans="35:39" x14ac:dyDescent="0.35">
      <c r="AI3573" s="84"/>
      <c r="AM3573" s="84"/>
    </row>
    <row r="3574" spans="35:39" x14ac:dyDescent="0.35">
      <c r="AI3574" s="84"/>
      <c r="AM3574" s="84"/>
    </row>
    <row r="3575" spans="35:39" x14ac:dyDescent="0.35">
      <c r="AI3575" s="84"/>
      <c r="AM3575" s="84"/>
    </row>
    <row r="3576" spans="35:39" x14ac:dyDescent="0.35">
      <c r="AI3576" s="84"/>
      <c r="AM3576" s="84"/>
    </row>
    <row r="3577" spans="35:39" x14ac:dyDescent="0.35">
      <c r="AI3577" s="84"/>
      <c r="AM3577" s="84"/>
    </row>
    <row r="3578" spans="35:39" x14ac:dyDescent="0.35">
      <c r="AI3578" s="84"/>
      <c r="AM3578" s="84"/>
    </row>
    <row r="3579" spans="35:39" x14ac:dyDescent="0.35">
      <c r="AI3579" s="84"/>
      <c r="AM3579" s="84"/>
    </row>
    <row r="3580" spans="35:39" x14ac:dyDescent="0.35">
      <c r="AI3580" s="84"/>
      <c r="AM3580" s="84"/>
    </row>
    <row r="3581" spans="35:39" x14ac:dyDescent="0.35">
      <c r="AI3581" s="84"/>
      <c r="AM3581" s="84"/>
    </row>
    <row r="3582" spans="35:39" x14ac:dyDescent="0.35">
      <c r="AI3582" s="84"/>
      <c r="AM3582" s="84"/>
    </row>
    <row r="3583" spans="35:39" x14ac:dyDescent="0.35">
      <c r="AI3583" s="84"/>
      <c r="AM3583" s="84"/>
    </row>
    <row r="3584" spans="35:39" x14ac:dyDescent="0.35">
      <c r="AI3584" s="84"/>
      <c r="AM3584" s="84"/>
    </row>
    <row r="3585" spans="35:39" x14ac:dyDescent="0.35">
      <c r="AI3585" s="84"/>
      <c r="AM3585" s="84"/>
    </row>
    <row r="3586" spans="35:39" x14ac:dyDescent="0.35">
      <c r="AI3586" s="84"/>
      <c r="AM3586" s="84"/>
    </row>
    <row r="3587" spans="35:39" x14ac:dyDescent="0.35">
      <c r="AI3587" s="84"/>
      <c r="AM3587" s="84"/>
    </row>
    <row r="3588" spans="35:39" x14ac:dyDescent="0.35">
      <c r="AI3588" s="84"/>
      <c r="AM3588" s="84"/>
    </row>
    <row r="3589" spans="35:39" x14ac:dyDescent="0.35">
      <c r="AI3589" s="84"/>
      <c r="AM3589" s="84"/>
    </row>
    <row r="3590" spans="35:39" x14ac:dyDescent="0.35">
      <c r="AI3590" s="84"/>
      <c r="AM3590" s="84"/>
    </row>
    <row r="3591" spans="35:39" x14ac:dyDescent="0.35">
      <c r="AI3591" s="84"/>
      <c r="AM3591" s="84"/>
    </row>
    <row r="3592" spans="35:39" x14ac:dyDescent="0.35">
      <c r="AI3592" s="84"/>
      <c r="AM3592" s="84"/>
    </row>
    <row r="3593" spans="35:39" x14ac:dyDescent="0.35">
      <c r="AI3593" s="84"/>
      <c r="AM3593" s="84"/>
    </row>
    <row r="3594" spans="35:39" x14ac:dyDescent="0.35">
      <c r="AI3594" s="84"/>
      <c r="AM3594" s="84"/>
    </row>
    <row r="3595" spans="35:39" x14ac:dyDescent="0.35">
      <c r="AI3595" s="84"/>
      <c r="AM3595" s="84"/>
    </row>
    <row r="3596" spans="35:39" x14ac:dyDescent="0.35">
      <c r="AI3596" s="84"/>
      <c r="AM3596" s="84"/>
    </row>
    <row r="3597" spans="35:39" x14ac:dyDescent="0.35">
      <c r="AI3597" s="84"/>
      <c r="AM3597" s="84"/>
    </row>
    <row r="3598" spans="35:39" x14ac:dyDescent="0.35">
      <c r="AI3598" s="84"/>
      <c r="AM3598" s="84"/>
    </row>
    <row r="3599" spans="35:39" x14ac:dyDescent="0.35">
      <c r="AI3599" s="84"/>
      <c r="AM3599" s="84"/>
    </row>
    <row r="3600" spans="35:39" x14ac:dyDescent="0.35">
      <c r="AI3600" s="84"/>
      <c r="AM3600" s="84"/>
    </row>
    <row r="3601" spans="35:39" x14ac:dyDescent="0.35">
      <c r="AI3601" s="84"/>
      <c r="AM3601" s="84"/>
    </row>
    <row r="3602" spans="35:39" x14ac:dyDescent="0.35">
      <c r="AI3602" s="84"/>
      <c r="AM3602" s="84"/>
    </row>
    <row r="3603" spans="35:39" x14ac:dyDescent="0.35">
      <c r="AI3603" s="84"/>
      <c r="AM3603" s="84"/>
    </row>
    <row r="3604" spans="35:39" x14ac:dyDescent="0.35">
      <c r="AI3604" s="84"/>
      <c r="AM3604" s="84"/>
    </row>
    <row r="3605" spans="35:39" x14ac:dyDescent="0.35">
      <c r="AI3605" s="84"/>
      <c r="AM3605" s="84"/>
    </row>
    <row r="3606" spans="35:39" x14ac:dyDescent="0.35">
      <c r="AI3606" s="84"/>
      <c r="AM3606" s="84"/>
    </row>
    <row r="3607" spans="35:39" x14ac:dyDescent="0.35">
      <c r="AI3607" s="84"/>
      <c r="AM3607" s="84"/>
    </row>
    <row r="3608" spans="35:39" x14ac:dyDescent="0.35">
      <c r="AI3608" s="84"/>
      <c r="AM3608" s="84"/>
    </row>
    <row r="3609" spans="35:39" x14ac:dyDescent="0.35">
      <c r="AI3609" s="84"/>
      <c r="AM3609" s="84"/>
    </row>
    <row r="3610" spans="35:39" x14ac:dyDescent="0.35">
      <c r="AI3610" s="84"/>
      <c r="AM3610" s="84"/>
    </row>
    <row r="3611" spans="35:39" x14ac:dyDescent="0.35">
      <c r="AI3611" s="84"/>
      <c r="AM3611" s="84"/>
    </row>
    <row r="3612" spans="35:39" x14ac:dyDescent="0.35">
      <c r="AI3612" s="84"/>
      <c r="AM3612" s="84"/>
    </row>
    <row r="3613" spans="35:39" x14ac:dyDescent="0.35">
      <c r="AI3613" s="84"/>
      <c r="AM3613" s="84"/>
    </row>
    <row r="3614" spans="35:39" x14ac:dyDescent="0.35">
      <c r="AI3614" s="84"/>
      <c r="AM3614" s="84"/>
    </row>
    <row r="3615" spans="35:39" x14ac:dyDescent="0.35">
      <c r="AI3615" s="84"/>
      <c r="AM3615" s="84"/>
    </row>
    <row r="3616" spans="35:39" x14ac:dyDescent="0.35">
      <c r="AI3616" s="84"/>
      <c r="AM3616" s="84"/>
    </row>
    <row r="3617" spans="35:39" x14ac:dyDescent="0.35">
      <c r="AI3617" s="84"/>
      <c r="AM3617" s="84"/>
    </row>
    <row r="3618" spans="35:39" x14ac:dyDescent="0.35">
      <c r="AI3618" s="84"/>
      <c r="AM3618" s="84"/>
    </row>
    <row r="3619" spans="35:39" x14ac:dyDescent="0.35">
      <c r="AI3619" s="84"/>
      <c r="AM3619" s="84"/>
    </row>
    <row r="3620" spans="35:39" x14ac:dyDescent="0.35">
      <c r="AI3620" s="84"/>
      <c r="AM3620" s="84"/>
    </row>
    <row r="3621" spans="35:39" x14ac:dyDescent="0.35">
      <c r="AI3621" s="84"/>
      <c r="AM3621" s="84"/>
    </row>
    <row r="3622" spans="35:39" x14ac:dyDescent="0.35">
      <c r="AI3622" s="84"/>
      <c r="AM3622" s="84"/>
    </row>
    <row r="3623" spans="35:39" x14ac:dyDescent="0.35">
      <c r="AI3623" s="84"/>
      <c r="AM3623" s="84"/>
    </row>
    <row r="3624" spans="35:39" x14ac:dyDescent="0.35">
      <c r="AI3624" s="84"/>
      <c r="AM3624" s="84"/>
    </row>
    <row r="3625" spans="35:39" x14ac:dyDescent="0.35">
      <c r="AI3625" s="84"/>
      <c r="AM3625" s="84"/>
    </row>
    <row r="3626" spans="35:39" x14ac:dyDescent="0.35">
      <c r="AI3626" s="84"/>
      <c r="AM3626" s="84"/>
    </row>
    <row r="3627" spans="35:39" x14ac:dyDescent="0.35">
      <c r="AI3627" s="84"/>
      <c r="AM3627" s="84"/>
    </row>
    <row r="3628" spans="35:39" x14ac:dyDescent="0.35">
      <c r="AI3628" s="84"/>
      <c r="AM3628" s="84"/>
    </row>
    <row r="3629" spans="35:39" x14ac:dyDescent="0.35">
      <c r="AI3629" s="84"/>
      <c r="AM3629" s="84"/>
    </row>
    <row r="3630" spans="35:39" x14ac:dyDescent="0.35">
      <c r="AI3630" s="84"/>
      <c r="AM3630" s="84"/>
    </row>
    <row r="3631" spans="35:39" x14ac:dyDescent="0.35">
      <c r="AI3631" s="84"/>
      <c r="AM3631" s="84"/>
    </row>
    <row r="3632" spans="35:39" x14ac:dyDescent="0.35">
      <c r="AI3632" s="84"/>
      <c r="AM3632" s="84"/>
    </row>
    <row r="3633" spans="35:39" x14ac:dyDescent="0.35">
      <c r="AI3633" s="84"/>
      <c r="AM3633" s="84"/>
    </row>
    <row r="3634" spans="35:39" x14ac:dyDescent="0.35">
      <c r="AI3634" s="84"/>
      <c r="AM3634" s="84"/>
    </row>
    <row r="3635" spans="35:39" x14ac:dyDescent="0.35">
      <c r="AI3635" s="84"/>
      <c r="AM3635" s="84"/>
    </row>
    <row r="3636" spans="35:39" x14ac:dyDescent="0.35">
      <c r="AI3636" s="84"/>
      <c r="AM3636" s="84"/>
    </row>
    <row r="3637" spans="35:39" x14ac:dyDescent="0.35">
      <c r="AI3637" s="84"/>
      <c r="AM3637" s="84"/>
    </row>
    <row r="3638" spans="35:39" x14ac:dyDescent="0.35">
      <c r="AI3638" s="84"/>
      <c r="AM3638" s="84"/>
    </row>
    <row r="3639" spans="35:39" x14ac:dyDescent="0.35">
      <c r="AI3639" s="84"/>
      <c r="AM3639" s="84"/>
    </row>
    <row r="3640" spans="35:39" x14ac:dyDescent="0.35">
      <c r="AI3640" s="84"/>
      <c r="AM3640" s="84"/>
    </row>
    <row r="3641" spans="35:39" x14ac:dyDescent="0.35">
      <c r="AI3641" s="84"/>
      <c r="AM3641" s="84"/>
    </row>
    <row r="3642" spans="35:39" x14ac:dyDescent="0.35">
      <c r="AI3642" s="84"/>
      <c r="AM3642" s="84"/>
    </row>
    <row r="3643" spans="35:39" x14ac:dyDescent="0.35">
      <c r="AI3643" s="84"/>
      <c r="AM3643" s="84"/>
    </row>
    <row r="3644" spans="35:39" x14ac:dyDescent="0.35">
      <c r="AI3644" s="84"/>
      <c r="AM3644" s="84"/>
    </row>
    <row r="3645" spans="35:39" x14ac:dyDescent="0.35">
      <c r="AI3645" s="84"/>
      <c r="AM3645" s="84"/>
    </row>
    <row r="3646" spans="35:39" x14ac:dyDescent="0.35">
      <c r="AI3646" s="84"/>
      <c r="AM3646" s="84"/>
    </row>
    <row r="3647" spans="35:39" x14ac:dyDescent="0.35">
      <c r="AI3647" s="84"/>
      <c r="AM3647" s="84"/>
    </row>
    <row r="3648" spans="35:39" x14ac:dyDescent="0.35">
      <c r="AI3648" s="84"/>
      <c r="AM3648" s="84"/>
    </row>
    <row r="3649" spans="35:39" x14ac:dyDescent="0.35">
      <c r="AI3649" s="84"/>
      <c r="AM3649" s="84"/>
    </row>
    <row r="3650" spans="35:39" x14ac:dyDescent="0.35">
      <c r="AI3650" s="84"/>
      <c r="AM3650" s="84"/>
    </row>
    <row r="3651" spans="35:39" x14ac:dyDescent="0.35">
      <c r="AI3651" s="84"/>
      <c r="AM3651" s="84"/>
    </row>
    <row r="3652" spans="35:39" x14ac:dyDescent="0.35">
      <c r="AI3652" s="84"/>
      <c r="AM3652" s="84"/>
    </row>
    <row r="3653" spans="35:39" x14ac:dyDescent="0.35">
      <c r="AI3653" s="84"/>
      <c r="AM3653" s="84"/>
    </row>
    <row r="3654" spans="35:39" x14ac:dyDescent="0.35">
      <c r="AI3654" s="84"/>
      <c r="AM3654" s="84"/>
    </row>
    <row r="3655" spans="35:39" x14ac:dyDescent="0.35">
      <c r="AI3655" s="84"/>
      <c r="AM3655" s="84"/>
    </row>
    <row r="3656" spans="35:39" x14ac:dyDescent="0.35">
      <c r="AI3656" s="84"/>
      <c r="AM3656" s="84"/>
    </row>
    <row r="3657" spans="35:39" x14ac:dyDescent="0.35">
      <c r="AI3657" s="84"/>
      <c r="AM3657" s="84"/>
    </row>
    <row r="3658" spans="35:39" x14ac:dyDescent="0.35">
      <c r="AI3658" s="84"/>
      <c r="AM3658" s="84"/>
    </row>
    <row r="3659" spans="35:39" x14ac:dyDescent="0.35">
      <c r="AI3659" s="84"/>
      <c r="AM3659" s="84"/>
    </row>
    <row r="3660" spans="35:39" x14ac:dyDescent="0.35">
      <c r="AI3660" s="84"/>
      <c r="AM3660" s="84"/>
    </row>
    <row r="3661" spans="35:39" x14ac:dyDescent="0.35">
      <c r="AI3661" s="84"/>
      <c r="AM3661" s="84"/>
    </row>
    <row r="3662" spans="35:39" x14ac:dyDescent="0.35">
      <c r="AI3662" s="84"/>
      <c r="AM3662" s="84"/>
    </row>
    <row r="3663" spans="35:39" x14ac:dyDescent="0.35">
      <c r="AI3663" s="84"/>
      <c r="AM3663" s="84"/>
    </row>
    <row r="3664" spans="35:39" x14ac:dyDescent="0.35">
      <c r="AI3664" s="84"/>
      <c r="AM3664" s="84"/>
    </row>
    <row r="3665" spans="35:39" x14ac:dyDescent="0.35">
      <c r="AI3665" s="84"/>
      <c r="AM3665" s="84"/>
    </row>
    <row r="3666" spans="35:39" x14ac:dyDescent="0.35">
      <c r="AI3666" s="84"/>
      <c r="AM3666" s="84"/>
    </row>
    <row r="3667" spans="35:39" x14ac:dyDescent="0.35">
      <c r="AI3667" s="84"/>
      <c r="AM3667" s="84"/>
    </row>
    <row r="3668" spans="35:39" x14ac:dyDescent="0.35">
      <c r="AI3668" s="84"/>
      <c r="AM3668" s="84"/>
    </row>
    <row r="3669" spans="35:39" x14ac:dyDescent="0.35">
      <c r="AI3669" s="84"/>
      <c r="AM3669" s="84"/>
    </row>
    <row r="3670" spans="35:39" x14ac:dyDescent="0.35">
      <c r="AI3670" s="84"/>
      <c r="AM3670" s="84"/>
    </row>
    <row r="3671" spans="35:39" x14ac:dyDescent="0.35">
      <c r="AI3671" s="84"/>
      <c r="AM3671" s="84"/>
    </row>
    <row r="3672" spans="35:39" x14ac:dyDescent="0.35">
      <c r="AI3672" s="84"/>
      <c r="AM3672" s="84"/>
    </row>
    <row r="3673" spans="35:39" x14ac:dyDescent="0.35">
      <c r="AI3673" s="84"/>
      <c r="AM3673" s="84"/>
    </row>
    <row r="3674" spans="35:39" x14ac:dyDescent="0.35">
      <c r="AI3674" s="84"/>
      <c r="AM3674" s="84"/>
    </row>
    <row r="3675" spans="35:39" x14ac:dyDescent="0.35">
      <c r="AI3675" s="84"/>
      <c r="AM3675" s="84"/>
    </row>
    <row r="3676" spans="35:39" x14ac:dyDescent="0.35">
      <c r="AI3676" s="84"/>
      <c r="AM3676" s="84"/>
    </row>
    <row r="3677" spans="35:39" x14ac:dyDescent="0.35">
      <c r="AI3677" s="84"/>
      <c r="AM3677" s="84"/>
    </row>
    <row r="3678" spans="35:39" x14ac:dyDescent="0.35">
      <c r="AI3678" s="84"/>
      <c r="AM3678" s="84"/>
    </row>
    <row r="3679" spans="35:39" x14ac:dyDescent="0.35">
      <c r="AI3679" s="84"/>
      <c r="AM3679" s="84"/>
    </row>
    <row r="3680" spans="35:39" x14ac:dyDescent="0.35">
      <c r="AI3680" s="84"/>
      <c r="AM3680" s="84"/>
    </row>
    <row r="3681" spans="35:39" x14ac:dyDescent="0.35">
      <c r="AI3681" s="84"/>
      <c r="AM3681" s="84"/>
    </row>
    <row r="3682" spans="35:39" x14ac:dyDescent="0.35">
      <c r="AI3682" s="84"/>
      <c r="AM3682" s="84"/>
    </row>
    <row r="3683" spans="35:39" x14ac:dyDescent="0.35">
      <c r="AI3683" s="84"/>
      <c r="AM3683" s="84"/>
    </row>
    <row r="3684" spans="35:39" x14ac:dyDescent="0.35">
      <c r="AI3684" s="84"/>
      <c r="AM3684" s="84"/>
    </row>
    <row r="3685" spans="35:39" x14ac:dyDescent="0.35">
      <c r="AI3685" s="84"/>
      <c r="AM3685" s="84"/>
    </row>
    <row r="3686" spans="35:39" x14ac:dyDescent="0.35">
      <c r="AI3686" s="84"/>
      <c r="AM3686" s="84"/>
    </row>
    <row r="3687" spans="35:39" x14ac:dyDescent="0.35">
      <c r="AI3687" s="84"/>
      <c r="AM3687" s="84"/>
    </row>
    <row r="3688" spans="35:39" x14ac:dyDescent="0.35">
      <c r="AI3688" s="84"/>
      <c r="AM3688" s="84"/>
    </row>
    <row r="3689" spans="35:39" x14ac:dyDescent="0.35">
      <c r="AI3689" s="84"/>
      <c r="AM3689" s="84"/>
    </row>
    <row r="3690" spans="35:39" x14ac:dyDescent="0.35">
      <c r="AI3690" s="84"/>
      <c r="AM3690" s="84"/>
    </row>
    <row r="3691" spans="35:39" x14ac:dyDescent="0.35">
      <c r="AI3691" s="84"/>
      <c r="AM3691" s="84"/>
    </row>
    <row r="3692" spans="35:39" x14ac:dyDescent="0.35">
      <c r="AI3692" s="84"/>
      <c r="AM3692" s="84"/>
    </row>
    <row r="3693" spans="35:39" x14ac:dyDescent="0.35">
      <c r="AI3693" s="84"/>
      <c r="AM3693" s="84"/>
    </row>
    <row r="3694" spans="35:39" x14ac:dyDescent="0.35">
      <c r="AI3694" s="84"/>
      <c r="AM3694" s="84"/>
    </row>
    <row r="3695" spans="35:39" x14ac:dyDescent="0.35">
      <c r="AI3695" s="84"/>
      <c r="AM3695" s="84"/>
    </row>
    <row r="3696" spans="35:39" x14ac:dyDescent="0.35">
      <c r="AI3696" s="84"/>
      <c r="AM3696" s="84"/>
    </row>
    <row r="3697" spans="35:39" x14ac:dyDescent="0.35">
      <c r="AI3697" s="84"/>
      <c r="AM3697" s="84"/>
    </row>
    <row r="3698" spans="35:39" x14ac:dyDescent="0.35">
      <c r="AI3698" s="84"/>
      <c r="AM3698" s="84"/>
    </row>
    <row r="3699" spans="35:39" x14ac:dyDescent="0.35">
      <c r="AI3699" s="84"/>
      <c r="AM3699" s="84"/>
    </row>
    <row r="3700" spans="35:39" x14ac:dyDescent="0.35">
      <c r="AI3700" s="84"/>
      <c r="AM3700" s="84"/>
    </row>
    <row r="3701" spans="35:39" x14ac:dyDescent="0.35">
      <c r="AI3701" s="84"/>
      <c r="AM3701" s="84"/>
    </row>
    <row r="3702" spans="35:39" x14ac:dyDescent="0.35">
      <c r="AI3702" s="84"/>
      <c r="AM3702" s="84"/>
    </row>
    <row r="3703" spans="35:39" x14ac:dyDescent="0.35">
      <c r="AI3703" s="84"/>
      <c r="AM3703" s="84"/>
    </row>
    <row r="3704" spans="35:39" x14ac:dyDescent="0.35">
      <c r="AI3704" s="84"/>
      <c r="AM3704" s="84"/>
    </row>
    <row r="3705" spans="35:39" x14ac:dyDescent="0.35">
      <c r="AI3705" s="84"/>
      <c r="AM3705" s="84"/>
    </row>
    <row r="3706" spans="35:39" x14ac:dyDescent="0.35">
      <c r="AI3706" s="84"/>
      <c r="AM3706" s="84"/>
    </row>
    <row r="3707" spans="35:39" x14ac:dyDescent="0.35">
      <c r="AI3707" s="84"/>
      <c r="AM3707" s="84"/>
    </row>
    <row r="3708" spans="35:39" x14ac:dyDescent="0.35">
      <c r="AI3708" s="84"/>
      <c r="AM3708" s="84"/>
    </row>
    <row r="3709" spans="35:39" x14ac:dyDescent="0.35">
      <c r="AI3709" s="84"/>
      <c r="AM3709" s="84"/>
    </row>
    <row r="3710" spans="35:39" x14ac:dyDescent="0.35">
      <c r="AI3710" s="84"/>
      <c r="AM3710" s="84"/>
    </row>
    <row r="3711" spans="35:39" x14ac:dyDescent="0.35">
      <c r="AI3711" s="84"/>
      <c r="AM3711" s="84"/>
    </row>
    <row r="3712" spans="35:39" x14ac:dyDescent="0.35">
      <c r="AI3712" s="84"/>
      <c r="AM3712" s="84"/>
    </row>
    <row r="3713" spans="35:39" x14ac:dyDescent="0.35">
      <c r="AI3713" s="84"/>
      <c r="AM3713" s="84"/>
    </row>
    <row r="3714" spans="35:39" x14ac:dyDescent="0.35">
      <c r="AI3714" s="84"/>
      <c r="AM3714" s="84"/>
    </row>
    <row r="3715" spans="35:39" x14ac:dyDescent="0.35">
      <c r="AI3715" s="84"/>
      <c r="AM3715" s="84"/>
    </row>
    <row r="3716" spans="35:39" x14ac:dyDescent="0.35">
      <c r="AI3716" s="84"/>
      <c r="AM3716" s="84"/>
    </row>
    <row r="3717" spans="35:39" x14ac:dyDescent="0.35">
      <c r="AI3717" s="84"/>
      <c r="AM3717" s="84"/>
    </row>
    <row r="3718" spans="35:39" x14ac:dyDescent="0.35">
      <c r="AI3718" s="84"/>
      <c r="AM3718" s="84"/>
    </row>
    <row r="3719" spans="35:39" x14ac:dyDescent="0.35">
      <c r="AI3719" s="84"/>
      <c r="AM3719" s="84"/>
    </row>
    <row r="3720" spans="35:39" x14ac:dyDescent="0.35">
      <c r="AI3720" s="84"/>
      <c r="AM3720" s="84"/>
    </row>
    <row r="3721" spans="35:39" x14ac:dyDescent="0.35">
      <c r="AI3721" s="84"/>
      <c r="AM3721" s="84"/>
    </row>
    <row r="3722" spans="35:39" x14ac:dyDescent="0.35">
      <c r="AI3722" s="84"/>
      <c r="AM3722" s="84"/>
    </row>
    <row r="3723" spans="35:39" x14ac:dyDescent="0.35">
      <c r="AI3723" s="84"/>
      <c r="AM3723" s="84"/>
    </row>
    <row r="3724" spans="35:39" x14ac:dyDescent="0.35">
      <c r="AI3724" s="84"/>
      <c r="AM3724" s="84"/>
    </row>
    <row r="3725" spans="35:39" x14ac:dyDescent="0.35">
      <c r="AI3725" s="84"/>
      <c r="AM3725" s="84"/>
    </row>
    <row r="3726" spans="35:39" x14ac:dyDescent="0.35">
      <c r="AI3726" s="84"/>
      <c r="AM3726" s="84"/>
    </row>
    <row r="3727" spans="35:39" x14ac:dyDescent="0.35">
      <c r="AI3727" s="84"/>
      <c r="AM3727" s="84"/>
    </row>
    <row r="3728" spans="35:39" x14ac:dyDescent="0.35">
      <c r="AI3728" s="84"/>
      <c r="AM3728" s="84"/>
    </row>
    <row r="3729" spans="35:39" x14ac:dyDescent="0.35">
      <c r="AI3729" s="84"/>
      <c r="AM3729" s="84"/>
    </row>
    <row r="3730" spans="35:39" x14ac:dyDescent="0.35">
      <c r="AI3730" s="84"/>
      <c r="AM3730" s="84"/>
    </row>
    <row r="3731" spans="35:39" x14ac:dyDescent="0.35">
      <c r="AI3731" s="84"/>
      <c r="AM3731" s="84"/>
    </row>
    <row r="3732" spans="35:39" x14ac:dyDescent="0.35">
      <c r="AI3732" s="84"/>
      <c r="AM3732" s="84"/>
    </row>
    <row r="3733" spans="35:39" x14ac:dyDescent="0.35">
      <c r="AI3733" s="84"/>
      <c r="AM3733" s="84"/>
    </row>
    <row r="3734" spans="35:39" x14ac:dyDescent="0.35">
      <c r="AI3734" s="84"/>
      <c r="AM3734" s="84"/>
    </row>
    <row r="3735" spans="35:39" x14ac:dyDescent="0.35">
      <c r="AI3735" s="84"/>
      <c r="AM3735" s="84"/>
    </row>
    <row r="3736" spans="35:39" x14ac:dyDescent="0.35">
      <c r="AI3736" s="84"/>
      <c r="AM3736" s="84"/>
    </row>
    <row r="3737" spans="35:39" x14ac:dyDescent="0.35">
      <c r="AI3737" s="84"/>
      <c r="AM3737" s="84"/>
    </row>
    <row r="3738" spans="35:39" x14ac:dyDescent="0.35">
      <c r="AI3738" s="84"/>
      <c r="AM3738" s="84"/>
    </row>
    <row r="3739" spans="35:39" x14ac:dyDescent="0.35">
      <c r="AI3739" s="84"/>
      <c r="AM3739" s="84"/>
    </row>
    <row r="3740" spans="35:39" x14ac:dyDescent="0.35">
      <c r="AI3740" s="84"/>
      <c r="AM3740" s="84"/>
    </row>
    <row r="3741" spans="35:39" x14ac:dyDescent="0.35">
      <c r="AI3741" s="84"/>
      <c r="AM3741" s="84"/>
    </row>
    <row r="3742" spans="35:39" x14ac:dyDescent="0.35">
      <c r="AI3742" s="84"/>
      <c r="AM3742" s="84"/>
    </row>
    <row r="3743" spans="35:39" x14ac:dyDescent="0.35">
      <c r="AI3743" s="84"/>
      <c r="AM3743" s="84"/>
    </row>
    <row r="3744" spans="35:39" x14ac:dyDescent="0.35">
      <c r="AI3744" s="84"/>
      <c r="AM3744" s="84"/>
    </row>
    <row r="3745" spans="35:39" x14ac:dyDescent="0.35">
      <c r="AI3745" s="84"/>
      <c r="AM3745" s="84"/>
    </row>
    <row r="3746" spans="35:39" x14ac:dyDescent="0.35">
      <c r="AI3746" s="84"/>
      <c r="AM3746" s="84"/>
    </row>
    <row r="3747" spans="35:39" x14ac:dyDescent="0.35">
      <c r="AI3747" s="84"/>
      <c r="AM3747" s="84"/>
    </row>
    <row r="3748" spans="35:39" x14ac:dyDescent="0.35">
      <c r="AI3748" s="84"/>
      <c r="AM3748" s="84"/>
    </row>
    <row r="3749" spans="35:39" x14ac:dyDescent="0.35">
      <c r="AI3749" s="84"/>
      <c r="AM3749" s="84"/>
    </row>
    <row r="3750" spans="35:39" x14ac:dyDescent="0.35">
      <c r="AI3750" s="84"/>
      <c r="AM3750" s="84"/>
    </row>
    <row r="3751" spans="35:39" x14ac:dyDescent="0.35">
      <c r="AI3751" s="84"/>
      <c r="AM3751" s="84"/>
    </row>
    <row r="3752" spans="35:39" x14ac:dyDescent="0.35">
      <c r="AI3752" s="84"/>
      <c r="AM3752" s="84"/>
    </row>
    <row r="3753" spans="35:39" x14ac:dyDescent="0.35">
      <c r="AI3753" s="84"/>
      <c r="AM3753" s="84"/>
    </row>
    <row r="3754" spans="35:39" x14ac:dyDescent="0.35">
      <c r="AI3754" s="84"/>
      <c r="AM3754" s="84"/>
    </row>
    <row r="3755" spans="35:39" x14ac:dyDescent="0.35">
      <c r="AI3755" s="84"/>
      <c r="AM3755" s="84"/>
    </row>
    <row r="3756" spans="35:39" x14ac:dyDescent="0.35">
      <c r="AI3756" s="84"/>
      <c r="AM3756" s="84"/>
    </row>
    <row r="3757" spans="35:39" x14ac:dyDescent="0.35">
      <c r="AI3757" s="84"/>
      <c r="AM3757" s="84"/>
    </row>
    <row r="3758" spans="35:39" x14ac:dyDescent="0.35">
      <c r="AI3758" s="84"/>
      <c r="AM3758" s="84"/>
    </row>
    <row r="3759" spans="35:39" x14ac:dyDescent="0.35">
      <c r="AI3759" s="84"/>
      <c r="AM3759" s="84"/>
    </row>
    <row r="3760" spans="35:39" x14ac:dyDescent="0.35">
      <c r="AI3760" s="84"/>
      <c r="AM3760" s="84"/>
    </row>
    <row r="3761" spans="35:39" x14ac:dyDescent="0.35">
      <c r="AI3761" s="84"/>
      <c r="AM3761" s="84"/>
    </row>
    <row r="3762" spans="35:39" x14ac:dyDescent="0.35">
      <c r="AI3762" s="84"/>
      <c r="AM3762" s="84"/>
    </row>
    <row r="3763" spans="35:39" x14ac:dyDescent="0.35">
      <c r="AI3763" s="84"/>
      <c r="AM3763" s="84"/>
    </row>
    <row r="3764" spans="35:39" x14ac:dyDescent="0.35">
      <c r="AI3764" s="84"/>
      <c r="AM3764" s="84"/>
    </row>
    <row r="3765" spans="35:39" x14ac:dyDescent="0.35">
      <c r="AI3765" s="84"/>
      <c r="AM3765" s="84"/>
    </row>
    <row r="3766" spans="35:39" x14ac:dyDescent="0.35">
      <c r="AI3766" s="84"/>
      <c r="AM3766" s="84"/>
    </row>
    <row r="3767" spans="35:39" x14ac:dyDescent="0.35">
      <c r="AI3767" s="84"/>
      <c r="AM3767" s="84"/>
    </row>
    <row r="3768" spans="35:39" x14ac:dyDescent="0.35">
      <c r="AI3768" s="84"/>
      <c r="AM3768" s="84"/>
    </row>
    <row r="3769" spans="35:39" x14ac:dyDescent="0.35">
      <c r="AI3769" s="84"/>
      <c r="AM3769" s="84"/>
    </row>
    <row r="3770" spans="35:39" x14ac:dyDescent="0.35">
      <c r="AI3770" s="84"/>
      <c r="AM3770" s="84"/>
    </row>
    <row r="3771" spans="35:39" x14ac:dyDescent="0.35">
      <c r="AI3771" s="84"/>
      <c r="AM3771" s="84"/>
    </row>
    <row r="3772" spans="35:39" x14ac:dyDescent="0.35">
      <c r="AI3772" s="84"/>
      <c r="AM3772" s="84"/>
    </row>
    <row r="3773" spans="35:39" x14ac:dyDescent="0.35">
      <c r="AI3773" s="84"/>
      <c r="AM3773" s="84"/>
    </row>
    <row r="3774" spans="35:39" x14ac:dyDescent="0.35">
      <c r="AI3774" s="84"/>
      <c r="AM3774" s="84"/>
    </row>
    <row r="3775" spans="35:39" x14ac:dyDescent="0.35">
      <c r="AI3775" s="84"/>
      <c r="AM3775" s="84"/>
    </row>
    <row r="3776" spans="35:39" x14ac:dyDescent="0.35">
      <c r="AI3776" s="84"/>
      <c r="AM3776" s="84"/>
    </row>
    <row r="3777" spans="35:39" x14ac:dyDescent="0.35">
      <c r="AI3777" s="84"/>
      <c r="AM3777" s="84"/>
    </row>
    <row r="3778" spans="35:39" x14ac:dyDescent="0.35">
      <c r="AI3778" s="84"/>
      <c r="AM3778" s="84"/>
    </row>
    <row r="3779" spans="35:39" x14ac:dyDescent="0.35">
      <c r="AI3779" s="84"/>
      <c r="AM3779" s="84"/>
    </row>
    <row r="3780" spans="35:39" x14ac:dyDescent="0.35">
      <c r="AI3780" s="84"/>
      <c r="AM3780" s="84"/>
    </row>
    <row r="3781" spans="35:39" x14ac:dyDescent="0.35">
      <c r="AI3781" s="84"/>
      <c r="AM3781" s="84"/>
    </row>
    <row r="3782" spans="35:39" x14ac:dyDescent="0.35">
      <c r="AI3782" s="84"/>
      <c r="AM3782" s="84"/>
    </row>
    <row r="3783" spans="35:39" x14ac:dyDescent="0.35">
      <c r="AI3783" s="84"/>
      <c r="AM3783" s="84"/>
    </row>
    <row r="3784" spans="35:39" x14ac:dyDescent="0.35">
      <c r="AI3784" s="84"/>
      <c r="AM3784" s="84"/>
    </row>
    <row r="3785" spans="35:39" x14ac:dyDescent="0.35">
      <c r="AI3785" s="84"/>
      <c r="AM3785" s="84"/>
    </row>
    <row r="3786" spans="35:39" x14ac:dyDescent="0.35">
      <c r="AI3786" s="84"/>
      <c r="AM3786" s="84"/>
    </row>
    <row r="3787" spans="35:39" x14ac:dyDescent="0.35">
      <c r="AI3787" s="84"/>
      <c r="AM3787" s="84"/>
    </row>
    <row r="3788" spans="35:39" x14ac:dyDescent="0.35">
      <c r="AI3788" s="84"/>
      <c r="AM3788" s="84"/>
    </row>
    <row r="3789" spans="35:39" x14ac:dyDescent="0.35">
      <c r="AI3789" s="84"/>
      <c r="AM3789" s="84"/>
    </row>
    <row r="3790" spans="35:39" x14ac:dyDescent="0.35">
      <c r="AI3790" s="84"/>
      <c r="AM3790" s="84"/>
    </row>
    <row r="3791" spans="35:39" x14ac:dyDescent="0.35">
      <c r="AI3791" s="84"/>
      <c r="AM3791" s="84"/>
    </row>
    <row r="3792" spans="35:39" x14ac:dyDescent="0.35">
      <c r="AI3792" s="84"/>
      <c r="AM3792" s="84"/>
    </row>
    <row r="3793" spans="35:39" x14ac:dyDescent="0.35">
      <c r="AI3793" s="84"/>
      <c r="AM3793" s="84"/>
    </row>
    <row r="3794" spans="35:39" x14ac:dyDescent="0.35">
      <c r="AI3794" s="84"/>
      <c r="AM3794" s="84"/>
    </row>
    <row r="3795" spans="35:39" x14ac:dyDescent="0.35">
      <c r="AI3795" s="84"/>
      <c r="AM3795" s="84"/>
    </row>
    <row r="3796" spans="35:39" x14ac:dyDescent="0.35">
      <c r="AI3796" s="84"/>
      <c r="AM3796" s="84"/>
    </row>
    <row r="3797" spans="35:39" x14ac:dyDescent="0.35">
      <c r="AI3797" s="84"/>
      <c r="AM3797" s="84"/>
    </row>
    <row r="3798" spans="35:39" x14ac:dyDescent="0.35">
      <c r="AI3798" s="84"/>
      <c r="AM3798" s="84"/>
    </row>
    <row r="3799" spans="35:39" x14ac:dyDescent="0.35">
      <c r="AI3799" s="84"/>
      <c r="AM3799" s="84"/>
    </row>
    <row r="3800" spans="35:39" x14ac:dyDescent="0.35">
      <c r="AI3800" s="84"/>
      <c r="AM3800" s="84"/>
    </row>
    <row r="3801" spans="35:39" x14ac:dyDescent="0.35">
      <c r="AI3801" s="84"/>
      <c r="AM3801" s="84"/>
    </row>
    <row r="3802" spans="35:39" x14ac:dyDescent="0.35">
      <c r="AI3802" s="84"/>
      <c r="AM3802" s="84"/>
    </row>
    <row r="3803" spans="35:39" x14ac:dyDescent="0.35">
      <c r="AI3803" s="84"/>
      <c r="AM3803" s="84"/>
    </row>
    <row r="3804" spans="35:39" x14ac:dyDescent="0.35">
      <c r="AI3804" s="84"/>
      <c r="AM3804" s="84"/>
    </row>
    <row r="3805" spans="35:39" x14ac:dyDescent="0.35">
      <c r="AI3805" s="84"/>
      <c r="AM3805" s="84"/>
    </row>
    <row r="3806" spans="35:39" x14ac:dyDescent="0.35">
      <c r="AI3806" s="84"/>
      <c r="AM3806" s="84"/>
    </row>
    <row r="3807" spans="35:39" x14ac:dyDescent="0.35">
      <c r="AI3807" s="84"/>
      <c r="AM3807" s="84"/>
    </row>
    <row r="3808" spans="35:39" x14ac:dyDescent="0.35">
      <c r="AI3808" s="84"/>
      <c r="AM3808" s="84"/>
    </row>
    <row r="3809" spans="35:39" x14ac:dyDescent="0.35">
      <c r="AI3809" s="84"/>
      <c r="AM3809" s="84"/>
    </row>
    <row r="3810" spans="35:39" x14ac:dyDescent="0.35">
      <c r="AI3810" s="84"/>
      <c r="AM3810" s="84"/>
    </row>
    <row r="3811" spans="35:39" x14ac:dyDescent="0.35">
      <c r="AI3811" s="84"/>
      <c r="AM3811" s="84"/>
    </row>
    <row r="3812" spans="35:39" x14ac:dyDescent="0.35">
      <c r="AI3812" s="84"/>
      <c r="AM3812" s="84"/>
    </row>
    <row r="3813" spans="35:39" x14ac:dyDescent="0.35">
      <c r="AI3813" s="84"/>
      <c r="AM3813" s="84"/>
    </row>
    <row r="3814" spans="35:39" x14ac:dyDescent="0.35">
      <c r="AI3814" s="84"/>
      <c r="AM3814" s="84"/>
    </row>
    <row r="3815" spans="35:39" x14ac:dyDescent="0.35">
      <c r="AI3815" s="84"/>
      <c r="AM3815" s="84"/>
    </row>
    <row r="3816" spans="35:39" x14ac:dyDescent="0.35">
      <c r="AI3816" s="84"/>
      <c r="AM3816" s="84"/>
    </row>
    <row r="3817" spans="35:39" x14ac:dyDescent="0.35">
      <c r="AI3817" s="84"/>
      <c r="AM3817" s="84"/>
    </row>
    <row r="3818" spans="35:39" x14ac:dyDescent="0.35">
      <c r="AI3818" s="84"/>
      <c r="AM3818" s="84"/>
    </row>
    <row r="3819" spans="35:39" x14ac:dyDescent="0.35">
      <c r="AI3819" s="84"/>
      <c r="AM3819" s="84"/>
    </row>
    <row r="3820" spans="35:39" x14ac:dyDescent="0.35">
      <c r="AI3820" s="84"/>
      <c r="AM3820" s="84"/>
    </row>
    <row r="3821" spans="35:39" x14ac:dyDescent="0.35">
      <c r="AI3821" s="84"/>
      <c r="AM3821" s="84"/>
    </row>
    <row r="3822" spans="35:39" x14ac:dyDescent="0.35">
      <c r="AI3822" s="84"/>
      <c r="AM3822" s="84"/>
    </row>
    <row r="3823" spans="35:39" x14ac:dyDescent="0.35">
      <c r="AI3823" s="84"/>
      <c r="AM3823" s="84"/>
    </row>
    <row r="3824" spans="35:39" x14ac:dyDescent="0.35">
      <c r="AI3824" s="84"/>
      <c r="AM3824" s="84"/>
    </row>
    <row r="3825" spans="35:39" x14ac:dyDescent="0.35">
      <c r="AI3825" s="84"/>
      <c r="AM3825" s="84"/>
    </row>
    <row r="3826" spans="35:39" x14ac:dyDescent="0.35">
      <c r="AI3826" s="84"/>
      <c r="AM3826" s="84"/>
    </row>
    <row r="3827" spans="35:39" x14ac:dyDescent="0.35">
      <c r="AI3827" s="84"/>
      <c r="AM3827" s="84"/>
    </row>
    <row r="3828" spans="35:39" x14ac:dyDescent="0.35">
      <c r="AI3828" s="84"/>
      <c r="AM3828" s="84"/>
    </row>
    <row r="3829" spans="35:39" x14ac:dyDescent="0.35">
      <c r="AI3829" s="84"/>
      <c r="AM3829" s="84"/>
    </row>
    <row r="3830" spans="35:39" x14ac:dyDescent="0.35">
      <c r="AI3830" s="84"/>
      <c r="AM3830" s="84"/>
    </row>
    <row r="3831" spans="35:39" x14ac:dyDescent="0.35">
      <c r="AI3831" s="84"/>
      <c r="AM3831" s="84"/>
    </row>
    <row r="3832" spans="35:39" x14ac:dyDescent="0.35">
      <c r="AI3832" s="84"/>
      <c r="AM3832" s="84"/>
    </row>
    <row r="3833" spans="35:39" x14ac:dyDescent="0.35">
      <c r="AI3833" s="84"/>
      <c r="AM3833" s="84"/>
    </row>
    <row r="3834" spans="35:39" x14ac:dyDescent="0.35">
      <c r="AI3834" s="84"/>
      <c r="AM3834" s="84"/>
    </row>
    <row r="3835" spans="35:39" x14ac:dyDescent="0.35">
      <c r="AI3835" s="84"/>
      <c r="AM3835" s="84"/>
    </row>
    <row r="3836" spans="35:39" x14ac:dyDescent="0.35">
      <c r="AI3836" s="84"/>
      <c r="AM3836" s="84"/>
    </row>
    <row r="3837" spans="35:39" x14ac:dyDescent="0.35">
      <c r="AI3837" s="84"/>
      <c r="AM3837" s="84"/>
    </row>
    <row r="3838" spans="35:39" x14ac:dyDescent="0.35">
      <c r="AI3838" s="84"/>
      <c r="AM3838" s="84"/>
    </row>
    <row r="3839" spans="35:39" x14ac:dyDescent="0.35">
      <c r="AI3839" s="84"/>
      <c r="AM3839" s="84"/>
    </row>
    <row r="3840" spans="35:39" x14ac:dyDescent="0.35">
      <c r="AI3840" s="84"/>
      <c r="AM3840" s="84"/>
    </row>
    <row r="3841" spans="35:39" x14ac:dyDescent="0.35">
      <c r="AI3841" s="84"/>
      <c r="AM3841" s="84"/>
    </row>
    <row r="3842" spans="35:39" x14ac:dyDescent="0.35">
      <c r="AI3842" s="84"/>
      <c r="AM3842" s="84"/>
    </row>
    <row r="3843" spans="35:39" x14ac:dyDescent="0.35">
      <c r="AI3843" s="84"/>
      <c r="AM3843" s="84"/>
    </row>
    <row r="3844" spans="35:39" x14ac:dyDescent="0.35">
      <c r="AI3844" s="84"/>
      <c r="AM3844" s="84"/>
    </row>
    <row r="3845" spans="35:39" x14ac:dyDescent="0.35">
      <c r="AI3845" s="84"/>
      <c r="AM3845" s="84"/>
    </row>
    <row r="3846" spans="35:39" x14ac:dyDescent="0.35">
      <c r="AI3846" s="84"/>
      <c r="AM3846" s="84"/>
    </row>
    <row r="3847" spans="35:39" x14ac:dyDescent="0.35">
      <c r="AI3847" s="84"/>
      <c r="AM3847" s="84"/>
    </row>
    <row r="3848" spans="35:39" x14ac:dyDescent="0.35">
      <c r="AI3848" s="84"/>
      <c r="AM3848" s="84"/>
    </row>
    <row r="3849" spans="35:39" x14ac:dyDescent="0.35">
      <c r="AI3849" s="84"/>
      <c r="AM3849" s="84"/>
    </row>
    <row r="3850" spans="35:39" x14ac:dyDescent="0.35">
      <c r="AI3850" s="84"/>
      <c r="AM3850" s="84"/>
    </row>
    <row r="3851" spans="35:39" x14ac:dyDescent="0.35">
      <c r="AI3851" s="84"/>
      <c r="AM3851" s="84"/>
    </row>
    <row r="3852" spans="35:39" x14ac:dyDescent="0.35">
      <c r="AI3852" s="84"/>
      <c r="AM3852" s="84"/>
    </row>
    <row r="3853" spans="35:39" x14ac:dyDescent="0.35">
      <c r="AI3853" s="84"/>
      <c r="AM3853" s="84"/>
    </row>
    <row r="3854" spans="35:39" x14ac:dyDescent="0.35">
      <c r="AI3854" s="84"/>
      <c r="AM3854" s="84"/>
    </row>
    <row r="3855" spans="35:39" x14ac:dyDescent="0.35">
      <c r="AI3855" s="84"/>
      <c r="AM3855" s="84"/>
    </row>
    <row r="3856" spans="35:39" x14ac:dyDescent="0.35">
      <c r="AI3856" s="84"/>
      <c r="AM3856" s="84"/>
    </row>
    <row r="3857" spans="35:39" x14ac:dyDescent="0.35">
      <c r="AI3857" s="84"/>
      <c r="AM3857" s="84"/>
    </row>
    <row r="3858" spans="35:39" x14ac:dyDescent="0.35">
      <c r="AI3858" s="84"/>
      <c r="AM3858" s="84"/>
    </row>
    <row r="3859" spans="35:39" x14ac:dyDescent="0.35">
      <c r="AI3859" s="84"/>
      <c r="AM3859" s="84"/>
    </row>
    <row r="3860" spans="35:39" x14ac:dyDescent="0.35">
      <c r="AI3860" s="84"/>
      <c r="AM3860" s="84"/>
    </row>
    <row r="3861" spans="35:39" x14ac:dyDescent="0.35">
      <c r="AI3861" s="84"/>
      <c r="AM3861" s="84"/>
    </row>
    <row r="3862" spans="35:39" x14ac:dyDescent="0.35">
      <c r="AI3862" s="84"/>
      <c r="AM3862" s="84"/>
    </row>
    <row r="3863" spans="35:39" x14ac:dyDescent="0.35">
      <c r="AI3863" s="84"/>
      <c r="AM3863" s="84"/>
    </row>
    <row r="3864" spans="35:39" x14ac:dyDescent="0.35">
      <c r="AI3864" s="84"/>
      <c r="AM3864" s="84"/>
    </row>
    <row r="3865" spans="35:39" x14ac:dyDescent="0.35">
      <c r="AI3865" s="84"/>
      <c r="AM3865" s="84"/>
    </row>
    <row r="3866" spans="35:39" x14ac:dyDescent="0.35">
      <c r="AI3866" s="84"/>
      <c r="AM3866" s="84"/>
    </row>
    <row r="3867" spans="35:39" x14ac:dyDescent="0.35">
      <c r="AI3867" s="84"/>
      <c r="AM3867" s="84"/>
    </row>
    <row r="3868" spans="35:39" x14ac:dyDescent="0.35">
      <c r="AI3868" s="84"/>
      <c r="AM3868" s="84"/>
    </row>
    <row r="3869" spans="35:39" x14ac:dyDescent="0.35">
      <c r="AI3869" s="84"/>
      <c r="AM3869" s="84"/>
    </row>
    <row r="3870" spans="35:39" x14ac:dyDescent="0.35">
      <c r="AI3870" s="84"/>
      <c r="AM3870" s="84"/>
    </row>
    <row r="3871" spans="35:39" x14ac:dyDescent="0.35">
      <c r="AI3871" s="84"/>
      <c r="AM3871" s="84"/>
    </row>
    <row r="3872" spans="35:39" x14ac:dyDescent="0.35">
      <c r="AI3872" s="84"/>
      <c r="AM3872" s="84"/>
    </row>
    <row r="3873" spans="35:39" x14ac:dyDescent="0.35">
      <c r="AI3873" s="84"/>
      <c r="AM3873" s="84"/>
    </row>
    <row r="3874" spans="35:39" x14ac:dyDescent="0.35">
      <c r="AI3874" s="84"/>
      <c r="AM3874" s="84"/>
    </row>
    <row r="3875" spans="35:39" x14ac:dyDescent="0.35">
      <c r="AI3875" s="84"/>
      <c r="AM3875" s="84"/>
    </row>
    <row r="3876" spans="35:39" x14ac:dyDescent="0.35">
      <c r="AI3876" s="84"/>
      <c r="AM3876" s="84"/>
    </row>
    <row r="3877" spans="35:39" x14ac:dyDescent="0.35">
      <c r="AI3877" s="84"/>
      <c r="AM3877" s="84"/>
    </row>
    <row r="3878" spans="35:39" x14ac:dyDescent="0.35">
      <c r="AI3878" s="84"/>
      <c r="AM3878" s="84"/>
    </row>
    <row r="3879" spans="35:39" x14ac:dyDescent="0.35">
      <c r="AI3879" s="84"/>
      <c r="AM3879" s="84"/>
    </row>
    <row r="3880" spans="35:39" x14ac:dyDescent="0.35">
      <c r="AI3880" s="84"/>
      <c r="AM3880" s="84"/>
    </row>
    <row r="3881" spans="35:39" x14ac:dyDescent="0.35">
      <c r="AI3881" s="84"/>
      <c r="AM3881" s="84"/>
    </row>
    <row r="3882" spans="35:39" x14ac:dyDescent="0.35">
      <c r="AI3882" s="84"/>
      <c r="AM3882" s="84"/>
    </row>
    <row r="3883" spans="35:39" x14ac:dyDescent="0.35">
      <c r="AI3883" s="84"/>
      <c r="AM3883" s="84"/>
    </row>
    <row r="3884" spans="35:39" x14ac:dyDescent="0.35">
      <c r="AI3884" s="84"/>
      <c r="AM3884" s="84"/>
    </row>
    <row r="3885" spans="35:39" x14ac:dyDescent="0.35">
      <c r="AI3885" s="84"/>
      <c r="AM3885" s="84"/>
    </row>
    <row r="3886" spans="35:39" x14ac:dyDescent="0.35">
      <c r="AI3886" s="84"/>
      <c r="AM3886" s="84"/>
    </row>
    <row r="3887" spans="35:39" x14ac:dyDescent="0.35">
      <c r="AI3887" s="84"/>
      <c r="AM3887" s="84"/>
    </row>
    <row r="3888" spans="35:39" x14ac:dyDescent="0.35">
      <c r="AI3888" s="84"/>
      <c r="AM3888" s="84"/>
    </row>
    <row r="3889" spans="35:39" x14ac:dyDescent="0.35">
      <c r="AI3889" s="84"/>
      <c r="AM3889" s="84"/>
    </row>
    <row r="3890" spans="35:39" x14ac:dyDescent="0.35">
      <c r="AI3890" s="84"/>
      <c r="AM3890" s="84"/>
    </row>
    <row r="3891" spans="35:39" x14ac:dyDescent="0.35">
      <c r="AI3891" s="84"/>
      <c r="AM3891" s="84"/>
    </row>
    <row r="3892" spans="35:39" x14ac:dyDescent="0.35">
      <c r="AI3892" s="84"/>
      <c r="AM3892" s="84"/>
    </row>
    <row r="3893" spans="35:39" x14ac:dyDescent="0.35">
      <c r="AI3893" s="84"/>
      <c r="AM3893" s="84"/>
    </row>
    <row r="3894" spans="35:39" x14ac:dyDescent="0.35">
      <c r="AI3894" s="84"/>
      <c r="AM3894" s="84"/>
    </row>
    <row r="3895" spans="35:39" x14ac:dyDescent="0.35">
      <c r="AI3895" s="84"/>
      <c r="AM3895" s="84"/>
    </row>
    <row r="3896" spans="35:39" x14ac:dyDescent="0.35">
      <c r="AI3896" s="84"/>
      <c r="AM3896" s="84"/>
    </row>
    <row r="3897" spans="35:39" x14ac:dyDescent="0.35">
      <c r="AI3897" s="84"/>
      <c r="AM3897" s="84"/>
    </row>
    <row r="3898" spans="35:39" x14ac:dyDescent="0.35">
      <c r="AI3898" s="84"/>
      <c r="AM3898" s="84"/>
    </row>
    <row r="3899" spans="35:39" x14ac:dyDescent="0.35">
      <c r="AI3899" s="84"/>
      <c r="AM3899" s="84"/>
    </row>
    <row r="3900" spans="35:39" x14ac:dyDescent="0.35">
      <c r="AI3900" s="84"/>
      <c r="AM3900" s="84"/>
    </row>
    <row r="3901" spans="35:39" x14ac:dyDescent="0.35">
      <c r="AI3901" s="84"/>
      <c r="AM3901" s="84"/>
    </row>
    <row r="3902" spans="35:39" x14ac:dyDescent="0.35">
      <c r="AI3902" s="84"/>
      <c r="AM3902" s="84"/>
    </row>
    <row r="3903" spans="35:39" x14ac:dyDescent="0.35">
      <c r="AI3903" s="84"/>
      <c r="AM3903" s="84"/>
    </row>
    <row r="3904" spans="35:39" x14ac:dyDescent="0.35">
      <c r="AI3904" s="84"/>
      <c r="AM3904" s="84"/>
    </row>
    <row r="3905" spans="35:39" x14ac:dyDescent="0.35">
      <c r="AI3905" s="84"/>
      <c r="AM3905" s="84"/>
    </row>
    <row r="3906" spans="35:39" x14ac:dyDescent="0.35">
      <c r="AI3906" s="84"/>
      <c r="AM3906" s="84"/>
    </row>
    <row r="3907" spans="35:39" x14ac:dyDescent="0.35">
      <c r="AI3907" s="84"/>
      <c r="AM3907" s="84"/>
    </row>
    <row r="3908" spans="35:39" x14ac:dyDescent="0.35">
      <c r="AI3908" s="84"/>
      <c r="AM3908" s="84"/>
    </row>
    <row r="3909" spans="35:39" x14ac:dyDescent="0.35">
      <c r="AI3909" s="84"/>
      <c r="AM3909" s="84"/>
    </row>
    <row r="3910" spans="35:39" x14ac:dyDescent="0.35">
      <c r="AI3910" s="84"/>
      <c r="AM3910" s="84"/>
    </row>
    <row r="3911" spans="35:39" x14ac:dyDescent="0.35">
      <c r="AI3911" s="84"/>
      <c r="AM3911" s="84"/>
    </row>
    <row r="3912" spans="35:39" x14ac:dyDescent="0.35">
      <c r="AI3912" s="84"/>
      <c r="AM3912" s="84"/>
    </row>
    <row r="3913" spans="35:39" x14ac:dyDescent="0.35">
      <c r="AI3913" s="84"/>
      <c r="AM3913" s="84"/>
    </row>
    <row r="3914" spans="35:39" x14ac:dyDescent="0.35">
      <c r="AI3914" s="84"/>
      <c r="AM3914" s="84"/>
    </row>
    <row r="3915" spans="35:39" x14ac:dyDescent="0.35">
      <c r="AI3915" s="84"/>
      <c r="AM3915" s="84"/>
    </row>
    <row r="3916" spans="35:39" x14ac:dyDescent="0.35">
      <c r="AI3916" s="84"/>
      <c r="AM3916" s="84"/>
    </row>
    <row r="3917" spans="35:39" x14ac:dyDescent="0.35">
      <c r="AI3917" s="84"/>
      <c r="AM3917" s="84"/>
    </row>
    <row r="3918" spans="35:39" x14ac:dyDescent="0.35">
      <c r="AI3918" s="84"/>
      <c r="AM3918" s="84"/>
    </row>
    <row r="3919" spans="35:39" x14ac:dyDescent="0.35">
      <c r="AI3919" s="84"/>
      <c r="AM3919" s="84"/>
    </row>
    <row r="3920" spans="35:39" x14ac:dyDescent="0.35">
      <c r="AI3920" s="84"/>
      <c r="AM3920" s="84"/>
    </row>
    <row r="3921" spans="35:39" x14ac:dyDescent="0.35">
      <c r="AI3921" s="84"/>
      <c r="AM3921" s="84"/>
    </row>
    <row r="3922" spans="35:39" x14ac:dyDescent="0.35">
      <c r="AI3922" s="84"/>
      <c r="AM3922" s="84"/>
    </row>
    <row r="3923" spans="35:39" x14ac:dyDescent="0.35">
      <c r="AI3923" s="84"/>
      <c r="AM3923" s="84"/>
    </row>
    <row r="3924" spans="35:39" x14ac:dyDescent="0.35">
      <c r="AI3924" s="84"/>
      <c r="AM3924" s="84"/>
    </row>
    <row r="3925" spans="35:39" x14ac:dyDescent="0.35">
      <c r="AI3925" s="84"/>
      <c r="AM3925" s="84"/>
    </row>
    <row r="3926" spans="35:39" x14ac:dyDescent="0.35">
      <c r="AI3926" s="84"/>
      <c r="AM3926" s="84"/>
    </row>
    <row r="3927" spans="35:39" x14ac:dyDescent="0.35">
      <c r="AI3927" s="84"/>
      <c r="AM3927" s="84"/>
    </row>
    <row r="3928" spans="35:39" x14ac:dyDescent="0.35">
      <c r="AI3928" s="84"/>
      <c r="AM3928" s="84"/>
    </row>
    <row r="3929" spans="35:39" x14ac:dyDescent="0.35">
      <c r="AI3929" s="84"/>
      <c r="AM3929" s="84"/>
    </row>
    <row r="3930" spans="35:39" x14ac:dyDescent="0.35">
      <c r="AI3930" s="84"/>
      <c r="AM3930" s="84"/>
    </row>
    <row r="3931" spans="35:39" x14ac:dyDescent="0.35">
      <c r="AI3931" s="84"/>
      <c r="AM3931" s="84"/>
    </row>
    <row r="3932" spans="35:39" x14ac:dyDescent="0.35">
      <c r="AI3932" s="84"/>
      <c r="AM3932" s="84"/>
    </row>
    <row r="3933" spans="35:39" x14ac:dyDescent="0.35">
      <c r="AI3933" s="84"/>
      <c r="AM3933" s="84"/>
    </row>
    <row r="3934" spans="35:39" x14ac:dyDescent="0.35">
      <c r="AI3934" s="84"/>
      <c r="AM3934" s="84"/>
    </row>
    <row r="3935" spans="35:39" x14ac:dyDescent="0.35">
      <c r="AI3935" s="84"/>
      <c r="AM3935" s="84"/>
    </row>
    <row r="3936" spans="35:39" x14ac:dyDescent="0.35">
      <c r="AI3936" s="84"/>
      <c r="AM3936" s="84"/>
    </row>
    <row r="3937" spans="35:39" x14ac:dyDescent="0.35">
      <c r="AI3937" s="84"/>
      <c r="AM3937" s="84"/>
    </row>
    <row r="3938" spans="35:39" x14ac:dyDescent="0.35">
      <c r="AI3938" s="84"/>
      <c r="AM3938" s="84"/>
    </row>
    <row r="3939" spans="35:39" x14ac:dyDescent="0.35">
      <c r="AI3939" s="84"/>
      <c r="AM3939" s="84"/>
    </row>
    <row r="3940" spans="35:39" x14ac:dyDescent="0.35">
      <c r="AI3940" s="84"/>
      <c r="AM3940" s="84"/>
    </row>
    <row r="3941" spans="35:39" x14ac:dyDescent="0.35">
      <c r="AI3941" s="84"/>
      <c r="AM3941" s="84"/>
    </row>
    <row r="3942" spans="35:39" x14ac:dyDescent="0.35">
      <c r="AI3942" s="84"/>
      <c r="AM3942" s="84"/>
    </row>
    <row r="3943" spans="35:39" x14ac:dyDescent="0.35">
      <c r="AI3943" s="84"/>
      <c r="AM3943" s="84"/>
    </row>
    <row r="3944" spans="35:39" x14ac:dyDescent="0.35">
      <c r="AI3944" s="84"/>
      <c r="AM3944" s="84"/>
    </row>
    <row r="3945" spans="35:39" x14ac:dyDescent="0.35">
      <c r="AI3945" s="84"/>
      <c r="AM3945" s="84"/>
    </row>
    <row r="3946" spans="35:39" x14ac:dyDescent="0.35">
      <c r="AI3946" s="84"/>
      <c r="AM3946" s="84"/>
    </row>
    <row r="3947" spans="35:39" x14ac:dyDescent="0.35">
      <c r="AI3947" s="84"/>
      <c r="AM3947" s="84"/>
    </row>
    <row r="3948" spans="35:39" x14ac:dyDescent="0.35">
      <c r="AI3948" s="84"/>
      <c r="AM3948" s="84"/>
    </row>
    <row r="3949" spans="35:39" x14ac:dyDescent="0.35">
      <c r="AI3949" s="84"/>
      <c r="AM3949" s="84"/>
    </row>
    <row r="3950" spans="35:39" x14ac:dyDescent="0.35">
      <c r="AI3950" s="84"/>
      <c r="AM3950" s="84"/>
    </row>
    <row r="3951" spans="35:39" x14ac:dyDescent="0.35">
      <c r="AI3951" s="84"/>
      <c r="AM3951" s="84"/>
    </row>
    <row r="3952" spans="35:39" x14ac:dyDescent="0.35">
      <c r="AI3952" s="84"/>
      <c r="AM3952" s="84"/>
    </row>
    <row r="3953" spans="35:39" x14ac:dyDescent="0.35">
      <c r="AI3953" s="84"/>
      <c r="AM3953" s="84"/>
    </row>
    <row r="3954" spans="35:39" x14ac:dyDescent="0.35">
      <c r="AI3954" s="84"/>
      <c r="AM3954" s="84"/>
    </row>
    <row r="3955" spans="35:39" x14ac:dyDescent="0.35">
      <c r="AI3955" s="84"/>
      <c r="AM3955" s="84"/>
    </row>
    <row r="3956" spans="35:39" x14ac:dyDescent="0.35">
      <c r="AI3956" s="84"/>
      <c r="AM3956" s="84"/>
    </row>
    <row r="3957" spans="35:39" x14ac:dyDescent="0.35">
      <c r="AI3957" s="84"/>
      <c r="AM3957" s="84"/>
    </row>
    <row r="3958" spans="35:39" x14ac:dyDescent="0.35">
      <c r="AI3958" s="84"/>
      <c r="AM3958" s="84"/>
    </row>
    <row r="3959" spans="35:39" x14ac:dyDescent="0.35">
      <c r="AI3959" s="84"/>
      <c r="AM3959" s="84"/>
    </row>
    <row r="3960" spans="35:39" x14ac:dyDescent="0.35">
      <c r="AI3960" s="84"/>
      <c r="AM3960" s="84"/>
    </row>
    <row r="3961" spans="35:39" x14ac:dyDescent="0.35">
      <c r="AI3961" s="84"/>
      <c r="AM3961" s="84"/>
    </row>
    <row r="3962" spans="35:39" x14ac:dyDescent="0.35">
      <c r="AI3962" s="84"/>
      <c r="AM3962" s="84"/>
    </row>
    <row r="3963" spans="35:39" x14ac:dyDescent="0.35">
      <c r="AI3963" s="84"/>
      <c r="AM3963" s="84"/>
    </row>
    <row r="3964" spans="35:39" x14ac:dyDescent="0.35">
      <c r="AI3964" s="84"/>
      <c r="AM3964" s="84"/>
    </row>
    <row r="3965" spans="35:39" x14ac:dyDescent="0.35">
      <c r="AI3965" s="84"/>
      <c r="AM3965" s="84"/>
    </row>
    <row r="3966" spans="35:39" x14ac:dyDescent="0.35">
      <c r="AI3966" s="84"/>
      <c r="AM3966" s="84"/>
    </row>
    <row r="3967" spans="35:39" x14ac:dyDescent="0.35">
      <c r="AI3967" s="84"/>
      <c r="AM3967" s="84"/>
    </row>
    <row r="3968" spans="35:39" x14ac:dyDescent="0.35">
      <c r="AI3968" s="84"/>
      <c r="AM3968" s="84"/>
    </row>
    <row r="3969" spans="35:39" x14ac:dyDescent="0.35">
      <c r="AI3969" s="84"/>
      <c r="AM3969" s="84"/>
    </row>
    <row r="3970" spans="35:39" x14ac:dyDescent="0.35">
      <c r="AI3970" s="84"/>
      <c r="AM3970" s="84"/>
    </row>
    <row r="3971" spans="35:39" x14ac:dyDescent="0.35">
      <c r="AI3971" s="84"/>
      <c r="AM3971" s="84"/>
    </row>
    <row r="3972" spans="35:39" x14ac:dyDescent="0.35">
      <c r="AI3972" s="84"/>
      <c r="AM3972" s="84"/>
    </row>
    <row r="3973" spans="35:39" x14ac:dyDescent="0.35">
      <c r="AI3973" s="84"/>
      <c r="AM3973" s="84"/>
    </row>
    <row r="3974" spans="35:39" x14ac:dyDescent="0.35">
      <c r="AI3974" s="84"/>
      <c r="AM3974" s="84"/>
    </row>
    <row r="3975" spans="35:39" x14ac:dyDescent="0.35">
      <c r="AI3975" s="84"/>
      <c r="AM3975" s="84"/>
    </row>
    <row r="3976" spans="35:39" x14ac:dyDescent="0.35">
      <c r="AI3976" s="84"/>
      <c r="AM3976" s="84"/>
    </row>
    <row r="3977" spans="35:39" x14ac:dyDescent="0.35">
      <c r="AI3977" s="84"/>
      <c r="AM3977" s="84"/>
    </row>
    <row r="3978" spans="35:39" x14ac:dyDescent="0.35">
      <c r="AI3978" s="84"/>
      <c r="AM3978" s="84"/>
    </row>
    <row r="3979" spans="35:39" x14ac:dyDescent="0.35">
      <c r="AI3979" s="84"/>
      <c r="AM3979" s="84"/>
    </row>
    <row r="3980" spans="35:39" x14ac:dyDescent="0.35">
      <c r="AI3980" s="84"/>
      <c r="AM3980" s="84"/>
    </row>
    <row r="3981" spans="35:39" x14ac:dyDescent="0.35">
      <c r="AI3981" s="84"/>
      <c r="AM3981" s="84"/>
    </row>
    <row r="3982" spans="35:39" x14ac:dyDescent="0.35">
      <c r="AI3982" s="84"/>
      <c r="AM3982" s="84"/>
    </row>
    <row r="3983" spans="35:39" x14ac:dyDescent="0.35">
      <c r="AI3983" s="84"/>
      <c r="AM3983" s="84"/>
    </row>
    <row r="3984" spans="35:39" x14ac:dyDescent="0.35">
      <c r="AI3984" s="84"/>
      <c r="AM3984" s="84"/>
    </row>
    <row r="3985" spans="35:39" x14ac:dyDescent="0.35">
      <c r="AI3985" s="84"/>
      <c r="AM3985" s="84"/>
    </row>
    <row r="3986" spans="35:39" x14ac:dyDescent="0.35">
      <c r="AI3986" s="84"/>
      <c r="AM3986" s="84"/>
    </row>
    <row r="3987" spans="35:39" x14ac:dyDescent="0.35">
      <c r="AI3987" s="84"/>
      <c r="AM3987" s="84"/>
    </row>
    <row r="3988" spans="35:39" x14ac:dyDescent="0.35">
      <c r="AI3988" s="84"/>
      <c r="AM3988" s="84"/>
    </row>
    <row r="3989" spans="35:39" x14ac:dyDescent="0.35">
      <c r="AI3989" s="84"/>
      <c r="AM3989" s="84"/>
    </row>
    <row r="3990" spans="35:39" x14ac:dyDescent="0.35">
      <c r="AI3990" s="84"/>
      <c r="AM3990" s="84"/>
    </row>
    <row r="3991" spans="35:39" x14ac:dyDescent="0.35">
      <c r="AI3991" s="84"/>
      <c r="AM3991" s="84"/>
    </row>
    <row r="3992" spans="35:39" x14ac:dyDescent="0.35">
      <c r="AI3992" s="84"/>
      <c r="AM3992" s="84"/>
    </row>
    <row r="3993" spans="35:39" x14ac:dyDescent="0.35">
      <c r="AI3993" s="84"/>
      <c r="AM3993" s="84"/>
    </row>
    <row r="3994" spans="35:39" x14ac:dyDescent="0.35">
      <c r="AI3994" s="84"/>
      <c r="AM3994" s="84"/>
    </row>
    <row r="3995" spans="35:39" x14ac:dyDescent="0.35">
      <c r="AI3995" s="84"/>
      <c r="AM3995" s="84"/>
    </row>
    <row r="3996" spans="35:39" x14ac:dyDescent="0.35">
      <c r="AI3996" s="84"/>
      <c r="AM3996" s="84"/>
    </row>
    <row r="3997" spans="35:39" x14ac:dyDescent="0.35">
      <c r="AI3997" s="84"/>
      <c r="AM3997" s="84"/>
    </row>
    <row r="3998" spans="35:39" x14ac:dyDescent="0.35">
      <c r="AI3998" s="84"/>
      <c r="AM3998" s="84"/>
    </row>
    <row r="3999" spans="35:39" x14ac:dyDescent="0.35">
      <c r="AI3999" s="84"/>
      <c r="AM3999" s="84"/>
    </row>
    <row r="4000" spans="35:39" x14ac:dyDescent="0.35">
      <c r="AI4000" s="84"/>
      <c r="AM4000" s="84"/>
    </row>
    <row r="4001" spans="35:39" x14ac:dyDescent="0.35">
      <c r="AI4001" s="84"/>
      <c r="AM4001" s="84"/>
    </row>
    <row r="4002" spans="35:39" x14ac:dyDescent="0.35">
      <c r="AI4002" s="84"/>
      <c r="AM4002" s="84"/>
    </row>
    <row r="4003" spans="35:39" x14ac:dyDescent="0.35">
      <c r="AI4003" s="84"/>
      <c r="AM4003" s="84"/>
    </row>
    <row r="4004" spans="35:39" x14ac:dyDescent="0.35">
      <c r="AI4004" s="84"/>
      <c r="AM4004" s="84"/>
    </row>
    <row r="4005" spans="35:39" x14ac:dyDescent="0.35">
      <c r="AI4005" s="84"/>
      <c r="AM4005" s="84"/>
    </row>
    <row r="4006" spans="35:39" x14ac:dyDescent="0.35">
      <c r="AI4006" s="84"/>
      <c r="AM4006" s="84"/>
    </row>
    <row r="4007" spans="35:39" x14ac:dyDescent="0.35">
      <c r="AI4007" s="84"/>
      <c r="AM4007" s="84"/>
    </row>
    <row r="4008" spans="35:39" x14ac:dyDescent="0.35">
      <c r="AI4008" s="84"/>
      <c r="AM4008" s="84"/>
    </row>
    <row r="4009" spans="35:39" x14ac:dyDescent="0.35">
      <c r="AI4009" s="84"/>
      <c r="AM4009" s="84"/>
    </row>
    <row r="4010" spans="35:39" x14ac:dyDescent="0.35">
      <c r="AI4010" s="84"/>
      <c r="AM4010" s="84"/>
    </row>
    <row r="4011" spans="35:39" x14ac:dyDescent="0.35">
      <c r="AI4011" s="84"/>
      <c r="AM4011" s="84"/>
    </row>
    <row r="4012" spans="35:39" x14ac:dyDescent="0.35">
      <c r="AI4012" s="84"/>
      <c r="AM4012" s="84"/>
    </row>
    <row r="4013" spans="35:39" x14ac:dyDescent="0.35">
      <c r="AI4013" s="84"/>
      <c r="AM4013" s="84"/>
    </row>
    <row r="4014" spans="35:39" x14ac:dyDescent="0.35">
      <c r="AI4014" s="84"/>
      <c r="AM4014" s="84"/>
    </row>
    <row r="4015" spans="35:39" x14ac:dyDescent="0.35">
      <c r="AI4015" s="84"/>
      <c r="AM4015" s="84"/>
    </row>
    <row r="4016" spans="35:39" x14ac:dyDescent="0.35">
      <c r="AI4016" s="84"/>
      <c r="AM4016" s="84"/>
    </row>
    <row r="4017" spans="35:39" x14ac:dyDescent="0.35">
      <c r="AI4017" s="84"/>
      <c r="AM4017" s="84"/>
    </row>
    <row r="4018" spans="35:39" x14ac:dyDescent="0.35">
      <c r="AI4018" s="84"/>
      <c r="AM4018" s="84"/>
    </row>
    <row r="4019" spans="35:39" x14ac:dyDescent="0.35">
      <c r="AI4019" s="84"/>
      <c r="AM4019" s="84"/>
    </row>
    <row r="4020" spans="35:39" x14ac:dyDescent="0.35">
      <c r="AI4020" s="84"/>
      <c r="AM4020" s="84"/>
    </row>
    <row r="4021" spans="35:39" x14ac:dyDescent="0.35">
      <c r="AI4021" s="84"/>
      <c r="AM4021" s="84"/>
    </row>
    <row r="4022" spans="35:39" x14ac:dyDescent="0.35">
      <c r="AI4022" s="84"/>
      <c r="AM4022" s="84"/>
    </row>
    <row r="4023" spans="35:39" x14ac:dyDescent="0.35">
      <c r="AI4023" s="84"/>
      <c r="AM4023" s="84"/>
    </row>
    <row r="4024" spans="35:39" x14ac:dyDescent="0.35">
      <c r="AI4024" s="84"/>
      <c r="AM4024" s="84"/>
    </row>
    <row r="4025" spans="35:39" x14ac:dyDescent="0.35">
      <c r="AI4025" s="84"/>
      <c r="AM4025" s="84"/>
    </row>
    <row r="4026" spans="35:39" x14ac:dyDescent="0.35">
      <c r="AI4026" s="84"/>
      <c r="AM4026" s="84"/>
    </row>
    <row r="4027" spans="35:39" x14ac:dyDescent="0.35">
      <c r="AI4027" s="84"/>
      <c r="AM4027" s="84"/>
    </row>
    <row r="4028" spans="35:39" x14ac:dyDescent="0.35">
      <c r="AI4028" s="84"/>
      <c r="AM4028" s="84"/>
    </row>
    <row r="4029" spans="35:39" x14ac:dyDescent="0.35">
      <c r="AI4029" s="84"/>
      <c r="AM4029" s="84"/>
    </row>
    <row r="4030" spans="35:39" x14ac:dyDescent="0.35">
      <c r="AI4030" s="84"/>
      <c r="AM4030" s="84"/>
    </row>
    <row r="4031" spans="35:39" x14ac:dyDescent="0.35">
      <c r="AI4031" s="84"/>
      <c r="AM4031" s="84"/>
    </row>
    <row r="4032" spans="35:39" x14ac:dyDescent="0.35">
      <c r="AI4032" s="84"/>
      <c r="AM4032" s="84"/>
    </row>
    <row r="4033" spans="35:39" x14ac:dyDescent="0.35">
      <c r="AI4033" s="84"/>
      <c r="AM4033" s="84"/>
    </row>
    <row r="4034" spans="35:39" x14ac:dyDescent="0.35">
      <c r="AI4034" s="84"/>
      <c r="AM4034" s="84"/>
    </row>
    <row r="4035" spans="35:39" x14ac:dyDescent="0.35">
      <c r="AI4035" s="84"/>
      <c r="AM4035" s="84"/>
    </row>
    <row r="4036" spans="35:39" x14ac:dyDescent="0.35">
      <c r="AI4036" s="84"/>
      <c r="AM4036" s="84"/>
    </row>
    <row r="4037" spans="35:39" x14ac:dyDescent="0.35">
      <c r="AI4037" s="84"/>
      <c r="AM4037" s="84"/>
    </row>
    <row r="4038" spans="35:39" x14ac:dyDescent="0.35">
      <c r="AI4038" s="84"/>
      <c r="AM4038" s="84"/>
    </row>
    <row r="4039" spans="35:39" x14ac:dyDescent="0.35">
      <c r="AI4039" s="84"/>
      <c r="AM4039" s="84"/>
    </row>
    <row r="4040" spans="35:39" x14ac:dyDescent="0.35">
      <c r="AI4040" s="84"/>
      <c r="AM4040" s="84"/>
    </row>
    <row r="4041" spans="35:39" x14ac:dyDescent="0.35">
      <c r="AI4041" s="84"/>
      <c r="AM4041" s="84"/>
    </row>
    <row r="4042" spans="35:39" x14ac:dyDescent="0.35">
      <c r="AI4042" s="84"/>
      <c r="AM4042" s="84"/>
    </row>
    <row r="4043" spans="35:39" x14ac:dyDescent="0.35">
      <c r="AI4043" s="84"/>
      <c r="AM4043" s="84"/>
    </row>
    <row r="4044" spans="35:39" x14ac:dyDescent="0.35">
      <c r="AI4044" s="84"/>
      <c r="AM4044" s="84"/>
    </row>
    <row r="4045" spans="35:39" x14ac:dyDescent="0.35">
      <c r="AI4045" s="84"/>
      <c r="AM4045" s="84"/>
    </row>
    <row r="4046" spans="35:39" x14ac:dyDescent="0.35">
      <c r="AI4046" s="84"/>
      <c r="AM4046" s="84"/>
    </row>
    <row r="4047" spans="35:39" x14ac:dyDescent="0.35">
      <c r="AI4047" s="84"/>
      <c r="AM4047" s="84"/>
    </row>
    <row r="4048" spans="35:39" x14ac:dyDescent="0.35">
      <c r="AI4048" s="84"/>
      <c r="AM4048" s="84"/>
    </row>
    <row r="4049" spans="35:39" x14ac:dyDescent="0.35">
      <c r="AI4049" s="84"/>
      <c r="AM4049" s="84"/>
    </row>
    <row r="4050" spans="35:39" x14ac:dyDescent="0.35">
      <c r="AI4050" s="84"/>
      <c r="AM4050" s="84"/>
    </row>
    <row r="4051" spans="35:39" x14ac:dyDescent="0.35">
      <c r="AI4051" s="84"/>
      <c r="AM4051" s="84"/>
    </row>
    <row r="4052" spans="35:39" x14ac:dyDescent="0.35">
      <c r="AI4052" s="84"/>
      <c r="AM4052" s="84"/>
    </row>
    <row r="4053" spans="35:39" x14ac:dyDescent="0.35">
      <c r="AI4053" s="84"/>
      <c r="AM4053" s="84"/>
    </row>
    <row r="4054" spans="35:39" x14ac:dyDescent="0.35">
      <c r="AI4054" s="84"/>
      <c r="AM4054" s="84"/>
    </row>
    <row r="4055" spans="35:39" x14ac:dyDescent="0.35">
      <c r="AI4055" s="84"/>
      <c r="AM4055" s="84"/>
    </row>
    <row r="4056" spans="35:39" x14ac:dyDescent="0.35">
      <c r="AI4056" s="84"/>
      <c r="AM4056" s="84"/>
    </row>
    <row r="4057" spans="35:39" x14ac:dyDescent="0.35">
      <c r="AI4057" s="84"/>
      <c r="AM4057" s="84"/>
    </row>
    <row r="4058" spans="35:39" x14ac:dyDescent="0.35">
      <c r="AI4058" s="84"/>
      <c r="AM4058" s="84"/>
    </row>
    <row r="4059" spans="35:39" x14ac:dyDescent="0.35">
      <c r="AI4059" s="84"/>
      <c r="AM4059" s="84"/>
    </row>
    <row r="4060" spans="35:39" x14ac:dyDescent="0.35">
      <c r="AI4060" s="84"/>
      <c r="AM4060" s="84"/>
    </row>
    <row r="4061" spans="35:39" x14ac:dyDescent="0.35">
      <c r="AI4061" s="84"/>
      <c r="AM4061" s="84"/>
    </row>
    <row r="4062" spans="35:39" x14ac:dyDescent="0.35">
      <c r="AI4062" s="84"/>
      <c r="AM4062" s="84"/>
    </row>
    <row r="4063" spans="35:39" x14ac:dyDescent="0.35">
      <c r="AI4063" s="84"/>
      <c r="AM4063" s="84"/>
    </row>
    <row r="4064" spans="35:39" x14ac:dyDescent="0.35">
      <c r="AI4064" s="84"/>
      <c r="AM4064" s="84"/>
    </row>
    <row r="4065" spans="35:39" x14ac:dyDescent="0.35">
      <c r="AI4065" s="84"/>
      <c r="AM4065" s="84"/>
    </row>
    <row r="4066" spans="35:39" x14ac:dyDescent="0.35">
      <c r="AI4066" s="84"/>
      <c r="AM4066" s="84"/>
    </row>
    <row r="4067" spans="35:39" x14ac:dyDescent="0.35">
      <c r="AI4067" s="84"/>
      <c r="AM4067" s="84"/>
    </row>
    <row r="4068" spans="35:39" x14ac:dyDescent="0.35">
      <c r="AI4068" s="84"/>
      <c r="AM4068" s="84"/>
    </row>
    <row r="4069" spans="35:39" x14ac:dyDescent="0.35">
      <c r="AI4069" s="84"/>
      <c r="AM4069" s="84"/>
    </row>
    <row r="4070" spans="35:39" x14ac:dyDescent="0.35">
      <c r="AI4070" s="84"/>
      <c r="AM4070" s="84"/>
    </row>
    <row r="4071" spans="35:39" x14ac:dyDescent="0.35">
      <c r="AI4071" s="84"/>
      <c r="AM4071" s="84"/>
    </row>
    <row r="4072" spans="35:39" x14ac:dyDescent="0.35">
      <c r="AI4072" s="84"/>
      <c r="AM4072" s="84"/>
    </row>
    <row r="4073" spans="35:39" x14ac:dyDescent="0.35">
      <c r="AI4073" s="84"/>
      <c r="AM4073" s="84"/>
    </row>
    <row r="4074" spans="35:39" x14ac:dyDescent="0.35">
      <c r="AI4074" s="84"/>
      <c r="AM4074" s="84"/>
    </row>
    <row r="4075" spans="35:39" x14ac:dyDescent="0.35">
      <c r="AI4075" s="84"/>
      <c r="AM4075" s="84"/>
    </row>
    <row r="4076" spans="35:39" x14ac:dyDescent="0.35">
      <c r="AI4076" s="84"/>
      <c r="AM4076" s="84"/>
    </row>
    <row r="4077" spans="35:39" x14ac:dyDescent="0.35">
      <c r="AI4077" s="84"/>
      <c r="AM4077" s="84"/>
    </row>
    <row r="4078" spans="35:39" x14ac:dyDescent="0.35">
      <c r="AI4078" s="84"/>
      <c r="AM4078" s="84"/>
    </row>
    <row r="4079" spans="35:39" x14ac:dyDescent="0.35">
      <c r="AI4079" s="84"/>
      <c r="AM4079" s="84"/>
    </row>
    <row r="4080" spans="35:39" x14ac:dyDescent="0.35">
      <c r="AI4080" s="84"/>
      <c r="AM4080" s="84"/>
    </row>
    <row r="4081" spans="35:39" x14ac:dyDescent="0.35">
      <c r="AI4081" s="84"/>
      <c r="AM4081" s="84"/>
    </row>
    <row r="4082" spans="35:39" x14ac:dyDescent="0.35">
      <c r="AI4082" s="84"/>
      <c r="AM4082" s="84"/>
    </row>
    <row r="4083" spans="35:39" x14ac:dyDescent="0.35">
      <c r="AI4083" s="84"/>
      <c r="AM4083" s="84"/>
    </row>
    <row r="4084" spans="35:39" x14ac:dyDescent="0.35">
      <c r="AI4084" s="84"/>
      <c r="AM4084" s="84"/>
    </row>
    <row r="4085" spans="35:39" x14ac:dyDescent="0.35">
      <c r="AI4085" s="84"/>
      <c r="AM4085" s="84"/>
    </row>
    <row r="4086" spans="35:39" x14ac:dyDescent="0.35">
      <c r="AI4086" s="84"/>
      <c r="AM4086" s="84"/>
    </row>
    <row r="4087" spans="35:39" x14ac:dyDescent="0.35">
      <c r="AI4087" s="84"/>
      <c r="AM4087" s="84"/>
    </row>
    <row r="4088" spans="35:39" x14ac:dyDescent="0.35">
      <c r="AI4088" s="84"/>
      <c r="AM4088" s="84"/>
    </row>
    <row r="4089" spans="35:39" x14ac:dyDescent="0.35">
      <c r="AI4089" s="84"/>
      <c r="AM4089" s="84"/>
    </row>
    <row r="4090" spans="35:39" x14ac:dyDescent="0.35">
      <c r="AI4090" s="84"/>
      <c r="AM4090" s="84"/>
    </row>
    <row r="4091" spans="35:39" x14ac:dyDescent="0.35">
      <c r="AI4091" s="84"/>
      <c r="AM4091" s="84"/>
    </row>
    <row r="4092" spans="35:39" x14ac:dyDescent="0.35">
      <c r="AI4092" s="84"/>
      <c r="AM4092" s="84"/>
    </row>
    <row r="4093" spans="35:39" x14ac:dyDescent="0.35">
      <c r="AI4093" s="84"/>
      <c r="AM4093" s="84"/>
    </row>
    <row r="4094" spans="35:39" x14ac:dyDescent="0.35">
      <c r="AI4094" s="84"/>
      <c r="AM4094" s="84"/>
    </row>
    <row r="4095" spans="35:39" x14ac:dyDescent="0.35">
      <c r="AI4095" s="84"/>
      <c r="AM4095" s="84"/>
    </row>
    <row r="4096" spans="35:39" x14ac:dyDescent="0.35">
      <c r="AI4096" s="84"/>
      <c r="AM4096" s="84"/>
    </row>
    <row r="4097" spans="35:39" x14ac:dyDescent="0.35">
      <c r="AI4097" s="84"/>
      <c r="AM4097" s="84"/>
    </row>
    <row r="4098" spans="35:39" x14ac:dyDescent="0.35">
      <c r="AI4098" s="84"/>
      <c r="AM4098" s="84"/>
    </row>
    <row r="4099" spans="35:39" x14ac:dyDescent="0.35">
      <c r="AI4099" s="84"/>
      <c r="AM4099" s="84"/>
    </row>
    <row r="4100" spans="35:39" x14ac:dyDescent="0.35">
      <c r="AI4100" s="84"/>
      <c r="AM4100" s="84"/>
    </row>
    <row r="4101" spans="35:39" x14ac:dyDescent="0.35">
      <c r="AI4101" s="84"/>
      <c r="AM4101" s="84"/>
    </row>
    <row r="4102" spans="35:39" x14ac:dyDescent="0.35">
      <c r="AI4102" s="84"/>
      <c r="AM4102" s="84"/>
    </row>
    <row r="4103" spans="35:39" x14ac:dyDescent="0.35">
      <c r="AI4103" s="84"/>
      <c r="AM4103" s="84"/>
    </row>
    <row r="4104" spans="35:39" x14ac:dyDescent="0.35">
      <c r="AI4104" s="84"/>
      <c r="AM4104" s="84"/>
    </row>
    <row r="4105" spans="35:39" x14ac:dyDescent="0.35">
      <c r="AI4105" s="84"/>
      <c r="AM4105" s="84"/>
    </row>
    <row r="4106" spans="35:39" x14ac:dyDescent="0.35">
      <c r="AI4106" s="84"/>
      <c r="AM4106" s="84"/>
    </row>
    <row r="4107" spans="35:39" x14ac:dyDescent="0.35">
      <c r="AI4107" s="84"/>
      <c r="AM4107" s="84"/>
    </row>
    <row r="4108" spans="35:39" x14ac:dyDescent="0.35">
      <c r="AI4108" s="84"/>
      <c r="AM4108" s="84"/>
    </row>
    <row r="4109" spans="35:39" x14ac:dyDescent="0.35">
      <c r="AI4109" s="84"/>
      <c r="AM4109" s="84"/>
    </row>
    <row r="4110" spans="35:39" x14ac:dyDescent="0.35">
      <c r="AI4110" s="84"/>
      <c r="AM4110" s="84"/>
    </row>
    <row r="4111" spans="35:39" x14ac:dyDescent="0.35">
      <c r="AI4111" s="84"/>
      <c r="AM4111" s="84"/>
    </row>
    <row r="4112" spans="35:39" x14ac:dyDescent="0.35">
      <c r="AI4112" s="84"/>
      <c r="AM4112" s="84"/>
    </row>
    <row r="4113" spans="35:39" x14ac:dyDescent="0.35">
      <c r="AI4113" s="84"/>
      <c r="AM4113" s="84"/>
    </row>
    <row r="4114" spans="35:39" x14ac:dyDescent="0.35">
      <c r="AI4114" s="84"/>
      <c r="AM4114" s="84"/>
    </row>
    <row r="4115" spans="35:39" x14ac:dyDescent="0.35">
      <c r="AI4115" s="84"/>
      <c r="AM4115" s="84"/>
    </row>
    <row r="4116" spans="35:39" x14ac:dyDescent="0.35">
      <c r="AI4116" s="84"/>
      <c r="AM4116" s="84"/>
    </row>
    <row r="4117" spans="35:39" x14ac:dyDescent="0.35">
      <c r="AI4117" s="84"/>
      <c r="AM4117" s="84"/>
    </row>
    <row r="4118" spans="35:39" x14ac:dyDescent="0.35">
      <c r="AI4118" s="84"/>
      <c r="AM4118" s="84"/>
    </row>
    <row r="4119" spans="35:39" x14ac:dyDescent="0.35">
      <c r="AI4119" s="84"/>
      <c r="AM4119" s="84"/>
    </row>
    <row r="4120" spans="35:39" x14ac:dyDescent="0.35">
      <c r="AI4120" s="84"/>
      <c r="AM4120" s="84"/>
    </row>
    <row r="4121" spans="35:39" x14ac:dyDescent="0.35">
      <c r="AI4121" s="84"/>
      <c r="AM4121" s="84"/>
    </row>
    <row r="4122" spans="35:39" x14ac:dyDescent="0.35">
      <c r="AI4122" s="84"/>
      <c r="AM4122" s="84"/>
    </row>
    <row r="4123" spans="35:39" x14ac:dyDescent="0.35">
      <c r="AI4123" s="84"/>
      <c r="AM4123" s="84"/>
    </row>
    <row r="4124" spans="35:39" x14ac:dyDescent="0.35">
      <c r="AI4124" s="84"/>
      <c r="AM4124" s="84"/>
    </row>
    <row r="4125" spans="35:39" x14ac:dyDescent="0.35">
      <c r="AI4125" s="84"/>
      <c r="AM4125" s="84"/>
    </row>
    <row r="4126" spans="35:39" x14ac:dyDescent="0.35">
      <c r="AI4126" s="84"/>
      <c r="AM4126" s="84"/>
    </row>
    <row r="4127" spans="35:39" x14ac:dyDescent="0.35">
      <c r="AI4127" s="84"/>
      <c r="AM4127" s="84"/>
    </row>
    <row r="4128" spans="35:39" x14ac:dyDescent="0.35">
      <c r="AI4128" s="84"/>
      <c r="AM4128" s="84"/>
    </row>
    <row r="4129" spans="35:39" x14ac:dyDescent="0.35">
      <c r="AI4129" s="84"/>
      <c r="AM4129" s="84"/>
    </row>
    <row r="4130" spans="35:39" x14ac:dyDescent="0.35">
      <c r="AI4130" s="84"/>
      <c r="AM4130" s="84"/>
    </row>
    <row r="4131" spans="35:39" x14ac:dyDescent="0.35">
      <c r="AI4131" s="84"/>
      <c r="AM4131" s="84"/>
    </row>
    <row r="4132" spans="35:39" x14ac:dyDescent="0.35">
      <c r="AI4132" s="84"/>
      <c r="AM4132" s="84"/>
    </row>
    <row r="4133" spans="35:39" x14ac:dyDescent="0.35">
      <c r="AI4133" s="84"/>
      <c r="AM4133" s="84"/>
    </row>
    <row r="4134" spans="35:39" x14ac:dyDescent="0.35">
      <c r="AI4134" s="84"/>
      <c r="AM4134" s="84"/>
    </row>
    <row r="4135" spans="35:39" x14ac:dyDescent="0.35">
      <c r="AI4135" s="84"/>
      <c r="AM4135" s="84"/>
    </row>
    <row r="4136" spans="35:39" x14ac:dyDescent="0.35">
      <c r="AI4136" s="84"/>
      <c r="AM4136" s="84"/>
    </row>
    <row r="4137" spans="35:39" x14ac:dyDescent="0.35">
      <c r="AI4137" s="84"/>
      <c r="AM4137" s="84"/>
    </row>
    <row r="4138" spans="35:39" x14ac:dyDescent="0.35">
      <c r="AI4138" s="84"/>
      <c r="AM4138" s="84"/>
    </row>
    <row r="4139" spans="35:39" x14ac:dyDescent="0.35">
      <c r="AI4139" s="84"/>
      <c r="AM4139" s="84"/>
    </row>
    <row r="4140" spans="35:39" x14ac:dyDescent="0.35">
      <c r="AI4140" s="84"/>
      <c r="AM4140" s="84"/>
    </row>
    <row r="4141" spans="35:39" x14ac:dyDescent="0.35">
      <c r="AI4141" s="84"/>
      <c r="AM4141" s="84"/>
    </row>
    <row r="4142" spans="35:39" x14ac:dyDescent="0.35">
      <c r="AI4142" s="84"/>
      <c r="AM4142" s="84"/>
    </row>
    <row r="4143" spans="35:39" x14ac:dyDescent="0.35">
      <c r="AI4143" s="84"/>
      <c r="AM4143" s="84"/>
    </row>
    <row r="4144" spans="35:39" x14ac:dyDescent="0.35">
      <c r="AI4144" s="84"/>
      <c r="AM4144" s="84"/>
    </row>
    <row r="4145" spans="35:39" x14ac:dyDescent="0.35">
      <c r="AI4145" s="84"/>
      <c r="AM4145" s="84"/>
    </row>
    <row r="4146" spans="35:39" x14ac:dyDescent="0.35">
      <c r="AI4146" s="84"/>
      <c r="AM4146" s="84"/>
    </row>
    <row r="4147" spans="35:39" x14ac:dyDescent="0.35">
      <c r="AI4147" s="84"/>
      <c r="AM4147" s="84"/>
    </row>
    <row r="4148" spans="35:39" x14ac:dyDescent="0.35">
      <c r="AI4148" s="84"/>
      <c r="AM4148" s="84"/>
    </row>
    <row r="4149" spans="35:39" x14ac:dyDescent="0.35">
      <c r="AI4149" s="84"/>
      <c r="AM4149" s="84"/>
    </row>
    <row r="4150" spans="35:39" x14ac:dyDescent="0.35">
      <c r="AI4150" s="84"/>
      <c r="AM4150" s="84"/>
    </row>
    <row r="4151" spans="35:39" x14ac:dyDescent="0.35">
      <c r="AI4151" s="84"/>
      <c r="AM4151" s="84"/>
    </row>
    <row r="4152" spans="35:39" x14ac:dyDescent="0.35">
      <c r="AI4152" s="84"/>
      <c r="AM4152" s="84"/>
    </row>
    <row r="4153" spans="35:39" x14ac:dyDescent="0.35">
      <c r="AI4153" s="84"/>
      <c r="AM4153" s="84"/>
    </row>
    <row r="4154" spans="35:39" x14ac:dyDescent="0.35">
      <c r="AI4154" s="84"/>
      <c r="AM4154" s="84"/>
    </row>
    <row r="4155" spans="35:39" x14ac:dyDescent="0.35">
      <c r="AI4155" s="84"/>
      <c r="AM4155" s="84"/>
    </row>
    <row r="4156" spans="35:39" x14ac:dyDescent="0.35">
      <c r="AI4156" s="84"/>
      <c r="AM4156" s="84"/>
    </row>
    <row r="4157" spans="35:39" x14ac:dyDescent="0.35">
      <c r="AI4157" s="84"/>
      <c r="AM4157" s="84"/>
    </row>
    <row r="4158" spans="35:39" x14ac:dyDescent="0.35">
      <c r="AI4158" s="84"/>
      <c r="AM4158" s="84"/>
    </row>
    <row r="4159" spans="35:39" x14ac:dyDescent="0.35">
      <c r="AI4159" s="84"/>
      <c r="AM4159" s="84"/>
    </row>
    <row r="4160" spans="35:39" x14ac:dyDescent="0.35">
      <c r="AI4160" s="84"/>
      <c r="AM4160" s="84"/>
    </row>
    <row r="4161" spans="35:39" x14ac:dyDescent="0.35">
      <c r="AI4161" s="84"/>
      <c r="AM4161" s="84"/>
    </row>
    <row r="4162" spans="35:39" x14ac:dyDescent="0.35">
      <c r="AI4162" s="84"/>
      <c r="AM4162" s="84"/>
    </row>
    <row r="4163" spans="35:39" x14ac:dyDescent="0.35">
      <c r="AI4163" s="84"/>
      <c r="AM4163" s="84"/>
    </row>
    <row r="4164" spans="35:39" x14ac:dyDescent="0.35">
      <c r="AI4164" s="84"/>
      <c r="AM4164" s="84"/>
    </row>
    <row r="4165" spans="35:39" x14ac:dyDescent="0.35">
      <c r="AI4165" s="84"/>
      <c r="AM4165" s="84"/>
    </row>
    <row r="4166" spans="35:39" x14ac:dyDescent="0.35">
      <c r="AI4166" s="84"/>
      <c r="AM4166" s="84"/>
    </row>
    <row r="4167" spans="35:39" x14ac:dyDescent="0.35">
      <c r="AI4167" s="84"/>
      <c r="AM4167" s="84"/>
    </row>
    <row r="4168" spans="35:39" x14ac:dyDescent="0.35">
      <c r="AI4168" s="84"/>
      <c r="AM4168" s="84"/>
    </row>
    <row r="4169" spans="35:39" x14ac:dyDescent="0.35">
      <c r="AI4169" s="84"/>
      <c r="AM4169" s="84"/>
    </row>
    <row r="4170" spans="35:39" x14ac:dyDescent="0.35">
      <c r="AI4170" s="84"/>
      <c r="AM4170" s="84"/>
    </row>
    <row r="4171" spans="35:39" x14ac:dyDescent="0.35">
      <c r="AI4171" s="84"/>
      <c r="AM4171" s="84"/>
    </row>
    <row r="4172" spans="35:39" x14ac:dyDescent="0.35">
      <c r="AI4172" s="84"/>
      <c r="AM4172" s="84"/>
    </row>
    <row r="4173" spans="35:39" x14ac:dyDescent="0.35">
      <c r="AI4173" s="84"/>
      <c r="AM4173" s="84"/>
    </row>
    <row r="4174" spans="35:39" x14ac:dyDescent="0.35">
      <c r="AI4174" s="84"/>
      <c r="AM4174" s="84"/>
    </row>
    <row r="4175" spans="35:39" x14ac:dyDescent="0.35">
      <c r="AI4175" s="84"/>
      <c r="AM4175" s="84"/>
    </row>
    <row r="4176" spans="35:39" x14ac:dyDescent="0.35">
      <c r="AI4176" s="84"/>
      <c r="AM4176" s="84"/>
    </row>
    <row r="4177" spans="35:39" x14ac:dyDescent="0.35">
      <c r="AI4177" s="84"/>
      <c r="AM4177" s="84"/>
    </row>
    <row r="4178" spans="35:39" x14ac:dyDescent="0.35">
      <c r="AI4178" s="84"/>
      <c r="AM4178" s="84"/>
    </row>
    <row r="4179" spans="35:39" x14ac:dyDescent="0.35">
      <c r="AI4179" s="84"/>
      <c r="AM4179" s="84"/>
    </row>
    <row r="4180" spans="35:39" x14ac:dyDescent="0.35">
      <c r="AI4180" s="84"/>
      <c r="AM4180" s="84"/>
    </row>
    <row r="4181" spans="35:39" x14ac:dyDescent="0.35">
      <c r="AI4181" s="84"/>
      <c r="AM4181" s="84"/>
    </row>
    <row r="4182" spans="35:39" x14ac:dyDescent="0.35">
      <c r="AI4182" s="84"/>
      <c r="AM4182" s="84"/>
    </row>
    <row r="4183" spans="35:39" x14ac:dyDescent="0.35">
      <c r="AI4183" s="84"/>
      <c r="AM4183" s="84"/>
    </row>
    <row r="4184" spans="35:39" x14ac:dyDescent="0.35">
      <c r="AI4184" s="84"/>
      <c r="AM4184" s="84"/>
    </row>
    <row r="4185" spans="35:39" x14ac:dyDescent="0.35">
      <c r="AI4185" s="84"/>
      <c r="AM4185" s="84"/>
    </row>
    <row r="4186" spans="35:39" x14ac:dyDescent="0.35">
      <c r="AI4186" s="84"/>
      <c r="AM4186" s="84"/>
    </row>
    <row r="4187" spans="35:39" x14ac:dyDescent="0.35">
      <c r="AI4187" s="84"/>
      <c r="AM4187" s="84"/>
    </row>
    <row r="4188" spans="35:39" x14ac:dyDescent="0.35">
      <c r="AI4188" s="84"/>
      <c r="AM4188" s="84"/>
    </row>
    <row r="4189" spans="35:39" x14ac:dyDescent="0.35">
      <c r="AI4189" s="84"/>
      <c r="AM4189" s="84"/>
    </row>
    <row r="4190" spans="35:39" x14ac:dyDescent="0.35">
      <c r="AI4190" s="84"/>
      <c r="AM4190" s="84"/>
    </row>
    <row r="4191" spans="35:39" x14ac:dyDescent="0.35">
      <c r="AI4191" s="84"/>
      <c r="AM4191" s="84"/>
    </row>
    <row r="4192" spans="35:39" x14ac:dyDescent="0.35">
      <c r="AI4192" s="84"/>
      <c r="AM4192" s="84"/>
    </row>
    <row r="4193" spans="35:39" x14ac:dyDescent="0.35">
      <c r="AI4193" s="84"/>
      <c r="AM4193" s="84"/>
    </row>
    <row r="4194" spans="35:39" x14ac:dyDescent="0.35">
      <c r="AI4194" s="84"/>
      <c r="AM4194" s="84"/>
    </row>
    <row r="4195" spans="35:39" x14ac:dyDescent="0.35">
      <c r="AI4195" s="84"/>
      <c r="AM4195" s="84"/>
    </row>
    <row r="4196" spans="35:39" x14ac:dyDescent="0.35">
      <c r="AI4196" s="84"/>
      <c r="AM4196" s="84"/>
    </row>
    <row r="4197" spans="35:39" x14ac:dyDescent="0.35">
      <c r="AI4197" s="84"/>
      <c r="AM4197" s="84"/>
    </row>
    <row r="4198" spans="35:39" x14ac:dyDescent="0.35">
      <c r="AI4198" s="84"/>
      <c r="AM4198" s="84"/>
    </row>
    <row r="4199" spans="35:39" x14ac:dyDescent="0.35">
      <c r="AI4199" s="84"/>
      <c r="AM4199" s="84"/>
    </row>
    <row r="4200" spans="35:39" x14ac:dyDescent="0.35">
      <c r="AI4200" s="84"/>
      <c r="AM4200" s="84"/>
    </row>
    <row r="4201" spans="35:39" x14ac:dyDescent="0.35">
      <c r="AI4201" s="84"/>
      <c r="AM4201" s="84"/>
    </row>
    <row r="4202" spans="35:39" x14ac:dyDescent="0.35">
      <c r="AI4202" s="84"/>
      <c r="AM4202" s="84"/>
    </row>
    <row r="4203" spans="35:39" x14ac:dyDescent="0.35">
      <c r="AI4203" s="84"/>
      <c r="AM4203" s="84"/>
    </row>
    <row r="4204" spans="35:39" x14ac:dyDescent="0.35">
      <c r="AI4204" s="84"/>
      <c r="AM4204" s="84"/>
    </row>
    <row r="4205" spans="35:39" x14ac:dyDescent="0.35">
      <c r="AI4205" s="84"/>
      <c r="AM4205" s="84"/>
    </row>
    <row r="4206" spans="35:39" x14ac:dyDescent="0.35">
      <c r="AI4206" s="84"/>
      <c r="AM4206" s="84"/>
    </row>
    <row r="4207" spans="35:39" x14ac:dyDescent="0.35">
      <c r="AI4207" s="84"/>
      <c r="AM4207" s="84"/>
    </row>
    <row r="4208" spans="35:39" x14ac:dyDescent="0.35">
      <c r="AI4208" s="84"/>
      <c r="AM4208" s="84"/>
    </row>
    <row r="4209" spans="35:39" x14ac:dyDescent="0.35">
      <c r="AI4209" s="84"/>
      <c r="AM4209" s="84"/>
    </row>
    <row r="4210" spans="35:39" x14ac:dyDescent="0.35">
      <c r="AI4210" s="84"/>
      <c r="AM4210" s="84"/>
    </row>
    <row r="4211" spans="35:39" x14ac:dyDescent="0.35">
      <c r="AI4211" s="84"/>
      <c r="AM4211" s="84"/>
    </row>
    <row r="4212" spans="35:39" x14ac:dyDescent="0.35">
      <c r="AI4212" s="84"/>
      <c r="AM4212" s="84"/>
    </row>
    <row r="4213" spans="35:39" x14ac:dyDescent="0.35">
      <c r="AI4213" s="84"/>
      <c r="AM4213" s="84"/>
    </row>
    <row r="4214" spans="35:39" x14ac:dyDescent="0.35">
      <c r="AI4214" s="84"/>
      <c r="AM4214" s="84"/>
    </row>
    <row r="4215" spans="35:39" x14ac:dyDescent="0.35">
      <c r="AI4215" s="84"/>
      <c r="AM4215" s="84"/>
    </row>
    <row r="4216" spans="35:39" x14ac:dyDescent="0.35">
      <c r="AI4216" s="84"/>
      <c r="AM4216" s="84"/>
    </row>
    <row r="4217" spans="35:39" x14ac:dyDescent="0.35">
      <c r="AI4217" s="84"/>
      <c r="AM4217" s="84"/>
    </row>
    <row r="4218" spans="35:39" x14ac:dyDescent="0.35">
      <c r="AI4218" s="84"/>
      <c r="AM4218" s="84"/>
    </row>
    <row r="4219" spans="35:39" x14ac:dyDescent="0.35">
      <c r="AI4219" s="84"/>
      <c r="AM4219" s="84"/>
    </row>
    <row r="4220" spans="35:39" x14ac:dyDescent="0.35">
      <c r="AI4220" s="84"/>
      <c r="AM4220" s="84"/>
    </row>
    <row r="4221" spans="35:39" x14ac:dyDescent="0.35">
      <c r="AI4221" s="84"/>
      <c r="AM4221" s="84"/>
    </row>
    <row r="4222" spans="35:39" x14ac:dyDescent="0.35">
      <c r="AI4222" s="84"/>
      <c r="AM4222" s="84"/>
    </row>
    <row r="4223" spans="35:39" x14ac:dyDescent="0.35">
      <c r="AI4223" s="84"/>
      <c r="AM4223" s="84"/>
    </row>
    <row r="4224" spans="35:39" x14ac:dyDescent="0.35">
      <c r="AI4224" s="84"/>
      <c r="AM4224" s="84"/>
    </row>
    <row r="4225" spans="35:39" x14ac:dyDescent="0.35">
      <c r="AI4225" s="84"/>
      <c r="AM4225" s="84"/>
    </row>
    <row r="4226" spans="35:39" x14ac:dyDescent="0.35">
      <c r="AI4226" s="84"/>
      <c r="AM4226" s="84"/>
    </row>
    <row r="4227" spans="35:39" x14ac:dyDescent="0.35">
      <c r="AI4227" s="84"/>
      <c r="AM4227" s="84"/>
    </row>
    <row r="4228" spans="35:39" x14ac:dyDescent="0.35">
      <c r="AI4228" s="84"/>
      <c r="AM4228" s="84"/>
    </row>
    <row r="4229" spans="35:39" x14ac:dyDescent="0.35">
      <c r="AI4229" s="84"/>
      <c r="AM4229" s="84"/>
    </row>
    <row r="4230" spans="35:39" x14ac:dyDescent="0.35">
      <c r="AI4230" s="84"/>
      <c r="AM4230" s="84"/>
    </row>
    <row r="4231" spans="35:39" x14ac:dyDescent="0.35">
      <c r="AI4231" s="84"/>
      <c r="AM4231" s="84"/>
    </row>
    <row r="4232" spans="35:39" x14ac:dyDescent="0.35">
      <c r="AI4232" s="84"/>
      <c r="AM4232" s="84"/>
    </row>
    <row r="4233" spans="35:39" x14ac:dyDescent="0.35">
      <c r="AI4233" s="84"/>
      <c r="AM4233" s="84"/>
    </row>
    <row r="4234" spans="35:39" x14ac:dyDescent="0.35">
      <c r="AI4234" s="84"/>
      <c r="AM4234" s="84"/>
    </row>
    <row r="4235" spans="35:39" x14ac:dyDescent="0.35">
      <c r="AI4235" s="84"/>
      <c r="AM4235" s="84"/>
    </row>
    <row r="4236" spans="35:39" x14ac:dyDescent="0.35">
      <c r="AI4236" s="84"/>
      <c r="AM4236" s="84"/>
    </row>
    <row r="4237" spans="35:39" x14ac:dyDescent="0.35">
      <c r="AI4237" s="84"/>
      <c r="AM4237" s="84"/>
    </row>
    <row r="4238" spans="35:39" x14ac:dyDescent="0.35">
      <c r="AI4238" s="84"/>
      <c r="AM4238" s="84"/>
    </row>
    <row r="4239" spans="35:39" x14ac:dyDescent="0.35">
      <c r="AI4239" s="84"/>
      <c r="AM4239" s="84"/>
    </row>
    <row r="4240" spans="35:39" x14ac:dyDescent="0.35">
      <c r="AI4240" s="84"/>
      <c r="AM4240" s="84"/>
    </row>
    <row r="4241" spans="35:39" x14ac:dyDescent="0.35">
      <c r="AI4241" s="84"/>
      <c r="AM4241" s="84"/>
    </row>
    <row r="4242" spans="35:39" x14ac:dyDescent="0.35">
      <c r="AI4242" s="84"/>
      <c r="AM4242" s="84"/>
    </row>
    <row r="4243" spans="35:39" x14ac:dyDescent="0.35">
      <c r="AI4243" s="84"/>
      <c r="AM4243" s="84"/>
    </row>
    <row r="4244" spans="35:39" x14ac:dyDescent="0.35">
      <c r="AI4244" s="84"/>
      <c r="AM4244" s="84"/>
    </row>
    <row r="4245" spans="35:39" x14ac:dyDescent="0.35">
      <c r="AI4245" s="84"/>
      <c r="AM4245" s="84"/>
    </row>
    <row r="4246" spans="35:39" x14ac:dyDescent="0.35">
      <c r="AI4246" s="84"/>
      <c r="AM4246" s="84"/>
    </row>
    <row r="4247" spans="35:39" x14ac:dyDescent="0.35">
      <c r="AI4247" s="84"/>
      <c r="AM4247" s="84"/>
    </row>
    <row r="4248" spans="35:39" x14ac:dyDescent="0.35">
      <c r="AI4248" s="84"/>
      <c r="AM4248" s="84"/>
    </row>
    <row r="4249" spans="35:39" x14ac:dyDescent="0.35">
      <c r="AI4249" s="84"/>
      <c r="AM4249" s="84"/>
    </row>
    <row r="4250" spans="35:39" x14ac:dyDescent="0.35">
      <c r="AI4250" s="84"/>
      <c r="AM4250" s="84"/>
    </row>
    <row r="4251" spans="35:39" x14ac:dyDescent="0.35">
      <c r="AI4251" s="84"/>
      <c r="AM4251" s="84"/>
    </row>
    <row r="4252" spans="35:39" x14ac:dyDescent="0.35">
      <c r="AI4252" s="84"/>
      <c r="AM4252" s="84"/>
    </row>
    <row r="4253" spans="35:39" x14ac:dyDescent="0.35">
      <c r="AI4253" s="84"/>
      <c r="AM4253" s="84"/>
    </row>
    <row r="4254" spans="35:39" x14ac:dyDescent="0.35">
      <c r="AI4254" s="84"/>
      <c r="AM4254" s="84"/>
    </row>
    <row r="4255" spans="35:39" x14ac:dyDescent="0.35">
      <c r="AI4255" s="84"/>
      <c r="AM4255" s="84"/>
    </row>
    <row r="4256" spans="35:39" x14ac:dyDescent="0.35">
      <c r="AI4256" s="84"/>
      <c r="AM4256" s="84"/>
    </row>
    <row r="4257" spans="35:39" x14ac:dyDescent="0.35">
      <c r="AI4257" s="84"/>
      <c r="AM4257" s="84"/>
    </row>
    <row r="4258" spans="35:39" x14ac:dyDescent="0.35">
      <c r="AI4258" s="84"/>
      <c r="AM4258" s="84"/>
    </row>
    <row r="4259" spans="35:39" x14ac:dyDescent="0.35">
      <c r="AI4259" s="84"/>
      <c r="AM4259" s="84"/>
    </row>
    <row r="4260" spans="35:39" x14ac:dyDescent="0.35">
      <c r="AI4260" s="84"/>
      <c r="AM4260" s="84"/>
    </row>
    <row r="4261" spans="35:39" x14ac:dyDescent="0.35">
      <c r="AI4261" s="84"/>
      <c r="AM4261" s="84"/>
    </row>
    <row r="4262" spans="35:39" x14ac:dyDescent="0.35">
      <c r="AI4262" s="84"/>
      <c r="AM4262" s="84"/>
    </row>
    <row r="4263" spans="35:39" x14ac:dyDescent="0.35">
      <c r="AI4263" s="84"/>
      <c r="AM4263" s="84"/>
    </row>
    <row r="4264" spans="35:39" x14ac:dyDescent="0.35">
      <c r="AI4264" s="84"/>
      <c r="AM4264" s="84"/>
    </row>
    <row r="4265" spans="35:39" x14ac:dyDescent="0.35">
      <c r="AI4265" s="84"/>
      <c r="AM4265" s="84"/>
    </row>
    <row r="4266" spans="35:39" x14ac:dyDescent="0.35">
      <c r="AI4266" s="84"/>
      <c r="AM4266" s="84"/>
    </row>
    <row r="4267" spans="35:39" x14ac:dyDescent="0.35">
      <c r="AI4267" s="84"/>
      <c r="AM4267" s="84"/>
    </row>
    <row r="4268" spans="35:39" x14ac:dyDescent="0.35">
      <c r="AI4268" s="84"/>
      <c r="AM4268" s="84"/>
    </row>
    <row r="4269" spans="35:39" x14ac:dyDescent="0.35">
      <c r="AI4269" s="84"/>
      <c r="AM4269" s="84"/>
    </row>
    <row r="4270" spans="35:39" x14ac:dyDescent="0.35">
      <c r="AI4270" s="84"/>
      <c r="AM4270" s="84"/>
    </row>
    <row r="4271" spans="35:39" x14ac:dyDescent="0.35">
      <c r="AI4271" s="84"/>
      <c r="AM4271" s="84"/>
    </row>
    <row r="4272" spans="35:39" x14ac:dyDescent="0.35">
      <c r="AI4272" s="84"/>
      <c r="AM4272" s="84"/>
    </row>
    <row r="4273" spans="35:39" x14ac:dyDescent="0.35">
      <c r="AI4273" s="84"/>
      <c r="AM4273" s="84"/>
    </row>
    <row r="4274" spans="35:39" x14ac:dyDescent="0.35">
      <c r="AI4274" s="84"/>
      <c r="AM4274" s="84"/>
    </row>
    <row r="4275" spans="35:39" x14ac:dyDescent="0.35">
      <c r="AI4275" s="84"/>
      <c r="AM4275" s="84"/>
    </row>
    <row r="4276" spans="35:39" x14ac:dyDescent="0.35">
      <c r="AI4276" s="84"/>
      <c r="AM4276" s="84"/>
    </row>
    <row r="4277" spans="35:39" x14ac:dyDescent="0.35">
      <c r="AI4277" s="84"/>
      <c r="AM4277" s="84"/>
    </row>
    <row r="4278" spans="35:39" x14ac:dyDescent="0.35">
      <c r="AI4278" s="84"/>
      <c r="AM4278" s="84"/>
    </row>
    <row r="4279" spans="35:39" x14ac:dyDescent="0.35">
      <c r="AI4279" s="84"/>
      <c r="AM4279" s="84"/>
    </row>
    <row r="4280" spans="35:39" x14ac:dyDescent="0.35">
      <c r="AI4280" s="84"/>
      <c r="AM4280" s="84"/>
    </row>
    <row r="4281" spans="35:39" x14ac:dyDescent="0.35">
      <c r="AI4281" s="84"/>
      <c r="AM4281" s="84"/>
    </row>
    <row r="4282" spans="35:39" x14ac:dyDescent="0.35">
      <c r="AI4282" s="84"/>
      <c r="AM4282" s="84"/>
    </row>
    <row r="4283" spans="35:39" x14ac:dyDescent="0.35">
      <c r="AI4283" s="84"/>
      <c r="AM4283" s="84"/>
    </row>
    <row r="4284" spans="35:39" x14ac:dyDescent="0.35">
      <c r="AI4284" s="84"/>
      <c r="AM4284" s="84"/>
    </row>
    <row r="4285" spans="35:39" x14ac:dyDescent="0.35">
      <c r="AI4285" s="84"/>
      <c r="AM4285" s="84"/>
    </row>
    <row r="4286" spans="35:39" x14ac:dyDescent="0.35">
      <c r="AI4286" s="84"/>
      <c r="AM4286" s="84"/>
    </row>
    <row r="4287" spans="35:39" x14ac:dyDescent="0.35">
      <c r="AI4287" s="84"/>
      <c r="AM4287" s="84"/>
    </row>
    <row r="4288" spans="35:39" x14ac:dyDescent="0.35">
      <c r="AI4288" s="84"/>
      <c r="AM4288" s="84"/>
    </row>
    <row r="4289" spans="35:39" x14ac:dyDescent="0.35">
      <c r="AI4289" s="84"/>
      <c r="AM4289" s="84"/>
    </row>
    <row r="4290" spans="35:39" x14ac:dyDescent="0.35">
      <c r="AI4290" s="84"/>
      <c r="AM4290" s="84"/>
    </row>
    <row r="4291" spans="35:39" x14ac:dyDescent="0.35">
      <c r="AI4291" s="84"/>
      <c r="AM4291" s="84"/>
    </row>
    <row r="4292" spans="35:39" x14ac:dyDescent="0.35">
      <c r="AI4292" s="84"/>
      <c r="AM4292" s="84"/>
    </row>
    <row r="4293" spans="35:39" x14ac:dyDescent="0.35">
      <c r="AI4293" s="84"/>
      <c r="AM4293" s="84"/>
    </row>
    <row r="4294" spans="35:39" x14ac:dyDescent="0.35">
      <c r="AI4294" s="84"/>
      <c r="AM4294" s="84"/>
    </row>
    <row r="4295" spans="35:39" x14ac:dyDescent="0.35">
      <c r="AI4295" s="84"/>
      <c r="AM4295" s="84"/>
    </row>
    <row r="4296" spans="35:39" x14ac:dyDescent="0.35">
      <c r="AI4296" s="84"/>
      <c r="AM4296" s="84"/>
    </row>
    <row r="4297" spans="35:39" x14ac:dyDescent="0.35">
      <c r="AI4297" s="84"/>
      <c r="AM4297" s="84"/>
    </row>
    <row r="4298" spans="35:39" x14ac:dyDescent="0.35">
      <c r="AI4298" s="84"/>
      <c r="AM4298" s="84"/>
    </row>
    <row r="4299" spans="35:39" x14ac:dyDescent="0.35">
      <c r="AI4299" s="84"/>
      <c r="AM4299" s="84"/>
    </row>
    <row r="4300" spans="35:39" x14ac:dyDescent="0.35">
      <c r="AI4300" s="84"/>
      <c r="AM4300" s="84"/>
    </row>
    <row r="4301" spans="35:39" x14ac:dyDescent="0.35">
      <c r="AI4301" s="84"/>
      <c r="AM4301" s="84"/>
    </row>
    <row r="4302" spans="35:39" x14ac:dyDescent="0.35">
      <c r="AI4302" s="84"/>
      <c r="AM4302" s="84"/>
    </row>
    <row r="4303" spans="35:39" x14ac:dyDescent="0.35">
      <c r="AI4303" s="84"/>
      <c r="AM4303" s="84"/>
    </row>
    <row r="4304" spans="35:39" x14ac:dyDescent="0.35">
      <c r="AI4304" s="84"/>
      <c r="AM4304" s="84"/>
    </row>
    <row r="4305" spans="35:39" x14ac:dyDescent="0.35">
      <c r="AI4305" s="84"/>
      <c r="AM4305" s="84"/>
    </row>
    <row r="4306" spans="35:39" x14ac:dyDescent="0.35">
      <c r="AI4306" s="84"/>
      <c r="AM4306" s="84"/>
    </row>
    <row r="4307" spans="35:39" x14ac:dyDescent="0.35">
      <c r="AI4307" s="84"/>
      <c r="AM4307" s="84"/>
    </row>
    <row r="4308" spans="35:39" x14ac:dyDescent="0.35">
      <c r="AI4308" s="84"/>
      <c r="AM4308" s="84"/>
    </row>
    <row r="4309" spans="35:39" x14ac:dyDescent="0.35">
      <c r="AI4309" s="84"/>
      <c r="AM4309" s="84"/>
    </row>
    <row r="4310" spans="35:39" x14ac:dyDescent="0.35">
      <c r="AI4310" s="84"/>
      <c r="AM4310" s="84"/>
    </row>
    <row r="4311" spans="35:39" x14ac:dyDescent="0.35">
      <c r="AI4311" s="84"/>
      <c r="AM4311" s="84"/>
    </row>
    <row r="4312" spans="35:39" x14ac:dyDescent="0.35">
      <c r="AI4312" s="84"/>
      <c r="AM4312" s="84"/>
    </row>
    <row r="4313" spans="35:39" x14ac:dyDescent="0.35">
      <c r="AI4313" s="84"/>
      <c r="AM4313" s="84"/>
    </row>
    <row r="4314" spans="35:39" x14ac:dyDescent="0.35">
      <c r="AI4314" s="84"/>
      <c r="AM4314" s="84"/>
    </row>
    <row r="4315" spans="35:39" x14ac:dyDescent="0.35">
      <c r="AI4315" s="84"/>
      <c r="AM4315" s="84"/>
    </row>
    <row r="4316" spans="35:39" x14ac:dyDescent="0.35">
      <c r="AI4316" s="84"/>
      <c r="AM4316" s="84"/>
    </row>
    <row r="4317" spans="35:39" x14ac:dyDescent="0.35">
      <c r="AI4317" s="84"/>
      <c r="AM4317" s="84"/>
    </row>
    <row r="4318" spans="35:39" x14ac:dyDescent="0.35">
      <c r="AI4318" s="84"/>
      <c r="AM4318" s="84"/>
    </row>
    <row r="4319" spans="35:39" x14ac:dyDescent="0.35">
      <c r="AI4319" s="84"/>
      <c r="AM4319" s="84"/>
    </row>
    <row r="4320" spans="35:39" x14ac:dyDescent="0.35">
      <c r="AI4320" s="84"/>
      <c r="AM4320" s="84"/>
    </row>
    <row r="4321" spans="35:39" x14ac:dyDescent="0.35">
      <c r="AI4321" s="84"/>
      <c r="AM4321" s="84"/>
    </row>
    <row r="4322" spans="35:39" x14ac:dyDescent="0.35">
      <c r="AI4322" s="84"/>
      <c r="AM4322" s="84"/>
    </row>
    <row r="4323" spans="35:39" x14ac:dyDescent="0.35">
      <c r="AI4323" s="84"/>
      <c r="AM4323" s="84"/>
    </row>
    <row r="4324" spans="35:39" x14ac:dyDescent="0.35">
      <c r="AI4324" s="84"/>
      <c r="AM4324" s="84"/>
    </row>
    <row r="4325" spans="35:39" x14ac:dyDescent="0.35">
      <c r="AI4325" s="84"/>
      <c r="AM4325" s="84"/>
    </row>
    <row r="4326" spans="35:39" x14ac:dyDescent="0.35">
      <c r="AI4326" s="84"/>
      <c r="AM4326" s="84"/>
    </row>
    <row r="4327" spans="35:39" x14ac:dyDescent="0.35">
      <c r="AI4327" s="84"/>
      <c r="AM4327" s="84"/>
    </row>
    <row r="4328" spans="35:39" x14ac:dyDescent="0.35">
      <c r="AI4328" s="84"/>
      <c r="AM4328" s="84"/>
    </row>
    <row r="4329" spans="35:39" x14ac:dyDescent="0.35">
      <c r="AI4329" s="84"/>
      <c r="AM4329" s="84"/>
    </row>
    <row r="4330" spans="35:39" x14ac:dyDescent="0.35">
      <c r="AI4330" s="84"/>
      <c r="AM4330" s="84"/>
    </row>
    <row r="4331" spans="35:39" x14ac:dyDescent="0.35">
      <c r="AI4331" s="84"/>
      <c r="AM4331" s="84"/>
    </row>
    <row r="4332" spans="35:39" x14ac:dyDescent="0.35">
      <c r="AI4332" s="84"/>
      <c r="AM4332" s="84"/>
    </row>
    <row r="4333" spans="35:39" x14ac:dyDescent="0.35">
      <c r="AI4333" s="84"/>
      <c r="AM4333" s="84"/>
    </row>
    <row r="4334" spans="35:39" x14ac:dyDescent="0.35">
      <c r="AI4334" s="84"/>
      <c r="AM4334" s="84"/>
    </row>
    <row r="4335" spans="35:39" x14ac:dyDescent="0.35">
      <c r="AI4335" s="84"/>
      <c r="AM4335" s="84"/>
    </row>
    <row r="4336" spans="35:39" x14ac:dyDescent="0.35">
      <c r="AI4336" s="84"/>
      <c r="AM4336" s="84"/>
    </row>
    <row r="4337" spans="35:39" x14ac:dyDescent="0.35">
      <c r="AI4337" s="84"/>
      <c r="AM4337" s="84"/>
    </row>
    <row r="4338" spans="35:39" x14ac:dyDescent="0.35">
      <c r="AI4338" s="84"/>
      <c r="AM4338" s="84"/>
    </row>
    <row r="4339" spans="35:39" x14ac:dyDescent="0.35">
      <c r="AI4339" s="84"/>
      <c r="AM4339" s="84"/>
    </row>
    <row r="4340" spans="35:39" x14ac:dyDescent="0.35">
      <c r="AI4340" s="84"/>
      <c r="AM4340" s="84"/>
    </row>
    <row r="4341" spans="35:39" x14ac:dyDescent="0.35">
      <c r="AI4341" s="84"/>
      <c r="AM4341" s="84"/>
    </row>
    <row r="4342" spans="35:39" x14ac:dyDescent="0.35">
      <c r="AI4342" s="84"/>
      <c r="AM4342" s="84"/>
    </row>
    <row r="4343" spans="35:39" x14ac:dyDescent="0.35">
      <c r="AI4343" s="84"/>
      <c r="AM4343" s="84"/>
    </row>
    <row r="4344" spans="35:39" x14ac:dyDescent="0.35">
      <c r="AI4344" s="84"/>
      <c r="AM4344" s="84"/>
    </row>
    <row r="4345" spans="35:39" x14ac:dyDescent="0.35">
      <c r="AI4345" s="84"/>
      <c r="AM4345" s="84"/>
    </row>
    <row r="4346" spans="35:39" x14ac:dyDescent="0.35">
      <c r="AI4346" s="84"/>
      <c r="AM4346" s="84"/>
    </row>
    <row r="4347" spans="35:39" x14ac:dyDescent="0.35">
      <c r="AI4347" s="84"/>
      <c r="AM4347" s="84"/>
    </row>
    <row r="4348" spans="35:39" x14ac:dyDescent="0.35">
      <c r="AI4348" s="84"/>
      <c r="AM4348" s="84"/>
    </row>
    <row r="4349" spans="35:39" x14ac:dyDescent="0.35">
      <c r="AI4349" s="84"/>
      <c r="AM4349" s="84"/>
    </row>
    <row r="4350" spans="35:39" x14ac:dyDescent="0.35">
      <c r="AI4350" s="84"/>
      <c r="AM4350" s="84"/>
    </row>
    <row r="4351" spans="35:39" x14ac:dyDescent="0.35">
      <c r="AI4351" s="84"/>
      <c r="AM4351" s="84"/>
    </row>
    <row r="4352" spans="35:39" x14ac:dyDescent="0.35">
      <c r="AI4352" s="84"/>
      <c r="AM4352" s="84"/>
    </row>
    <row r="4353" spans="35:39" x14ac:dyDescent="0.35">
      <c r="AI4353" s="84"/>
      <c r="AM4353" s="84"/>
    </row>
    <row r="4354" spans="35:39" x14ac:dyDescent="0.35">
      <c r="AI4354" s="84"/>
      <c r="AM4354" s="84"/>
    </row>
    <row r="4355" spans="35:39" x14ac:dyDescent="0.35">
      <c r="AI4355" s="84"/>
      <c r="AM4355" s="84"/>
    </row>
    <row r="4356" spans="35:39" x14ac:dyDescent="0.35">
      <c r="AI4356" s="84"/>
      <c r="AM4356" s="84"/>
    </row>
    <row r="4357" spans="35:39" x14ac:dyDescent="0.35">
      <c r="AI4357" s="84"/>
      <c r="AM4357" s="84"/>
    </row>
    <row r="4358" spans="35:39" x14ac:dyDescent="0.35">
      <c r="AI4358" s="84"/>
      <c r="AM4358" s="84"/>
    </row>
    <row r="4359" spans="35:39" x14ac:dyDescent="0.35">
      <c r="AI4359" s="84"/>
      <c r="AM4359" s="84"/>
    </row>
    <row r="4360" spans="35:39" x14ac:dyDescent="0.35">
      <c r="AI4360" s="84"/>
      <c r="AM4360" s="84"/>
    </row>
    <row r="4361" spans="35:39" x14ac:dyDescent="0.35">
      <c r="AI4361" s="84"/>
      <c r="AM4361" s="84"/>
    </row>
    <row r="4362" spans="35:39" x14ac:dyDescent="0.35">
      <c r="AI4362" s="84"/>
      <c r="AM4362" s="84"/>
    </row>
    <row r="4363" spans="35:39" x14ac:dyDescent="0.35">
      <c r="AI4363" s="84"/>
      <c r="AM4363" s="84"/>
    </row>
    <row r="4364" spans="35:39" x14ac:dyDescent="0.35">
      <c r="AI4364" s="84"/>
      <c r="AM4364" s="84"/>
    </row>
    <row r="4365" spans="35:39" x14ac:dyDescent="0.35">
      <c r="AI4365" s="84"/>
      <c r="AM4365" s="84"/>
    </row>
    <row r="4366" spans="35:39" x14ac:dyDescent="0.35">
      <c r="AI4366" s="84"/>
      <c r="AM4366" s="84"/>
    </row>
    <row r="4367" spans="35:39" x14ac:dyDescent="0.35">
      <c r="AI4367" s="84"/>
      <c r="AM4367" s="84"/>
    </row>
    <row r="4368" spans="35:39" x14ac:dyDescent="0.35">
      <c r="AI4368" s="84"/>
      <c r="AM4368" s="84"/>
    </row>
    <row r="4369" spans="35:39" x14ac:dyDescent="0.35">
      <c r="AI4369" s="84"/>
      <c r="AM4369" s="84"/>
    </row>
    <row r="4370" spans="35:39" x14ac:dyDescent="0.35">
      <c r="AI4370" s="84"/>
      <c r="AM4370" s="84"/>
    </row>
    <row r="4371" spans="35:39" x14ac:dyDescent="0.35">
      <c r="AI4371" s="84"/>
      <c r="AM4371" s="84"/>
    </row>
    <row r="4372" spans="35:39" x14ac:dyDescent="0.35">
      <c r="AI4372" s="84"/>
      <c r="AM4372" s="84"/>
    </row>
    <row r="4373" spans="35:39" x14ac:dyDescent="0.35">
      <c r="AI4373" s="84"/>
      <c r="AM4373" s="84"/>
    </row>
    <row r="4374" spans="35:39" x14ac:dyDescent="0.35">
      <c r="AI4374" s="84"/>
      <c r="AM4374" s="84"/>
    </row>
    <row r="4375" spans="35:39" x14ac:dyDescent="0.35">
      <c r="AI4375" s="84"/>
      <c r="AM4375" s="84"/>
    </row>
    <row r="4376" spans="35:39" x14ac:dyDescent="0.35">
      <c r="AI4376" s="84"/>
      <c r="AM4376" s="84"/>
    </row>
    <row r="4377" spans="35:39" x14ac:dyDescent="0.35">
      <c r="AI4377" s="84"/>
      <c r="AM4377" s="84"/>
    </row>
    <row r="4378" spans="35:39" x14ac:dyDescent="0.35">
      <c r="AI4378" s="84"/>
      <c r="AM4378" s="84"/>
    </row>
    <row r="4379" spans="35:39" x14ac:dyDescent="0.35">
      <c r="AI4379" s="84"/>
      <c r="AM4379" s="84"/>
    </row>
    <row r="4380" spans="35:39" x14ac:dyDescent="0.35">
      <c r="AI4380" s="84"/>
      <c r="AM4380" s="84"/>
    </row>
    <row r="4381" spans="35:39" x14ac:dyDescent="0.35">
      <c r="AI4381" s="84"/>
      <c r="AM4381" s="84"/>
    </row>
    <row r="4382" spans="35:39" x14ac:dyDescent="0.35">
      <c r="AI4382" s="84"/>
      <c r="AM4382" s="84"/>
    </row>
    <row r="4383" spans="35:39" x14ac:dyDescent="0.35">
      <c r="AI4383" s="84"/>
      <c r="AM4383" s="84"/>
    </row>
    <row r="4384" spans="35:39" x14ac:dyDescent="0.35">
      <c r="AI4384" s="84"/>
      <c r="AM4384" s="84"/>
    </row>
    <row r="4385" spans="35:39" x14ac:dyDescent="0.35">
      <c r="AI4385" s="84"/>
      <c r="AM4385" s="84"/>
    </row>
    <row r="4386" spans="35:39" x14ac:dyDescent="0.35">
      <c r="AI4386" s="84"/>
      <c r="AM4386" s="84"/>
    </row>
    <row r="4387" spans="35:39" x14ac:dyDescent="0.35">
      <c r="AI4387" s="84"/>
      <c r="AM4387" s="84"/>
    </row>
    <row r="4388" spans="35:39" x14ac:dyDescent="0.35">
      <c r="AI4388" s="84"/>
      <c r="AM4388" s="84"/>
    </row>
    <row r="4389" spans="35:39" x14ac:dyDescent="0.35">
      <c r="AI4389" s="84"/>
      <c r="AM4389" s="84"/>
    </row>
    <row r="4390" spans="35:39" x14ac:dyDescent="0.35">
      <c r="AI4390" s="84"/>
      <c r="AM4390" s="84"/>
    </row>
    <row r="4391" spans="35:39" x14ac:dyDescent="0.35">
      <c r="AI4391" s="84"/>
      <c r="AM4391" s="84"/>
    </row>
    <row r="4392" spans="35:39" x14ac:dyDescent="0.35">
      <c r="AI4392" s="84"/>
      <c r="AM4392" s="84"/>
    </row>
    <row r="4393" spans="35:39" x14ac:dyDescent="0.35">
      <c r="AI4393" s="84"/>
      <c r="AM4393" s="84"/>
    </row>
    <row r="4394" spans="35:39" x14ac:dyDescent="0.35">
      <c r="AI4394" s="84"/>
      <c r="AM4394" s="84"/>
    </row>
    <row r="4395" spans="35:39" x14ac:dyDescent="0.35">
      <c r="AI4395" s="84"/>
      <c r="AM4395" s="84"/>
    </row>
    <row r="4396" spans="35:39" x14ac:dyDescent="0.35">
      <c r="AI4396" s="84"/>
      <c r="AM4396" s="84"/>
    </row>
    <row r="4397" spans="35:39" x14ac:dyDescent="0.35">
      <c r="AI4397" s="84"/>
      <c r="AM4397" s="84"/>
    </row>
    <row r="4398" spans="35:39" x14ac:dyDescent="0.35">
      <c r="AI4398" s="84"/>
      <c r="AM4398" s="84"/>
    </row>
    <row r="4399" spans="35:39" x14ac:dyDescent="0.35">
      <c r="AI4399" s="84"/>
      <c r="AM4399" s="84"/>
    </row>
    <row r="4400" spans="35:39" x14ac:dyDescent="0.35">
      <c r="AI4400" s="84"/>
      <c r="AM4400" s="84"/>
    </row>
    <row r="4401" spans="35:39" x14ac:dyDescent="0.35">
      <c r="AI4401" s="84"/>
      <c r="AM4401" s="84"/>
    </row>
    <row r="4402" spans="35:39" x14ac:dyDescent="0.35">
      <c r="AI4402" s="84"/>
      <c r="AM4402" s="84"/>
    </row>
    <row r="4403" spans="35:39" x14ac:dyDescent="0.35">
      <c r="AI4403" s="84"/>
      <c r="AM4403" s="84"/>
    </row>
    <row r="4404" spans="35:39" x14ac:dyDescent="0.35">
      <c r="AI4404" s="84"/>
      <c r="AM4404" s="84"/>
    </row>
    <row r="4405" spans="35:39" x14ac:dyDescent="0.35">
      <c r="AI4405" s="84"/>
      <c r="AM4405" s="84"/>
    </row>
    <row r="4406" spans="35:39" x14ac:dyDescent="0.35">
      <c r="AI4406" s="84"/>
      <c r="AM4406" s="84"/>
    </row>
    <row r="4407" spans="35:39" x14ac:dyDescent="0.35">
      <c r="AI4407" s="84"/>
      <c r="AM4407" s="84"/>
    </row>
    <row r="4408" spans="35:39" x14ac:dyDescent="0.35">
      <c r="AI4408" s="84"/>
      <c r="AM4408" s="84"/>
    </row>
    <row r="4409" spans="35:39" x14ac:dyDescent="0.35">
      <c r="AI4409" s="84"/>
      <c r="AM4409" s="84"/>
    </row>
    <row r="4410" spans="35:39" x14ac:dyDescent="0.35">
      <c r="AI4410" s="84"/>
      <c r="AM4410" s="84"/>
    </row>
    <row r="4411" spans="35:39" x14ac:dyDescent="0.35">
      <c r="AI4411" s="84"/>
      <c r="AM4411" s="84"/>
    </row>
    <row r="4412" spans="35:39" x14ac:dyDescent="0.35">
      <c r="AI4412" s="84"/>
      <c r="AM4412" s="84"/>
    </row>
    <row r="4413" spans="35:39" x14ac:dyDescent="0.35">
      <c r="AI4413" s="84"/>
      <c r="AM4413" s="84"/>
    </row>
    <row r="4414" spans="35:39" x14ac:dyDescent="0.35">
      <c r="AI4414" s="84"/>
      <c r="AM4414" s="84"/>
    </row>
    <row r="4415" spans="35:39" x14ac:dyDescent="0.35">
      <c r="AI4415" s="84"/>
      <c r="AM4415" s="84"/>
    </row>
    <row r="4416" spans="35:39" x14ac:dyDescent="0.35">
      <c r="AI4416" s="84"/>
      <c r="AM4416" s="84"/>
    </row>
    <row r="4417" spans="35:39" x14ac:dyDescent="0.35">
      <c r="AI4417" s="84"/>
      <c r="AM4417" s="84"/>
    </row>
    <row r="4418" spans="35:39" x14ac:dyDescent="0.35">
      <c r="AI4418" s="84"/>
      <c r="AM4418" s="84"/>
    </row>
    <row r="4419" spans="35:39" x14ac:dyDescent="0.35">
      <c r="AI4419" s="84"/>
      <c r="AM4419" s="84"/>
    </row>
    <row r="4420" spans="35:39" x14ac:dyDescent="0.35">
      <c r="AI4420" s="84"/>
      <c r="AM4420" s="84"/>
    </row>
    <row r="4421" spans="35:39" x14ac:dyDescent="0.35">
      <c r="AI4421" s="84"/>
      <c r="AM4421" s="84"/>
    </row>
    <row r="4422" spans="35:39" x14ac:dyDescent="0.35">
      <c r="AI4422" s="84"/>
      <c r="AM4422" s="84"/>
    </row>
    <row r="4423" spans="35:39" x14ac:dyDescent="0.35">
      <c r="AI4423" s="84"/>
      <c r="AM4423" s="84"/>
    </row>
    <row r="4424" spans="35:39" x14ac:dyDescent="0.35">
      <c r="AI4424" s="84"/>
      <c r="AM4424" s="84"/>
    </row>
    <row r="4425" spans="35:39" x14ac:dyDescent="0.35">
      <c r="AI4425" s="84"/>
      <c r="AM4425" s="84"/>
    </row>
    <row r="4426" spans="35:39" x14ac:dyDescent="0.35">
      <c r="AI4426" s="84"/>
      <c r="AM4426" s="84"/>
    </row>
    <row r="4427" spans="35:39" x14ac:dyDescent="0.35">
      <c r="AI4427" s="84"/>
      <c r="AM4427" s="84"/>
    </row>
    <row r="4428" spans="35:39" x14ac:dyDescent="0.35">
      <c r="AI4428" s="84"/>
      <c r="AM4428" s="84"/>
    </row>
    <row r="4429" spans="35:39" x14ac:dyDescent="0.35">
      <c r="AI4429" s="84"/>
      <c r="AM4429" s="84"/>
    </row>
    <row r="4430" spans="35:39" x14ac:dyDescent="0.35">
      <c r="AI4430" s="84"/>
      <c r="AM4430" s="84"/>
    </row>
    <row r="4431" spans="35:39" x14ac:dyDescent="0.35">
      <c r="AI4431" s="84"/>
      <c r="AM4431" s="84"/>
    </row>
    <row r="4432" spans="35:39" x14ac:dyDescent="0.35">
      <c r="AI4432" s="84"/>
      <c r="AM4432" s="84"/>
    </row>
    <row r="4433" spans="35:39" x14ac:dyDescent="0.35">
      <c r="AI4433" s="84"/>
      <c r="AM4433" s="84"/>
    </row>
    <row r="4434" spans="35:39" x14ac:dyDescent="0.35">
      <c r="AI4434" s="84"/>
      <c r="AM4434" s="84"/>
    </row>
    <row r="4435" spans="35:39" x14ac:dyDescent="0.35">
      <c r="AI4435" s="84"/>
      <c r="AM4435" s="84"/>
    </row>
    <row r="4436" spans="35:39" x14ac:dyDescent="0.35">
      <c r="AI4436" s="84"/>
      <c r="AM4436" s="84"/>
    </row>
    <row r="4437" spans="35:39" x14ac:dyDescent="0.35">
      <c r="AI4437" s="84"/>
      <c r="AM4437" s="84"/>
    </row>
    <row r="4438" spans="35:39" x14ac:dyDescent="0.35">
      <c r="AI4438" s="84"/>
      <c r="AM4438" s="84"/>
    </row>
    <row r="4439" spans="35:39" x14ac:dyDescent="0.35">
      <c r="AI4439" s="84"/>
      <c r="AM4439" s="84"/>
    </row>
    <row r="4440" spans="35:39" x14ac:dyDescent="0.35">
      <c r="AI4440" s="84"/>
      <c r="AM4440" s="84"/>
    </row>
    <row r="4441" spans="35:39" x14ac:dyDescent="0.35">
      <c r="AI4441" s="84"/>
      <c r="AM4441" s="84"/>
    </row>
    <row r="4442" spans="35:39" x14ac:dyDescent="0.35">
      <c r="AI4442" s="84"/>
      <c r="AM4442" s="84"/>
    </row>
    <row r="4443" spans="35:39" x14ac:dyDescent="0.35">
      <c r="AI4443" s="84"/>
      <c r="AM4443" s="84"/>
    </row>
    <row r="4444" spans="35:39" x14ac:dyDescent="0.35">
      <c r="AI4444" s="84"/>
      <c r="AM4444" s="84"/>
    </row>
    <row r="4445" spans="35:39" x14ac:dyDescent="0.35">
      <c r="AI4445" s="84"/>
      <c r="AM4445" s="84"/>
    </row>
    <row r="4446" spans="35:39" x14ac:dyDescent="0.35">
      <c r="AI4446" s="84"/>
      <c r="AM4446" s="84"/>
    </row>
    <row r="4447" spans="35:39" x14ac:dyDescent="0.35">
      <c r="AI4447" s="84"/>
      <c r="AM4447" s="84"/>
    </row>
    <row r="4448" spans="35:39" x14ac:dyDescent="0.35">
      <c r="AI4448" s="84"/>
      <c r="AM4448" s="84"/>
    </row>
    <row r="4449" spans="35:39" x14ac:dyDescent="0.35">
      <c r="AI4449" s="84"/>
      <c r="AM4449" s="84"/>
    </row>
    <row r="4450" spans="35:39" x14ac:dyDescent="0.35">
      <c r="AI4450" s="84"/>
      <c r="AM4450" s="84"/>
    </row>
    <row r="4451" spans="35:39" x14ac:dyDescent="0.35">
      <c r="AI4451" s="84"/>
      <c r="AM4451" s="84"/>
    </row>
    <row r="4452" spans="35:39" x14ac:dyDescent="0.35">
      <c r="AI4452" s="84"/>
      <c r="AM4452" s="84"/>
    </row>
    <row r="4453" spans="35:39" x14ac:dyDescent="0.35">
      <c r="AI4453" s="84"/>
      <c r="AM4453" s="84"/>
    </row>
    <row r="4454" spans="35:39" x14ac:dyDescent="0.35">
      <c r="AI4454" s="84"/>
      <c r="AM4454" s="84"/>
    </row>
    <row r="4455" spans="35:39" x14ac:dyDescent="0.35">
      <c r="AI4455" s="84"/>
      <c r="AM4455" s="84"/>
    </row>
    <row r="4456" spans="35:39" x14ac:dyDescent="0.35">
      <c r="AI4456" s="84"/>
      <c r="AM4456" s="84"/>
    </row>
    <row r="4457" spans="35:39" x14ac:dyDescent="0.35">
      <c r="AI4457" s="84"/>
      <c r="AM4457" s="84"/>
    </row>
    <row r="4458" spans="35:39" x14ac:dyDescent="0.35">
      <c r="AI4458" s="84"/>
      <c r="AM4458" s="84"/>
    </row>
    <row r="4459" spans="35:39" x14ac:dyDescent="0.35">
      <c r="AI4459" s="84"/>
      <c r="AM4459" s="84"/>
    </row>
    <row r="4460" spans="35:39" x14ac:dyDescent="0.35">
      <c r="AI4460" s="84"/>
      <c r="AM4460" s="84"/>
    </row>
    <row r="4461" spans="35:39" x14ac:dyDescent="0.35">
      <c r="AI4461" s="84"/>
      <c r="AM4461" s="84"/>
    </row>
    <row r="4462" spans="35:39" x14ac:dyDescent="0.35">
      <c r="AI4462" s="84"/>
      <c r="AM4462" s="84"/>
    </row>
    <row r="4463" spans="35:39" x14ac:dyDescent="0.35">
      <c r="AI4463" s="84"/>
      <c r="AM4463" s="84"/>
    </row>
    <row r="4464" spans="35:39" x14ac:dyDescent="0.35">
      <c r="AI4464" s="84"/>
      <c r="AM4464" s="84"/>
    </row>
    <row r="4465" spans="35:39" x14ac:dyDescent="0.35">
      <c r="AI4465" s="84"/>
      <c r="AM4465" s="84"/>
    </row>
    <row r="4466" spans="35:39" x14ac:dyDescent="0.35">
      <c r="AI4466" s="84"/>
      <c r="AM4466" s="84"/>
    </row>
    <row r="4467" spans="35:39" x14ac:dyDescent="0.35">
      <c r="AI4467" s="84"/>
      <c r="AM4467" s="84"/>
    </row>
    <row r="4468" spans="35:39" x14ac:dyDescent="0.35">
      <c r="AI4468" s="84"/>
      <c r="AM4468" s="84"/>
    </row>
    <row r="4469" spans="35:39" x14ac:dyDescent="0.35">
      <c r="AI4469" s="84"/>
      <c r="AM4469" s="84"/>
    </row>
    <row r="4470" spans="35:39" x14ac:dyDescent="0.35">
      <c r="AI4470" s="84"/>
      <c r="AM4470" s="84"/>
    </row>
    <row r="4471" spans="35:39" x14ac:dyDescent="0.35">
      <c r="AI4471" s="84"/>
      <c r="AM4471" s="84"/>
    </row>
    <row r="4472" spans="35:39" x14ac:dyDescent="0.35">
      <c r="AI4472" s="84"/>
      <c r="AM4472" s="84"/>
    </row>
    <row r="4473" spans="35:39" x14ac:dyDescent="0.35">
      <c r="AI4473" s="84"/>
      <c r="AM4473" s="84"/>
    </row>
    <row r="4474" spans="35:39" x14ac:dyDescent="0.35">
      <c r="AI4474" s="84"/>
      <c r="AM4474" s="84"/>
    </row>
    <row r="4475" spans="35:39" x14ac:dyDescent="0.35">
      <c r="AI4475" s="84"/>
      <c r="AM4475" s="84"/>
    </row>
    <row r="4476" spans="35:39" x14ac:dyDescent="0.35">
      <c r="AI4476" s="84"/>
      <c r="AM4476" s="84"/>
    </row>
    <row r="4477" spans="35:39" x14ac:dyDescent="0.35">
      <c r="AI4477" s="84"/>
      <c r="AM4477" s="84"/>
    </row>
    <row r="4478" spans="35:39" x14ac:dyDescent="0.35">
      <c r="AI4478" s="84"/>
      <c r="AM4478" s="84"/>
    </row>
    <row r="4479" spans="35:39" x14ac:dyDescent="0.35">
      <c r="AI4479" s="84"/>
      <c r="AM4479" s="84"/>
    </row>
    <row r="4480" spans="35:39" x14ac:dyDescent="0.35">
      <c r="AI4480" s="84"/>
      <c r="AM4480" s="84"/>
    </row>
    <row r="4481" spans="35:39" x14ac:dyDescent="0.35">
      <c r="AI4481" s="84"/>
      <c r="AM4481" s="84"/>
    </row>
    <row r="4482" spans="35:39" x14ac:dyDescent="0.35">
      <c r="AI4482" s="84"/>
      <c r="AM4482" s="84"/>
    </row>
    <row r="4483" spans="35:39" x14ac:dyDescent="0.35">
      <c r="AI4483" s="84"/>
      <c r="AM4483" s="84"/>
    </row>
    <row r="4484" spans="35:39" x14ac:dyDescent="0.35">
      <c r="AI4484" s="84"/>
      <c r="AM4484" s="84"/>
    </row>
    <row r="4485" spans="35:39" x14ac:dyDescent="0.35">
      <c r="AI4485" s="84"/>
      <c r="AM4485" s="84"/>
    </row>
    <row r="4486" spans="35:39" x14ac:dyDescent="0.35">
      <c r="AI4486" s="84"/>
      <c r="AM4486" s="84"/>
    </row>
    <row r="4487" spans="35:39" x14ac:dyDescent="0.35">
      <c r="AI4487" s="84"/>
      <c r="AM4487" s="84"/>
    </row>
    <row r="4488" spans="35:39" x14ac:dyDescent="0.35">
      <c r="AI4488" s="84"/>
      <c r="AM4488" s="84"/>
    </row>
    <row r="4489" spans="35:39" x14ac:dyDescent="0.35">
      <c r="AI4489" s="84"/>
      <c r="AM4489" s="84"/>
    </row>
    <row r="4490" spans="35:39" x14ac:dyDescent="0.35">
      <c r="AI4490" s="84"/>
      <c r="AM4490" s="84"/>
    </row>
    <row r="4491" spans="35:39" x14ac:dyDescent="0.35">
      <c r="AI4491" s="84"/>
      <c r="AM4491" s="84"/>
    </row>
    <row r="4492" spans="35:39" x14ac:dyDescent="0.35">
      <c r="AI4492" s="84"/>
      <c r="AM4492" s="84"/>
    </row>
    <row r="4493" spans="35:39" x14ac:dyDescent="0.35">
      <c r="AI4493" s="84"/>
      <c r="AM4493" s="84"/>
    </row>
    <row r="4494" spans="35:39" x14ac:dyDescent="0.35">
      <c r="AI4494" s="84"/>
      <c r="AM4494" s="84"/>
    </row>
    <row r="4495" spans="35:39" x14ac:dyDescent="0.35">
      <c r="AI4495" s="84"/>
      <c r="AM4495" s="84"/>
    </row>
    <row r="4496" spans="35:39" x14ac:dyDescent="0.35">
      <c r="AI4496" s="84"/>
      <c r="AM4496" s="84"/>
    </row>
    <row r="4497" spans="35:39" x14ac:dyDescent="0.35">
      <c r="AI4497" s="84"/>
      <c r="AM4497" s="84"/>
    </row>
    <row r="4498" spans="35:39" x14ac:dyDescent="0.35">
      <c r="AI4498" s="84"/>
      <c r="AM4498" s="84"/>
    </row>
    <row r="4499" spans="35:39" x14ac:dyDescent="0.35">
      <c r="AI4499" s="84"/>
      <c r="AM4499" s="84"/>
    </row>
    <row r="4500" spans="35:39" x14ac:dyDescent="0.35">
      <c r="AI4500" s="84"/>
      <c r="AM4500" s="84"/>
    </row>
    <row r="4501" spans="35:39" x14ac:dyDescent="0.35">
      <c r="AI4501" s="84"/>
      <c r="AM4501" s="84"/>
    </row>
    <row r="4502" spans="35:39" x14ac:dyDescent="0.35">
      <c r="AI4502" s="84"/>
      <c r="AM4502" s="84"/>
    </row>
    <row r="4503" spans="35:39" x14ac:dyDescent="0.35">
      <c r="AI4503" s="84"/>
      <c r="AM4503" s="84"/>
    </row>
    <row r="4504" spans="35:39" x14ac:dyDescent="0.35">
      <c r="AI4504" s="84"/>
      <c r="AM4504" s="84"/>
    </row>
    <row r="4505" spans="35:39" x14ac:dyDescent="0.35">
      <c r="AI4505" s="84"/>
      <c r="AM4505" s="84"/>
    </row>
    <row r="4506" spans="35:39" x14ac:dyDescent="0.35">
      <c r="AI4506" s="84"/>
      <c r="AM4506" s="84"/>
    </row>
    <row r="4507" spans="35:39" x14ac:dyDescent="0.35">
      <c r="AI4507" s="84"/>
      <c r="AM4507" s="84"/>
    </row>
    <row r="4508" spans="35:39" x14ac:dyDescent="0.35">
      <c r="AI4508" s="84"/>
      <c r="AM4508" s="84"/>
    </row>
    <row r="4509" spans="35:39" x14ac:dyDescent="0.35">
      <c r="AI4509" s="84"/>
      <c r="AM4509" s="84"/>
    </row>
    <row r="4510" spans="35:39" x14ac:dyDescent="0.35">
      <c r="AI4510" s="84"/>
      <c r="AM4510" s="84"/>
    </row>
    <row r="4511" spans="35:39" x14ac:dyDescent="0.35">
      <c r="AI4511" s="84"/>
      <c r="AM4511" s="84"/>
    </row>
    <row r="4512" spans="35:39" x14ac:dyDescent="0.35">
      <c r="AI4512" s="84"/>
      <c r="AM4512" s="84"/>
    </row>
    <row r="4513" spans="35:39" x14ac:dyDescent="0.35">
      <c r="AI4513" s="84"/>
      <c r="AM4513" s="84"/>
    </row>
    <row r="4514" spans="35:39" x14ac:dyDescent="0.35">
      <c r="AI4514" s="84"/>
      <c r="AM4514" s="84"/>
    </row>
    <row r="4515" spans="35:39" x14ac:dyDescent="0.35">
      <c r="AI4515" s="84"/>
      <c r="AM4515" s="84"/>
    </row>
    <row r="4516" spans="35:39" x14ac:dyDescent="0.35">
      <c r="AI4516" s="84"/>
      <c r="AM4516" s="84"/>
    </row>
    <row r="4517" spans="35:39" x14ac:dyDescent="0.35">
      <c r="AI4517" s="84"/>
      <c r="AM4517" s="84"/>
    </row>
    <row r="4518" spans="35:39" x14ac:dyDescent="0.35">
      <c r="AI4518" s="84"/>
      <c r="AM4518" s="84"/>
    </row>
    <row r="4519" spans="35:39" x14ac:dyDescent="0.35">
      <c r="AI4519" s="84"/>
      <c r="AM4519" s="84"/>
    </row>
    <row r="4520" spans="35:39" x14ac:dyDescent="0.35">
      <c r="AI4520" s="84"/>
      <c r="AM4520" s="84"/>
    </row>
    <row r="4521" spans="35:39" x14ac:dyDescent="0.35">
      <c r="AI4521" s="84"/>
      <c r="AM4521" s="84"/>
    </row>
    <row r="4522" spans="35:39" x14ac:dyDescent="0.35">
      <c r="AI4522" s="84"/>
      <c r="AM4522" s="84"/>
    </row>
    <row r="4523" spans="35:39" x14ac:dyDescent="0.35">
      <c r="AI4523" s="84"/>
      <c r="AM4523" s="84"/>
    </row>
    <row r="4524" spans="35:39" x14ac:dyDescent="0.35">
      <c r="AI4524" s="84"/>
      <c r="AM4524" s="84"/>
    </row>
    <row r="4525" spans="35:39" x14ac:dyDescent="0.35">
      <c r="AI4525" s="84"/>
      <c r="AM4525" s="84"/>
    </row>
    <row r="4526" spans="35:39" x14ac:dyDescent="0.35">
      <c r="AI4526" s="84"/>
      <c r="AM4526" s="84"/>
    </row>
    <row r="4527" spans="35:39" x14ac:dyDescent="0.35">
      <c r="AI4527" s="84"/>
      <c r="AM4527" s="84"/>
    </row>
    <row r="4528" spans="35:39" x14ac:dyDescent="0.35">
      <c r="AI4528" s="84"/>
      <c r="AM4528" s="84"/>
    </row>
    <row r="4529" spans="35:39" x14ac:dyDescent="0.35">
      <c r="AI4529" s="84"/>
      <c r="AM4529" s="84"/>
    </row>
    <row r="4530" spans="35:39" x14ac:dyDescent="0.35">
      <c r="AI4530" s="84"/>
      <c r="AM4530" s="84"/>
    </row>
    <row r="4531" spans="35:39" x14ac:dyDescent="0.35">
      <c r="AI4531" s="84"/>
      <c r="AM4531" s="84"/>
    </row>
    <row r="4532" spans="35:39" x14ac:dyDescent="0.35">
      <c r="AI4532" s="84"/>
      <c r="AM4532" s="84"/>
    </row>
    <row r="4533" spans="35:39" x14ac:dyDescent="0.35">
      <c r="AI4533" s="84"/>
      <c r="AM4533" s="84"/>
    </row>
    <row r="4534" spans="35:39" x14ac:dyDescent="0.35">
      <c r="AI4534" s="84"/>
      <c r="AM4534" s="84"/>
    </row>
    <row r="4535" spans="35:39" x14ac:dyDescent="0.35">
      <c r="AI4535" s="84"/>
      <c r="AM4535" s="84"/>
    </row>
    <row r="4536" spans="35:39" x14ac:dyDescent="0.35">
      <c r="AI4536" s="84"/>
      <c r="AM4536" s="84"/>
    </row>
    <row r="4537" spans="35:39" x14ac:dyDescent="0.35">
      <c r="AI4537" s="84"/>
      <c r="AM4537" s="84"/>
    </row>
    <row r="4538" spans="35:39" x14ac:dyDescent="0.35">
      <c r="AI4538" s="84"/>
      <c r="AM4538" s="84"/>
    </row>
    <row r="4539" spans="35:39" x14ac:dyDescent="0.35">
      <c r="AI4539" s="84"/>
      <c r="AM4539" s="84"/>
    </row>
    <row r="4540" spans="35:39" x14ac:dyDescent="0.35">
      <c r="AI4540" s="84"/>
      <c r="AM4540" s="84"/>
    </row>
    <row r="4541" spans="35:39" x14ac:dyDescent="0.35">
      <c r="AI4541" s="84"/>
      <c r="AM4541" s="84"/>
    </row>
    <row r="4542" spans="35:39" x14ac:dyDescent="0.35">
      <c r="AI4542" s="84"/>
      <c r="AM4542" s="84"/>
    </row>
    <row r="4543" spans="35:39" x14ac:dyDescent="0.35">
      <c r="AI4543" s="84"/>
      <c r="AM4543" s="84"/>
    </row>
    <row r="4544" spans="35:39" x14ac:dyDescent="0.35">
      <c r="AI4544" s="84"/>
      <c r="AM4544" s="84"/>
    </row>
    <row r="4545" spans="35:39" x14ac:dyDescent="0.35">
      <c r="AI4545" s="84"/>
      <c r="AM4545" s="84"/>
    </row>
    <row r="4546" spans="35:39" x14ac:dyDescent="0.35">
      <c r="AI4546" s="84"/>
      <c r="AM4546" s="84"/>
    </row>
    <row r="4547" spans="35:39" x14ac:dyDescent="0.35">
      <c r="AI4547" s="84"/>
      <c r="AM4547" s="84"/>
    </row>
    <row r="4548" spans="35:39" x14ac:dyDescent="0.35">
      <c r="AI4548" s="84"/>
      <c r="AM4548" s="84"/>
    </row>
    <row r="4549" spans="35:39" x14ac:dyDescent="0.35">
      <c r="AI4549" s="84"/>
      <c r="AM4549" s="84"/>
    </row>
    <row r="4550" spans="35:39" x14ac:dyDescent="0.35">
      <c r="AI4550" s="84"/>
      <c r="AM4550" s="84"/>
    </row>
    <row r="4551" spans="35:39" x14ac:dyDescent="0.35">
      <c r="AI4551" s="84"/>
      <c r="AM4551" s="84"/>
    </row>
    <row r="4552" spans="35:39" x14ac:dyDescent="0.35">
      <c r="AI4552" s="84"/>
      <c r="AM4552" s="84"/>
    </row>
    <row r="4553" spans="35:39" x14ac:dyDescent="0.35">
      <c r="AI4553" s="84"/>
      <c r="AM4553" s="84"/>
    </row>
    <row r="4554" spans="35:39" x14ac:dyDescent="0.35">
      <c r="AI4554" s="84"/>
      <c r="AM4554" s="84"/>
    </row>
    <row r="4555" spans="35:39" x14ac:dyDescent="0.35">
      <c r="AI4555" s="84"/>
      <c r="AM4555" s="84"/>
    </row>
    <row r="4556" spans="35:39" x14ac:dyDescent="0.35">
      <c r="AI4556" s="84"/>
      <c r="AM4556" s="84"/>
    </row>
    <row r="4557" spans="35:39" x14ac:dyDescent="0.35">
      <c r="AI4557" s="84"/>
      <c r="AM4557" s="84"/>
    </row>
    <row r="4558" spans="35:39" x14ac:dyDescent="0.35">
      <c r="AI4558" s="84"/>
      <c r="AM4558" s="84"/>
    </row>
    <row r="4559" spans="35:39" x14ac:dyDescent="0.35">
      <c r="AI4559" s="84"/>
      <c r="AM4559" s="84"/>
    </row>
    <row r="4560" spans="35:39" x14ac:dyDescent="0.35">
      <c r="AI4560" s="84"/>
      <c r="AM4560" s="84"/>
    </row>
    <row r="4561" spans="35:39" x14ac:dyDescent="0.35">
      <c r="AI4561" s="84"/>
      <c r="AM4561" s="84"/>
    </row>
    <row r="4562" spans="35:39" x14ac:dyDescent="0.35">
      <c r="AI4562" s="84"/>
      <c r="AM4562" s="84"/>
    </row>
    <row r="4563" spans="35:39" x14ac:dyDescent="0.35">
      <c r="AI4563" s="84"/>
      <c r="AM4563" s="84"/>
    </row>
    <row r="4564" spans="35:39" x14ac:dyDescent="0.35">
      <c r="AI4564" s="84"/>
      <c r="AM4564" s="84"/>
    </row>
    <row r="4565" spans="35:39" x14ac:dyDescent="0.35">
      <c r="AI4565" s="84"/>
      <c r="AM4565" s="84"/>
    </row>
    <row r="4566" spans="35:39" x14ac:dyDescent="0.35">
      <c r="AI4566" s="84"/>
      <c r="AM4566" s="84"/>
    </row>
    <row r="4567" spans="35:39" x14ac:dyDescent="0.35">
      <c r="AI4567" s="84"/>
      <c r="AM4567" s="84"/>
    </row>
    <row r="4568" spans="35:39" x14ac:dyDescent="0.35">
      <c r="AI4568" s="84"/>
      <c r="AM4568" s="84"/>
    </row>
    <row r="4569" spans="35:39" x14ac:dyDescent="0.35">
      <c r="AI4569" s="84"/>
      <c r="AM4569" s="84"/>
    </row>
    <row r="4570" spans="35:39" x14ac:dyDescent="0.35">
      <c r="AI4570" s="84"/>
      <c r="AM4570" s="84"/>
    </row>
    <row r="4571" spans="35:39" x14ac:dyDescent="0.35">
      <c r="AI4571" s="84"/>
      <c r="AM4571" s="84"/>
    </row>
    <row r="4572" spans="35:39" x14ac:dyDescent="0.35">
      <c r="AI4572" s="84"/>
      <c r="AM4572" s="84"/>
    </row>
    <row r="4573" spans="35:39" x14ac:dyDescent="0.35">
      <c r="AI4573" s="84"/>
      <c r="AM4573" s="84"/>
    </row>
    <row r="4574" spans="35:39" x14ac:dyDescent="0.35">
      <c r="AI4574" s="84"/>
      <c r="AM4574" s="84"/>
    </row>
    <row r="4575" spans="35:39" x14ac:dyDescent="0.35">
      <c r="AI4575" s="84"/>
      <c r="AM4575" s="84"/>
    </row>
    <row r="4576" spans="35:39" x14ac:dyDescent="0.35">
      <c r="AI4576" s="84"/>
      <c r="AM4576" s="84"/>
    </row>
    <row r="4577" spans="35:39" x14ac:dyDescent="0.35">
      <c r="AI4577" s="84"/>
      <c r="AM4577" s="84"/>
    </row>
    <row r="4578" spans="35:39" x14ac:dyDescent="0.35">
      <c r="AI4578" s="84"/>
      <c r="AM4578" s="84"/>
    </row>
    <row r="4579" spans="35:39" x14ac:dyDescent="0.35">
      <c r="AI4579" s="84"/>
      <c r="AM4579" s="84"/>
    </row>
    <row r="4580" spans="35:39" x14ac:dyDescent="0.35">
      <c r="AI4580" s="84"/>
      <c r="AM4580" s="84"/>
    </row>
    <row r="4581" spans="35:39" x14ac:dyDescent="0.35">
      <c r="AI4581" s="84"/>
      <c r="AM4581" s="84"/>
    </row>
    <row r="4582" spans="35:39" x14ac:dyDescent="0.35">
      <c r="AI4582" s="84"/>
      <c r="AM4582" s="84"/>
    </row>
    <row r="4583" spans="35:39" x14ac:dyDescent="0.35">
      <c r="AI4583" s="84"/>
      <c r="AM4583" s="84"/>
    </row>
    <row r="4584" spans="35:39" x14ac:dyDescent="0.35">
      <c r="AI4584" s="84"/>
      <c r="AM4584" s="84"/>
    </row>
    <row r="4585" spans="35:39" x14ac:dyDescent="0.35">
      <c r="AI4585" s="84"/>
      <c r="AM4585" s="84"/>
    </row>
    <row r="4586" spans="35:39" x14ac:dyDescent="0.35">
      <c r="AI4586" s="84"/>
      <c r="AM4586" s="84"/>
    </row>
    <row r="4587" spans="35:39" x14ac:dyDescent="0.35">
      <c r="AI4587" s="84"/>
      <c r="AM4587" s="84"/>
    </row>
    <row r="4588" spans="35:39" x14ac:dyDescent="0.35">
      <c r="AI4588" s="84"/>
      <c r="AM4588" s="84"/>
    </row>
    <row r="4589" spans="35:39" x14ac:dyDescent="0.35">
      <c r="AI4589" s="84"/>
      <c r="AM4589" s="84"/>
    </row>
    <row r="4590" spans="35:39" x14ac:dyDescent="0.35">
      <c r="AI4590" s="84"/>
      <c r="AM4590" s="84"/>
    </row>
    <row r="4591" spans="35:39" x14ac:dyDescent="0.35">
      <c r="AI4591" s="84"/>
      <c r="AM4591" s="84"/>
    </row>
    <row r="4592" spans="35:39" x14ac:dyDescent="0.35">
      <c r="AI4592" s="84"/>
      <c r="AM4592" s="84"/>
    </row>
    <row r="4593" spans="35:39" x14ac:dyDescent="0.35">
      <c r="AI4593" s="84"/>
      <c r="AM4593" s="84"/>
    </row>
    <row r="4594" spans="35:39" x14ac:dyDescent="0.35">
      <c r="AI4594" s="84"/>
      <c r="AM4594" s="84"/>
    </row>
    <row r="4595" spans="35:39" x14ac:dyDescent="0.35">
      <c r="AI4595" s="84"/>
      <c r="AM4595" s="84"/>
    </row>
    <row r="4596" spans="35:39" x14ac:dyDescent="0.35">
      <c r="AI4596" s="84"/>
      <c r="AM4596" s="84"/>
    </row>
    <row r="4597" spans="35:39" x14ac:dyDescent="0.35">
      <c r="AI4597" s="84"/>
      <c r="AM4597" s="84"/>
    </row>
    <row r="4598" spans="35:39" x14ac:dyDescent="0.35">
      <c r="AI4598" s="84"/>
      <c r="AM4598" s="84"/>
    </row>
    <row r="4599" spans="35:39" x14ac:dyDescent="0.35">
      <c r="AI4599" s="84"/>
      <c r="AM4599" s="84"/>
    </row>
    <row r="4600" spans="35:39" x14ac:dyDescent="0.35">
      <c r="AI4600" s="84"/>
      <c r="AM4600" s="84"/>
    </row>
    <row r="4601" spans="35:39" x14ac:dyDescent="0.35">
      <c r="AI4601" s="84"/>
      <c r="AM4601" s="84"/>
    </row>
    <row r="4602" spans="35:39" x14ac:dyDescent="0.35">
      <c r="AI4602" s="84"/>
      <c r="AM4602" s="84"/>
    </row>
    <row r="4603" spans="35:39" x14ac:dyDescent="0.35">
      <c r="AI4603" s="84"/>
      <c r="AM4603" s="84"/>
    </row>
    <row r="4604" spans="35:39" x14ac:dyDescent="0.35">
      <c r="AI4604" s="84"/>
      <c r="AM4604" s="84"/>
    </row>
    <row r="4605" spans="35:39" x14ac:dyDescent="0.35">
      <c r="AI4605" s="84"/>
      <c r="AM4605" s="84"/>
    </row>
    <row r="4606" spans="35:39" x14ac:dyDescent="0.35">
      <c r="AI4606" s="84"/>
      <c r="AM4606" s="84"/>
    </row>
    <row r="4607" spans="35:39" x14ac:dyDescent="0.35">
      <c r="AI4607" s="84"/>
      <c r="AM4607" s="84"/>
    </row>
    <row r="4608" spans="35:39" x14ac:dyDescent="0.35">
      <c r="AI4608" s="84"/>
      <c r="AM4608" s="84"/>
    </row>
    <row r="4609" spans="35:39" x14ac:dyDescent="0.35">
      <c r="AI4609" s="84"/>
      <c r="AM4609" s="84"/>
    </row>
    <row r="4610" spans="35:39" x14ac:dyDescent="0.35">
      <c r="AI4610" s="84"/>
      <c r="AM4610" s="84"/>
    </row>
    <row r="4611" spans="35:39" x14ac:dyDescent="0.35">
      <c r="AI4611" s="84"/>
      <c r="AM4611" s="84"/>
    </row>
    <row r="4612" spans="35:39" x14ac:dyDescent="0.35">
      <c r="AI4612" s="84"/>
      <c r="AM4612" s="84"/>
    </row>
    <row r="4613" spans="35:39" x14ac:dyDescent="0.35">
      <c r="AI4613" s="84"/>
      <c r="AM4613" s="84"/>
    </row>
    <row r="4614" spans="35:39" x14ac:dyDescent="0.35">
      <c r="AI4614" s="84"/>
      <c r="AM4614" s="84"/>
    </row>
    <row r="4615" spans="35:39" x14ac:dyDescent="0.35">
      <c r="AI4615" s="84"/>
      <c r="AM4615" s="84"/>
    </row>
    <row r="4616" spans="35:39" x14ac:dyDescent="0.35">
      <c r="AI4616" s="84"/>
      <c r="AM4616" s="84"/>
    </row>
    <row r="4617" spans="35:39" x14ac:dyDescent="0.35">
      <c r="AI4617" s="84"/>
      <c r="AM4617" s="84"/>
    </row>
    <row r="4618" spans="35:39" x14ac:dyDescent="0.35">
      <c r="AI4618" s="84"/>
      <c r="AM4618" s="84"/>
    </row>
    <row r="4619" spans="35:39" x14ac:dyDescent="0.35">
      <c r="AI4619" s="84"/>
      <c r="AM4619" s="84"/>
    </row>
    <row r="4620" spans="35:39" x14ac:dyDescent="0.35">
      <c r="AI4620" s="84"/>
      <c r="AM4620" s="84"/>
    </row>
    <row r="4621" spans="35:39" x14ac:dyDescent="0.35">
      <c r="AI4621" s="84"/>
      <c r="AM4621" s="84"/>
    </row>
    <row r="4622" spans="35:39" x14ac:dyDescent="0.35">
      <c r="AI4622" s="84"/>
      <c r="AM4622" s="84"/>
    </row>
    <row r="4623" spans="35:39" x14ac:dyDescent="0.35">
      <c r="AI4623" s="84"/>
      <c r="AM4623" s="84"/>
    </row>
    <row r="4624" spans="35:39" x14ac:dyDescent="0.35">
      <c r="AI4624" s="84"/>
      <c r="AM4624" s="84"/>
    </row>
    <row r="4625" spans="35:39" x14ac:dyDescent="0.35">
      <c r="AI4625" s="84"/>
      <c r="AM4625" s="84"/>
    </row>
    <row r="4626" spans="35:39" x14ac:dyDescent="0.35">
      <c r="AI4626" s="84"/>
      <c r="AM4626" s="84"/>
    </row>
    <row r="4627" spans="35:39" x14ac:dyDescent="0.35">
      <c r="AI4627" s="84"/>
      <c r="AM4627" s="84"/>
    </row>
    <row r="4628" spans="35:39" x14ac:dyDescent="0.35">
      <c r="AI4628" s="84"/>
      <c r="AM4628" s="84"/>
    </row>
    <row r="4629" spans="35:39" x14ac:dyDescent="0.35">
      <c r="AI4629" s="84"/>
      <c r="AM4629" s="84"/>
    </row>
    <row r="4630" spans="35:39" x14ac:dyDescent="0.35">
      <c r="AI4630" s="84"/>
      <c r="AM4630" s="84"/>
    </row>
    <row r="4631" spans="35:39" x14ac:dyDescent="0.35">
      <c r="AI4631" s="84"/>
      <c r="AM4631" s="84"/>
    </row>
    <row r="4632" spans="35:39" x14ac:dyDescent="0.35">
      <c r="AI4632" s="84"/>
      <c r="AM4632" s="84"/>
    </row>
    <row r="4633" spans="35:39" x14ac:dyDescent="0.35">
      <c r="AI4633" s="84"/>
      <c r="AM4633" s="84"/>
    </row>
    <row r="4634" spans="35:39" x14ac:dyDescent="0.35">
      <c r="AI4634" s="84"/>
      <c r="AM4634" s="84"/>
    </row>
    <row r="4635" spans="35:39" x14ac:dyDescent="0.35">
      <c r="AI4635" s="84"/>
      <c r="AM4635" s="84"/>
    </row>
    <row r="4636" spans="35:39" x14ac:dyDescent="0.35">
      <c r="AI4636" s="84"/>
      <c r="AM4636" s="84"/>
    </row>
    <row r="4637" spans="35:39" x14ac:dyDescent="0.35">
      <c r="AI4637" s="84"/>
      <c r="AM4637" s="84"/>
    </row>
    <row r="4638" spans="35:39" x14ac:dyDescent="0.35">
      <c r="AI4638" s="84"/>
      <c r="AM4638" s="84"/>
    </row>
    <row r="4639" spans="35:39" x14ac:dyDescent="0.35">
      <c r="AI4639" s="84"/>
      <c r="AM4639" s="84"/>
    </row>
    <row r="4640" spans="35:39" x14ac:dyDescent="0.35">
      <c r="AI4640" s="84"/>
      <c r="AM4640" s="84"/>
    </row>
    <row r="4641" spans="35:39" x14ac:dyDescent="0.35">
      <c r="AI4641" s="84"/>
      <c r="AM4641" s="84"/>
    </row>
    <row r="4642" spans="35:39" x14ac:dyDescent="0.35">
      <c r="AI4642" s="84"/>
      <c r="AM4642" s="84"/>
    </row>
    <row r="4643" spans="35:39" x14ac:dyDescent="0.35">
      <c r="AI4643" s="84"/>
      <c r="AM4643" s="84"/>
    </row>
    <row r="4644" spans="35:39" x14ac:dyDescent="0.35">
      <c r="AI4644" s="84"/>
      <c r="AM4644" s="84"/>
    </row>
    <row r="4645" spans="35:39" x14ac:dyDescent="0.35">
      <c r="AI4645" s="84"/>
      <c r="AM4645" s="84"/>
    </row>
    <row r="4646" spans="35:39" x14ac:dyDescent="0.35">
      <c r="AI4646" s="84"/>
      <c r="AM4646" s="84"/>
    </row>
    <row r="4647" spans="35:39" x14ac:dyDescent="0.35">
      <c r="AI4647" s="84"/>
      <c r="AM4647" s="84"/>
    </row>
    <row r="4648" spans="35:39" x14ac:dyDescent="0.35">
      <c r="AI4648" s="84"/>
      <c r="AM4648" s="84"/>
    </row>
    <row r="4649" spans="35:39" x14ac:dyDescent="0.35">
      <c r="AI4649" s="84"/>
      <c r="AM4649" s="84"/>
    </row>
    <row r="4650" spans="35:39" x14ac:dyDescent="0.35">
      <c r="AI4650" s="84"/>
      <c r="AM4650" s="84"/>
    </row>
    <row r="4651" spans="35:39" x14ac:dyDescent="0.35">
      <c r="AI4651" s="84"/>
      <c r="AM4651" s="84"/>
    </row>
    <row r="4652" spans="35:39" x14ac:dyDescent="0.35">
      <c r="AI4652" s="84"/>
      <c r="AM4652" s="84"/>
    </row>
    <row r="4653" spans="35:39" x14ac:dyDescent="0.35">
      <c r="AI4653" s="84"/>
      <c r="AM4653" s="84"/>
    </row>
    <row r="4654" spans="35:39" x14ac:dyDescent="0.35">
      <c r="AI4654" s="84"/>
      <c r="AM4654" s="84"/>
    </row>
    <row r="4655" spans="35:39" x14ac:dyDescent="0.35">
      <c r="AI4655" s="84"/>
      <c r="AM4655" s="84"/>
    </row>
    <row r="4656" spans="35:39" x14ac:dyDescent="0.35">
      <c r="AI4656" s="84"/>
      <c r="AM4656" s="84"/>
    </row>
    <row r="4657" spans="35:39" x14ac:dyDescent="0.35">
      <c r="AI4657" s="84"/>
      <c r="AM4657" s="84"/>
    </row>
    <row r="4658" spans="35:39" x14ac:dyDescent="0.35">
      <c r="AI4658" s="84"/>
      <c r="AM4658" s="84"/>
    </row>
    <row r="4659" spans="35:39" x14ac:dyDescent="0.35">
      <c r="AI4659" s="84"/>
      <c r="AM4659" s="84"/>
    </row>
    <row r="4660" spans="35:39" x14ac:dyDescent="0.35">
      <c r="AI4660" s="84"/>
      <c r="AM4660" s="84"/>
    </row>
    <row r="4661" spans="35:39" x14ac:dyDescent="0.35">
      <c r="AI4661" s="84"/>
      <c r="AM4661" s="84"/>
    </row>
    <row r="4662" spans="35:39" x14ac:dyDescent="0.35">
      <c r="AI4662" s="84"/>
      <c r="AM4662" s="84"/>
    </row>
    <row r="4663" spans="35:39" x14ac:dyDescent="0.35">
      <c r="AI4663" s="84"/>
      <c r="AM4663" s="84"/>
    </row>
    <row r="4664" spans="35:39" x14ac:dyDescent="0.35">
      <c r="AI4664" s="84"/>
      <c r="AM4664" s="84"/>
    </row>
    <row r="4665" spans="35:39" x14ac:dyDescent="0.35">
      <c r="AI4665" s="84"/>
      <c r="AM4665" s="84"/>
    </row>
    <row r="4666" spans="35:39" x14ac:dyDescent="0.35">
      <c r="AI4666" s="84"/>
      <c r="AM4666" s="84"/>
    </row>
    <row r="4667" spans="35:39" x14ac:dyDescent="0.35">
      <c r="AI4667" s="84"/>
      <c r="AM4667" s="84"/>
    </row>
    <row r="4668" spans="35:39" x14ac:dyDescent="0.35">
      <c r="AI4668" s="84"/>
      <c r="AM4668" s="84"/>
    </row>
    <row r="4669" spans="35:39" x14ac:dyDescent="0.35">
      <c r="AI4669" s="84"/>
      <c r="AM4669" s="84"/>
    </row>
    <row r="4670" spans="35:39" x14ac:dyDescent="0.35">
      <c r="AI4670" s="84"/>
      <c r="AM4670" s="84"/>
    </row>
    <row r="4671" spans="35:39" x14ac:dyDescent="0.35">
      <c r="AI4671" s="84"/>
      <c r="AM4671" s="84"/>
    </row>
    <row r="4672" spans="35:39" x14ac:dyDescent="0.35">
      <c r="AI4672" s="84"/>
      <c r="AM4672" s="84"/>
    </row>
    <row r="4673" spans="35:39" x14ac:dyDescent="0.35">
      <c r="AI4673" s="84"/>
      <c r="AM4673" s="84"/>
    </row>
    <row r="4674" spans="35:39" x14ac:dyDescent="0.35">
      <c r="AI4674" s="84"/>
      <c r="AM4674" s="84"/>
    </row>
    <row r="4675" spans="35:39" x14ac:dyDescent="0.35">
      <c r="AI4675" s="84"/>
      <c r="AM4675" s="84"/>
    </row>
    <row r="4676" spans="35:39" x14ac:dyDescent="0.35">
      <c r="AI4676" s="84"/>
      <c r="AM4676" s="84"/>
    </row>
    <row r="4677" spans="35:39" x14ac:dyDescent="0.35">
      <c r="AI4677" s="84"/>
      <c r="AM4677" s="84"/>
    </row>
    <row r="4678" spans="35:39" x14ac:dyDescent="0.35">
      <c r="AI4678" s="84"/>
      <c r="AM4678" s="84"/>
    </row>
    <row r="4679" spans="35:39" x14ac:dyDescent="0.35">
      <c r="AI4679" s="84"/>
      <c r="AM4679" s="84"/>
    </row>
    <row r="4680" spans="35:39" x14ac:dyDescent="0.35">
      <c r="AI4680" s="84"/>
      <c r="AM4680" s="84"/>
    </row>
    <row r="4681" spans="35:39" x14ac:dyDescent="0.35">
      <c r="AI4681" s="84"/>
      <c r="AM4681" s="84"/>
    </row>
    <row r="4682" spans="35:39" x14ac:dyDescent="0.35">
      <c r="AI4682" s="84"/>
      <c r="AM4682" s="84"/>
    </row>
    <row r="4683" spans="35:39" x14ac:dyDescent="0.35">
      <c r="AI4683" s="84"/>
      <c r="AM4683" s="84"/>
    </row>
    <row r="4684" spans="35:39" x14ac:dyDescent="0.35">
      <c r="AI4684" s="84"/>
      <c r="AM4684" s="84"/>
    </row>
    <row r="4685" spans="35:39" x14ac:dyDescent="0.35">
      <c r="AI4685" s="84"/>
      <c r="AM4685" s="84"/>
    </row>
    <row r="4686" spans="35:39" x14ac:dyDescent="0.35">
      <c r="AI4686" s="84"/>
      <c r="AM4686" s="84"/>
    </row>
    <row r="4687" spans="35:39" x14ac:dyDescent="0.35">
      <c r="AI4687" s="84"/>
      <c r="AM4687" s="84"/>
    </row>
    <row r="4688" spans="35:39" x14ac:dyDescent="0.35">
      <c r="AI4688" s="84"/>
      <c r="AM4688" s="84"/>
    </row>
    <row r="4689" spans="35:39" x14ac:dyDescent="0.35">
      <c r="AI4689" s="84"/>
      <c r="AM4689" s="84"/>
    </row>
    <row r="4690" spans="35:39" x14ac:dyDescent="0.35">
      <c r="AI4690" s="84"/>
      <c r="AM4690" s="84"/>
    </row>
    <row r="4691" spans="35:39" x14ac:dyDescent="0.35">
      <c r="AI4691" s="84"/>
      <c r="AM4691" s="84"/>
    </row>
    <row r="4692" spans="35:39" x14ac:dyDescent="0.35">
      <c r="AI4692" s="84"/>
      <c r="AM4692" s="84"/>
    </row>
    <row r="4693" spans="35:39" x14ac:dyDescent="0.35">
      <c r="AI4693" s="84"/>
      <c r="AM4693" s="84"/>
    </row>
    <row r="4694" spans="35:39" x14ac:dyDescent="0.35">
      <c r="AI4694" s="84"/>
      <c r="AM4694" s="84"/>
    </row>
    <row r="4695" spans="35:39" x14ac:dyDescent="0.35">
      <c r="AI4695" s="84"/>
      <c r="AM4695" s="84"/>
    </row>
    <row r="4696" spans="35:39" x14ac:dyDescent="0.35">
      <c r="AI4696" s="84"/>
      <c r="AM4696" s="84"/>
    </row>
    <row r="4697" spans="35:39" x14ac:dyDescent="0.35">
      <c r="AI4697" s="84"/>
      <c r="AM4697" s="84"/>
    </row>
    <row r="4698" spans="35:39" x14ac:dyDescent="0.35">
      <c r="AI4698" s="84"/>
      <c r="AM4698" s="84"/>
    </row>
    <row r="4699" spans="35:39" x14ac:dyDescent="0.35">
      <c r="AI4699" s="84"/>
      <c r="AM4699" s="84"/>
    </row>
    <row r="4700" spans="35:39" x14ac:dyDescent="0.35">
      <c r="AI4700" s="84"/>
      <c r="AM4700" s="84"/>
    </row>
    <row r="4701" spans="35:39" x14ac:dyDescent="0.35">
      <c r="AI4701" s="84"/>
      <c r="AM4701" s="84"/>
    </row>
    <row r="4702" spans="35:39" x14ac:dyDescent="0.35">
      <c r="AI4702" s="84"/>
      <c r="AM4702" s="84"/>
    </row>
    <row r="4703" spans="35:39" x14ac:dyDescent="0.35">
      <c r="AI4703" s="84"/>
      <c r="AM4703" s="84"/>
    </row>
    <row r="4704" spans="35:39" x14ac:dyDescent="0.35">
      <c r="AI4704" s="84"/>
      <c r="AM4704" s="84"/>
    </row>
    <row r="4705" spans="35:39" x14ac:dyDescent="0.35">
      <c r="AI4705" s="84"/>
      <c r="AM4705" s="84"/>
    </row>
    <row r="4706" spans="35:39" x14ac:dyDescent="0.35">
      <c r="AI4706" s="84"/>
      <c r="AM4706" s="84"/>
    </row>
    <row r="4707" spans="35:39" x14ac:dyDescent="0.35">
      <c r="AI4707" s="84"/>
      <c r="AM4707" s="84"/>
    </row>
    <row r="4708" spans="35:39" x14ac:dyDescent="0.35">
      <c r="AI4708" s="84"/>
      <c r="AM4708" s="84"/>
    </row>
    <row r="4709" spans="35:39" x14ac:dyDescent="0.35">
      <c r="AI4709" s="84"/>
      <c r="AM4709" s="84"/>
    </row>
    <row r="4710" spans="35:39" x14ac:dyDescent="0.35">
      <c r="AI4710" s="84"/>
      <c r="AM4710" s="84"/>
    </row>
    <row r="4711" spans="35:39" x14ac:dyDescent="0.35">
      <c r="AI4711" s="84"/>
      <c r="AM4711" s="84"/>
    </row>
    <row r="4712" spans="35:39" x14ac:dyDescent="0.35">
      <c r="AI4712" s="84"/>
      <c r="AM4712" s="84"/>
    </row>
    <row r="4713" spans="35:39" x14ac:dyDescent="0.35">
      <c r="AI4713" s="84"/>
      <c r="AM4713" s="84"/>
    </row>
    <row r="4714" spans="35:39" x14ac:dyDescent="0.35">
      <c r="AI4714" s="84"/>
      <c r="AM4714" s="84"/>
    </row>
    <row r="4715" spans="35:39" x14ac:dyDescent="0.35">
      <c r="AI4715" s="84"/>
      <c r="AM4715" s="84"/>
    </row>
    <row r="4716" spans="35:39" x14ac:dyDescent="0.35">
      <c r="AI4716" s="84"/>
      <c r="AM4716" s="84"/>
    </row>
    <row r="4717" spans="35:39" x14ac:dyDescent="0.35">
      <c r="AI4717" s="84"/>
      <c r="AM4717" s="84"/>
    </row>
    <row r="4718" spans="35:39" x14ac:dyDescent="0.35">
      <c r="AI4718" s="84"/>
      <c r="AM4718" s="84"/>
    </row>
    <row r="4719" spans="35:39" x14ac:dyDescent="0.35">
      <c r="AI4719" s="84"/>
      <c r="AM4719" s="84"/>
    </row>
    <row r="4720" spans="35:39" x14ac:dyDescent="0.35">
      <c r="AI4720" s="84"/>
      <c r="AM4720" s="84"/>
    </row>
    <row r="4721" spans="35:39" x14ac:dyDescent="0.35">
      <c r="AI4721" s="84"/>
      <c r="AM4721" s="84"/>
    </row>
    <row r="4722" spans="35:39" x14ac:dyDescent="0.35">
      <c r="AI4722" s="84"/>
      <c r="AM4722" s="84"/>
    </row>
    <row r="4723" spans="35:39" x14ac:dyDescent="0.35">
      <c r="AI4723" s="84"/>
      <c r="AM4723" s="84"/>
    </row>
    <row r="4724" spans="35:39" x14ac:dyDescent="0.35">
      <c r="AI4724" s="84"/>
      <c r="AM4724" s="84"/>
    </row>
    <row r="4725" spans="35:39" x14ac:dyDescent="0.35">
      <c r="AI4725" s="84"/>
      <c r="AM4725" s="84"/>
    </row>
    <row r="4726" spans="35:39" x14ac:dyDescent="0.35">
      <c r="AI4726" s="84"/>
      <c r="AM4726" s="84"/>
    </row>
    <row r="4727" spans="35:39" x14ac:dyDescent="0.35">
      <c r="AI4727" s="84"/>
      <c r="AM4727" s="84"/>
    </row>
    <row r="4728" spans="35:39" x14ac:dyDescent="0.35">
      <c r="AI4728" s="84"/>
      <c r="AM4728" s="84"/>
    </row>
    <row r="4729" spans="35:39" x14ac:dyDescent="0.35">
      <c r="AI4729" s="84"/>
      <c r="AM4729" s="84"/>
    </row>
    <row r="4730" spans="35:39" x14ac:dyDescent="0.35">
      <c r="AI4730" s="84"/>
      <c r="AM4730" s="84"/>
    </row>
    <row r="4731" spans="35:39" x14ac:dyDescent="0.35">
      <c r="AI4731" s="84"/>
      <c r="AM4731" s="84"/>
    </row>
    <row r="4732" spans="35:39" x14ac:dyDescent="0.35">
      <c r="AI4732" s="84"/>
      <c r="AM4732" s="84"/>
    </row>
    <row r="4733" spans="35:39" x14ac:dyDescent="0.35">
      <c r="AI4733" s="84"/>
      <c r="AM4733" s="84"/>
    </row>
    <row r="4734" spans="35:39" x14ac:dyDescent="0.35">
      <c r="AI4734" s="84"/>
      <c r="AM4734" s="84"/>
    </row>
    <row r="4735" spans="35:39" x14ac:dyDescent="0.35">
      <c r="AI4735" s="84"/>
      <c r="AM4735" s="84"/>
    </row>
    <row r="4736" spans="35:39" x14ac:dyDescent="0.35">
      <c r="AI4736" s="84"/>
      <c r="AM4736" s="84"/>
    </row>
    <row r="4737" spans="35:39" x14ac:dyDescent="0.35">
      <c r="AI4737" s="84"/>
      <c r="AM4737" s="84"/>
    </row>
    <row r="4738" spans="35:39" x14ac:dyDescent="0.35">
      <c r="AI4738" s="84"/>
      <c r="AM4738" s="84"/>
    </row>
    <row r="4739" spans="35:39" x14ac:dyDescent="0.35">
      <c r="AI4739" s="84"/>
      <c r="AM4739" s="84"/>
    </row>
    <row r="4740" spans="35:39" x14ac:dyDescent="0.35">
      <c r="AI4740" s="84"/>
      <c r="AM4740" s="84"/>
    </row>
    <row r="4741" spans="35:39" x14ac:dyDescent="0.35">
      <c r="AI4741" s="84"/>
      <c r="AM4741" s="84"/>
    </row>
    <row r="4742" spans="35:39" x14ac:dyDescent="0.35">
      <c r="AI4742" s="84"/>
      <c r="AM4742" s="84"/>
    </row>
    <row r="4743" spans="35:39" x14ac:dyDescent="0.35">
      <c r="AI4743" s="84"/>
      <c r="AM4743" s="84"/>
    </row>
    <row r="4744" spans="35:39" x14ac:dyDescent="0.35">
      <c r="AI4744" s="84"/>
      <c r="AM4744" s="84"/>
    </row>
    <row r="4745" spans="35:39" x14ac:dyDescent="0.35">
      <c r="AI4745" s="84"/>
      <c r="AM4745" s="84"/>
    </row>
    <row r="4746" spans="35:39" x14ac:dyDescent="0.35">
      <c r="AI4746" s="84"/>
      <c r="AM4746" s="84"/>
    </row>
    <row r="4747" spans="35:39" x14ac:dyDescent="0.35">
      <c r="AI4747" s="84"/>
      <c r="AM4747" s="84"/>
    </row>
    <row r="4748" spans="35:39" x14ac:dyDescent="0.35">
      <c r="AI4748" s="84"/>
      <c r="AM4748" s="84"/>
    </row>
    <row r="4749" spans="35:39" x14ac:dyDescent="0.35">
      <c r="AI4749" s="84"/>
      <c r="AM4749" s="84"/>
    </row>
    <row r="4750" spans="35:39" x14ac:dyDescent="0.35">
      <c r="AI4750" s="84"/>
      <c r="AM4750" s="84"/>
    </row>
    <row r="4751" spans="35:39" x14ac:dyDescent="0.35">
      <c r="AI4751" s="84"/>
      <c r="AM4751" s="84"/>
    </row>
    <row r="4752" spans="35:39" x14ac:dyDescent="0.35">
      <c r="AI4752" s="84"/>
      <c r="AM4752" s="84"/>
    </row>
    <row r="4753" spans="35:39" x14ac:dyDescent="0.35">
      <c r="AI4753" s="84"/>
      <c r="AM4753" s="84"/>
    </row>
    <row r="4754" spans="35:39" x14ac:dyDescent="0.35">
      <c r="AI4754" s="84"/>
      <c r="AM4754" s="84"/>
    </row>
    <row r="4755" spans="35:39" x14ac:dyDescent="0.35">
      <c r="AI4755" s="84"/>
      <c r="AM4755" s="84"/>
    </row>
    <row r="4756" spans="35:39" x14ac:dyDescent="0.35">
      <c r="AI4756" s="84"/>
      <c r="AM4756" s="84"/>
    </row>
    <row r="4757" spans="35:39" x14ac:dyDescent="0.35">
      <c r="AI4757" s="84"/>
      <c r="AM4757" s="84"/>
    </row>
    <row r="4758" spans="35:39" x14ac:dyDescent="0.35">
      <c r="AI4758" s="84"/>
      <c r="AM4758" s="84"/>
    </row>
    <row r="4759" spans="35:39" x14ac:dyDescent="0.35">
      <c r="AI4759" s="84"/>
      <c r="AM4759" s="84"/>
    </row>
    <row r="4760" spans="35:39" x14ac:dyDescent="0.35">
      <c r="AI4760" s="84"/>
      <c r="AM4760" s="84"/>
    </row>
    <row r="4761" spans="35:39" x14ac:dyDescent="0.35">
      <c r="AI4761" s="84"/>
      <c r="AM4761" s="84"/>
    </row>
    <row r="4762" spans="35:39" x14ac:dyDescent="0.35">
      <c r="AI4762" s="84"/>
      <c r="AM4762" s="84"/>
    </row>
    <row r="4763" spans="35:39" x14ac:dyDescent="0.35">
      <c r="AI4763" s="84"/>
      <c r="AM4763" s="84"/>
    </row>
    <row r="4764" spans="35:39" x14ac:dyDescent="0.35">
      <c r="AI4764" s="84"/>
      <c r="AM4764" s="84"/>
    </row>
    <row r="4765" spans="35:39" x14ac:dyDescent="0.35">
      <c r="AI4765" s="84"/>
      <c r="AM4765" s="84"/>
    </row>
    <row r="4766" spans="35:39" x14ac:dyDescent="0.35">
      <c r="AI4766" s="84"/>
      <c r="AM4766" s="84"/>
    </row>
    <row r="4767" spans="35:39" x14ac:dyDescent="0.35">
      <c r="AI4767" s="84"/>
      <c r="AM4767" s="84"/>
    </row>
    <row r="4768" spans="35:39" x14ac:dyDescent="0.35">
      <c r="AI4768" s="84"/>
      <c r="AM4768" s="84"/>
    </row>
    <row r="4769" spans="35:39" x14ac:dyDescent="0.35">
      <c r="AI4769" s="84"/>
      <c r="AM4769" s="84"/>
    </row>
    <row r="4770" spans="35:39" x14ac:dyDescent="0.35">
      <c r="AI4770" s="84"/>
      <c r="AM4770" s="84"/>
    </row>
    <row r="4771" spans="35:39" x14ac:dyDescent="0.35">
      <c r="AI4771" s="84"/>
      <c r="AM4771" s="84"/>
    </row>
    <row r="4772" spans="35:39" x14ac:dyDescent="0.35">
      <c r="AI4772" s="84"/>
      <c r="AM4772" s="84"/>
    </row>
    <row r="4773" spans="35:39" x14ac:dyDescent="0.35">
      <c r="AI4773" s="84"/>
      <c r="AM4773" s="84"/>
    </row>
    <row r="4774" spans="35:39" x14ac:dyDescent="0.35">
      <c r="AI4774" s="84"/>
      <c r="AM4774" s="84"/>
    </row>
    <row r="4775" spans="35:39" x14ac:dyDescent="0.35">
      <c r="AI4775" s="84"/>
      <c r="AM4775" s="84"/>
    </row>
    <row r="4776" spans="35:39" x14ac:dyDescent="0.35">
      <c r="AI4776" s="84"/>
      <c r="AM4776" s="84"/>
    </row>
    <row r="4777" spans="35:39" x14ac:dyDescent="0.35">
      <c r="AI4777" s="84"/>
      <c r="AM4777" s="84"/>
    </row>
    <row r="4778" spans="35:39" x14ac:dyDescent="0.35">
      <c r="AI4778" s="84"/>
      <c r="AM4778" s="84"/>
    </row>
    <row r="4779" spans="35:39" x14ac:dyDescent="0.35">
      <c r="AI4779" s="84"/>
      <c r="AM4779" s="84"/>
    </row>
    <row r="4780" spans="35:39" x14ac:dyDescent="0.35">
      <c r="AI4780" s="84"/>
      <c r="AM4780" s="84"/>
    </row>
    <row r="4781" spans="35:39" x14ac:dyDescent="0.35">
      <c r="AI4781" s="84"/>
      <c r="AM4781" s="84"/>
    </row>
    <row r="4782" spans="35:39" x14ac:dyDescent="0.35">
      <c r="AI4782" s="84"/>
      <c r="AM4782" s="84"/>
    </row>
    <row r="4783" spans="35:39" x14ac:dyDescent="0.35">
      <c r="AI4783" s="84"/>
      <c r="AM4783" s="84"/>
    </row>
    <row r="4784" spans="35:39" x14ac:dyDescent="0.35">
      <c r="AI4784" s="84"/>
      <c r="AM4784" s="84"/>
    </row>
    <row r="4785" spans="35:39" x14ac:dyDescent="0.35">
      <c r="AI4785" s="84"/>
      <c r="AM4785" s="84"/>
    </row>
    <row r="4786" spans="35:39" x14ac:dyDescent="0.35">
      <c r="AI4786" s="84"/>
      <c r="AM4786" s="84"/>
    </row>
    <row r="4787" spans="35:39" x14ac:dyDescent="0.35">
      <c r="AI4787" s="84"/>
      <c r="AM4787" s="84"/>
    </row>
    <row r="4788" spans="35:39" x14ac:dyDescent="0.35">
      <c r="AI4788" s="84"/>
      <c r="AM4788" s="84"/>
    </row>
    <row r="4789" spans="35:39" x14ac:dyDescent="0.35">
      <c r="AI4789" s="84"/>
      <c r="AM4789" s="84"/>
    </row>
    <row r="4790" spans="35:39" x14ac:dyDescent="0.35">
      <c r="AI4790" s="84"/>
      <c r="AM4790" s="84"/>
    </row>
    <row r="4791" spans="35:39" x14ac:dyDescent="0.35">
      <c r="AI4791" s="84"/>
      <c r="AM4791" s="84"/>
    </row>
    <row r="4792" spans="35:39" x14ac:dyDescent="0.35">
      <c r="AI4792" s="84"/>
      <c r="AM4792" s="84"/>
    </row>
    <row r="4793" spans="35:39" x14ac:dyDescent="0.35">
      <c r="AI4793" s="84"/>
      <c r="AM4793" s="84"/>
    </row>
    <row r="4794" spans="35:39" x14ac:dyDescent="0.35">
      <c r="AI4794" s="84"/>
      <c r="AM4794" s="84"/>
    </row>
    <row r="4795" spans="35:39" x14ac:dyDescent="0.35">
      <c r="AI4795" s="84"/>
      <c r="AM4795" s="84"/>
    </row>
    <row r="4796" spans="35:39" x14ac:dyDescent="0.35">
      <c r="AI4796" s="84"/>
      <c r="AM4796" s="84"/>
    </row>
    <row r="4797" spans="35:39" x14ac:dyDescent="0.35">
      <c r="AI4797" s="84"/>
      <c r="AM4797" s="84"/>
    </row>
    <row r="4798" spans="35:39" x14ac:dyDescent="0.35">
      <c r="AI4798" s="84"/>
      <c r="AM4798" s="84"/>
    </row>
    <row r="4799" spans="35:39" x14ac:dyDescent="0.35">
      <c r="AI4799" s="84"/>
      <c r="AM4799" s="84"/>
    </row>
    <row r="4800" spans="35:39" x14ac:dyDescent="0.35">
      <c r="AI4800" s="84"/>
      <c r="AM4800" s="84"/>
    </row>
    <row r="4801" spans="35:39" x14ac:dyDescent="0.35">
      <c r="AI4801" s="84"/>
      <c r="AM4801" s="84"/>
    </row>
    <row r="4802" spans="35:39" x14ac:dyDescent="0.35">
      <c r="AI4802" s="84"/>
      <c r="AM4802" s="84"/>
    </row>
    <row r="4803" spans="35:39" x14ac:dyDescent="0.35">
      <c r="AI4803" s="84"/>
      <c r="AM4803" s="84"/>
    </row>
    <row r="4804" spans="35:39" x14ac:dyDescent="0.35">
      <c r="AI4804" s="84"/>
      <c r="AM4804" s="84"/>
    </row>
    <row r="4805" spans="35:39" x14ac:dyDescent="0.35">
      <c r="AI4805" s="84"/>
      <c r="AM4805" s="84"/>
    </row>
    <row r="4806" spans="35:39" x14ac:dyDescent="0.35">
      <c r="AI4806" s="84"/>
      <c r="AM4806" s="84"/>
    </row>
    <row r="4807" spans="35:39" x14ac:dyDescent="0.35">
      <c r="AI4807" s="84"/>
      <c r="AM4807" s="84"/>
    </row>
    <row r="4808" spans="35:39" x14ac:dyDescent="0.35">
      <c r="AI4808" s="84"/>
      <c r="AM4808" s="84"/>
    </row>
    <row r="4809" spans="35:39" x14ac:dyDescent="0.35">
      <c r="AI4809" s="84"/>
      <c r="AM4809" s="84"/>
    </row>
    <row r="4810" spans="35:39" x14ac:dyDescent="0.35">
      <c r="AI4810" s="84"/>
      <c r="AM4810" s="84"/>
    </row>
    <row r="4811" spans="35:39" x14ac:dyDescent="0.35">
      <c r="AI4811" s="84"/>
      <c r="AM4811" s="84"/>
    </row>
    <row r="4812" spans="35:39" x14ac:dyDescent="0.35">
      <c r="AI4812" s="84"/>
      <c r="AM4812" s="84"/>
    </row>
    <row r="4813" spans="35:39" x14ac:dyDescent="0.35">
      <c r="AI4813" s="84"/>
      <c r="AM4813" s="84"/>
    </row>
    <row r="4814" spans="35:39" x14ac:dyDescent="0.35">
      <c r="AI4814" s="84"/>
      <c r="AM4814" s="84"/>
    </row>
    <row r="4815" spans="35:39" x14ac:dyDescent="0.35">
      <c r="AI4815" s="84"/>
      <c r="AM4815" s="84"/>
    </row>
    <row r="4816" spans="35:39" x14ac:dyDescent="0.35">
      <c r="AI4816" s="84"/>
      <c r="AM4816" s="84"/>
    </row>
    <row r="4817" spans="35:39" x14ac:dyDescent="0.35">
      <c r="AI4817" s="84"/>
      <c r="AM4817" s="84"/>
    </row>
    <row r="4818" spans="35:39" x14ac:dyDescent="0.35">
      <c r="AI4818" s="84"/>
      <c r="AM4818" s="84"/>
    </row>
    <row r="4819" spans="35:39" x14ac:dyDescent="0.35">
      <c r="AI4819" s="84"/>
      <c r="AM4819" s="84"/>
    </row>
    <row r="4820" spans="35:39" x14ac:dyDescent="0.35">
      <c r="AI4820" s="84"/>
      <c r="AM4820" s="84"/>
    </row>
    <row r="4821" spans="35:39" x14ac:dyDescent="0.35">
      <c r="AI4821" s="84"/>
      <c r="AM4821" s="84"/>
    </row>
    <row r="4822" spans="35:39" x14ac:dyDescent="0.35">
      <c r="AI4822" s="84"/>
      <c r="AM4822" s="84"/>
    </row>
    <row r="4823" spans="35:39" x14ac:dyDescent="0.35">
      <c r="AI4823" s="84"/>
      <c r="AM4823" s="84"/>
    </row>
    <row r="4824" spans="35:39" x14ac:dyDescent="0.35">
      <c r="AI4824" s="84"/>
      <c r="AM4824" s="84"/>
    </row>
    <row r="4825" spans="35:39" x14ac:dyDescent="0.35">
      <c r="AI4825" s="84"/>
      <c r="AM4825" s="84"/>
    </row>
    <row r="4826" spans="35:39" x14ac:dyDescent="0.35">
      <c r="AI4826" s="84"/>
      <c r="AM4826" s="84"/>
    </row>
    <row r="4827" spans="35:39" x14ac:dyDescent="0.35">
      <c r="AI4827" s="84"/>
      <c r="AM4827" s="84"/>
    </row>
    <row r="4828" spans="35:39" x14ac:dyDescent="0.35">
      <c r="AI4828" s="84"/>
      <c r="AM4828" s="84"/>
    </row>
    <row r="4829" spans="35:39" x14ac:dyDescent="0.35">
      <c r="AI4829" s="84"/>
      <c r="AM4829" s="84"/>
    </row>
    <row r="4830" spans="35:39" x14ac:dyDescent="0.35">
      <c r="AI4830" s="84"/>
      <c r="AM4830" s="84"/>
    </row>
    <row r="4831" spans="35:39" x14ac:dyDescent="0.35">
      <c r="AI4831" s="84"/>
      <c r="AM4831" s="84"/>
    </row>
    <row r="4832" spans="35:39" x14ac:dyDescent="0.35">
      <c r="AI4832" s="84"/>
      <c r="AM4832" s="84"/>
    </row>
    <row r="4833" spans="35:39" x14ac:dyDescent="0.35">
      <c r="AI4833" s="84"/>
      <c r="AM4833" s="84"/>
    </row>
    <row r="4834" spans="35:39" x14ac:dyDescent="0.35">
      <c r="AI4834" s="84"/>
      <c r="AM4834" s="84"/>
    </row>
    <row r="4835" spans="35:39" x14ac:dyDescent="0.35">
      <c r="AI4835" s="84"/>
      <c r="AM4835" s="84"/>
    </row>
    <row r="4836" spans="35:39" x14ac:dyDescent="0.35">
      <c r="AI4836" s="84"/>
      <c r="AM4836" s="84"/>
    </row>
    <row r="4837" spans="35:39" x14ac:dyDescent="0.35">
      <c r="AI4837" s="84"/>
      <c r="AM4837" s="84"/>
    </row>
    <row r="4838" spans="35:39" x14ac:dyDescent="0.35">
      <c r="AI4838" s="84"/>
      <c r="AM4838" s="84"/>
    </row>
    <row r="4839" spans="35:39" x14ac:dyDescent="0.35">
      <c r="AI4839" s="84"/>
      <c r="AM4839" s="84"/>
    </row>
    <row r="4840" spans="35:39" x14ac:dyDescent="0.35">
      <c r="AI4840" s="84"/>
      <c r="AM4840" s="84"/>
    </row>
    <row r="4841" spans="35:39" x14ac:dyDescent="0.35">
      <c r="AI4841" s="84"/>
      <c r="AM4841" s="84"/>
    </row>
    <row r="4842" spans="35:39" x14ac:dyDescent="0.35">
      <c r="AI4842" s="84"/>
      <c r="AM4842" s="84"/>
    </row>
    <row r="4843" spans="35:39" x14ac:dyDescent="0.35">
      <c r="AI4843" s="84"/>
      <c r="AM4843" s="84"/>
    </row>
    <row r="4844" spans="35:39" x14ac:dyDescent="0.35">
      <c r="AI4844" s="84"/>
      <c r="AM4844" s="84"/>
    </row>
    <row r="4845" spans="35:39" x14ac:dyDescent="0.35">
      <c r="AI4845" s="84"/>
      <c r="AM4845" s="84"/>
    </row>
    <row r="4846" spans="35:39" x14ac:dyDescent="0.35">
      <c r="AI4846" s="84"/>
      <c r="AM4846" s="84"/>
    </row>
    <row r="4847" spans="35:39" x14ac:dyDescent="0.35">
      <c r="AI4847" s="84"/>
      <c r="AM4847" s="84"/>
    </row>
    <row r="4848" spans="35:39" x14ac:dyDescent="0.35">
      <c r="AI4848" s="84"/>
      <c r="AM4848" s="84"/>
    </row>
    <row r="4849" spans="35:39" x14ac:dyDescent="0.35">
      <c r="AI4849" s="84"/>
      <c r="AM4849" s="84"/>
    </row>
    <row r="4850" spans="35:39" x14ac:dyDescent="0.35">
      <c r="AI4850" s="84"/>
      <c r="AM4850" s="84"/>
    </row>
    <row r="4851" spans="35:39" x14ac:dyDescent="0.35">
      <c r="AI4851" s="84"/>
      <c r="AM4851" s="84"/>
    </row>
    <row r="4852" spans="35:39" x14ac:dyDescent="0.35">
      <c r="AI4852" s="84"/>
      <c r="AM4852" s="84"/>
    </row>
    <row r="4853" spans="35:39" x14ac:dyDescent="0.35">
      <c r="AI4853" s="84"/>
      <c r="AM4853" s="84"/>
    </row>
    <row r="4854" spans="35:39" x14ac:dyDescent="0.35">
      <c r="AI4854" s="84"/>
      <c r="AM4854" s="84"/>
    </row>
    <row r="4855" spans="35:39" x14ac:dyDescent="0.35">
      <c r="AI4855" s="84"/>
      <c r="AM4855" s="84"/>
    </row>
    <row r="4856" spans="35:39" x14ac:dyDescent="0.35">
      <c r="AI4856" s="84"/>
      <c r="AM4856" s="84"/>
    </row>
    <row r="4857" spans="35:39" x14ac:dyDescent="0.35">
      <c r="AI4857" s="84"/>
      <c r="AM4857" s="84"/>
    </row>
    <row r="4858" spans="35:39" x14ac:dyDescent="0.35">
      <c r="AI4858" s="84"/>
      <c r="AM4858" s="84"/>
    </row>
    <row r="4859" spans="35:39" x14ac:dyDescent="0.35">
      <c r="AI4859" s="84"/>
      <c r="AM4859" s="84"/>
    </row>
    <row r="4860" spans="35:39" x14ac:dyDescent="0.35">
      <c r="AI4860" s="84"/>
      <c r="AM4860" s="84"/>
    </row>
    <row r="4861" spans="35:39" x14ac:dyDescent="0.35">
      <c r="AI4861" s="84"/>
      <c r="AM4861" s="84"/>
    </row>
    <row r="4862" spans="35:39" x14ac:dyDescent="0.35">
      <c r="AI4862" s="84"/>
      <c r="AM4862" s="84"/>
    </row>
    <row r="4863" spans="35:39" x14ac:dyDescent="0.35">
      <c r="AI4863" s="84"/>
      <c r="AM4863" s="84"/>
    </row>
    <row r="4864" spans="35:39" x14ac:dyDescent="0.35">
      <c r="AI4864" s="84"/>
      <c r="AM4864" s="84"/>
    </row>
    <row r="4865" spans="35:39" x14ac:dyDescent="0.35">
      <c r="AI4865" s="84"/>
      <c r="AM4865" s="84"/>
    </row>
    <row r="4866" spans="35:39" x14ac:dyDescent="0.35">
      <c r="AI4866" s="84"/>
      <c r="AM4866" s="84"/>
    </row>
    <row r="4867" spans="35:39" x14ac:dyDescent="0.35">
      <c r="AI4867" s="84"/>
      <c r="AM4867" s="84"/>
    </row>
    <row r="4868" spans="35:39" x14ac:dyDescent="0.35">
      <c r="AI4868" s="84"/>
      <c r="AM4868" s="84"/>
    </row>
    <row r="4869" spans="35:39" x14ac:dyDescent="0.35">
      <c r="AI4869" s="84"/>
      <c r="AM4869" s="84"/>
    </row>
    <row r="4870" spans="35:39" x14ac:dyDescent="0.35">
      <c r="AI4870" s="84"/>
      <c r="AM4870" s="84"/>
    </row>
    <row r="4871" spans="35:39" x14ac:dyDescent="0.35">
      <c r="AI4871" s="84"/>
      <c r="AM4871" s="84"/>
    </row>
    <row r="4872" spans="35:39" x14ac:dyDescent="0.35">
      <c r="AI4872" s="84"/>
      <c r="AM4872" s="84"/>
    </row>
    <row r="4873" spans="35:39" x14ac:dyDescent="0.35">
      <c r="AI4873" s="84"/>
      <c r="AM4873" s="84"/>
    </row>
    <row r="4874" spans="35:39" x14ac:dyDescent="0.35">
      <c r="AI4874" s="84"/>
      <c r="AM4874" s="84"/>
    </row>
    <row r="4875" spans="35:39" x14ac:dyDescent="0.35">
      <c r="AI4875" s="84"/>
      <c r="AM4875" s="84"/>
    </row>
    <row r="4876" spans="35:39" x14ac:dyDescent="0.35">
      <c r="AI4876" s="84"/>
      <c r="AM4876" s="84"/>
    </row>
    <row r="4877" spans="35:39" x14ac:dyDescent="0.35">
      <c r="AI4877" s="84"/>
      <c r="AM4877" s="84"/>
    </row>
    <row r="4878" spans="35:39" x14ac:dyDescent="0.35">
      <c r="AI4878" s="84"/>
      <c r="AM4878" s="84"/>
    </row>
    <row r="4879" spans="35:39" x14ac:dyDescent="0.35">
      <c r="AI4879" s="84"/>
      <c r="AM4879" s="84"/>
    </row>
    <row r="4880" spans="35:39" x14ac:dyDescent="0.35">
      <c r="AI4880" s="84"/>
      <c r="AM4880" s="84"/>
    </row>
    <row r="4881" spans="35:39" x14ac:dyDescent="0.35">
      <c r="AI4881" s="84"/>
      <c r="AM4881" s="84"/>
    </row>
    <row r="4882" spans="35:39" x14ac:dyDescent="0.35">
      <c r="AI4882" s="84"/>
      <c r="AM4882" s="84"/>
    </row>
    <row r="4883" spans="35:39" x14ac:dyDescent="0.35">
      <c r="AI4883" s="84"/>
      <c r="AM4883" s="84"/>
    </row>
    <row r="4884" spans="35:39" x14ac:dyDescent="0.35">
      <c r="AI4884" s="84"/>
      <c r="AM4884" s="84"/>
    </row>
    <row r="4885" spans="35:39" x14ac:dyDescent="0.35">
      <c r="AI4885" s="84"/>
      <c r="AM4885" s="84"/>
    </row>
    <row r="4886" spans="35:39" x14ac:dyDescent="0.35">
      <c r="AI4886" s="84"/>
      <c r="AM4886" s="84"/>
    </row>
    <row r="4887" spans="35:39" x14ac:dyDescent="0.35">
      <c r="AI4887" s="84"/>
      <c r="AM4887" s="84"/>
    </row>
    <row r="4888" spans="35:39" x14ac:dyDescent="0.35">
      <c r="AI4888" s="84"/>
      <c r="AM4888" s="84"/>
    </row>
    <row r="4889" spans="35:39" x14ac:dyDescent="0.35">
      <c r="AI4889" s="84"/>
      <c r="AM4889" s="84"/>
    </row>
    <row r="4890" spans="35:39" x14ac:dyDescent="0.35">
      <c r="AI4890" s="84"/>
      <c r="AM4890" s="84"/>
    </row>
    <row r="4891" spans="35:39" x14ac:dyDescent="0.35">
      <c r="AI4891" s="84"/>
      <c r="AM4891" s="84"/>
    </row>
    <row r="4892" spans="35:39" x14ac:dyDescent="0.35">
      <c r="AI4892" s="84"/>
      <c r="AM4892" s="84"/>
    </row>
    <row r="4893" spans="35:39" x14ac:dyDescent="0.35">
      <c r="AI4893" s="84"/>
      <c r="AM4893" s="84"/>
    </row>
    <row r="4894" spans="35:39" x14ac:dyDescent="0.35">
      <c r="AI4894" s="84"/>
      <c r="AM4894" s="84"/>
    </row>
    <row r="4895" spans="35:39" x14ac:dyDescent="0.35">
      <c r="AI4895" s="84"/>
      <c r="AM4895" s="84"/>
    </row>
    <row r="4896" spans="35:39" x14ac:dyDescent="0.35">
      <c r="AI4896" s="84"/>
      <c r="AM4896" s="84"/>
    </row>
    <row r="4897" spans="35:39" x14ac:dyDescent="0.35">
      <c r="AI4897" s="84"/>
      <c r="AM4897" s="84"/>
    </row>
    <row r="4898" spans="35:39" x14ac:dyDescent="0.35">
      <c r="AI4898" s="84"/>
      <c r="AM4898" s="84"/>
    </row>
    <row r="4899" spans="35:39" x14ac:dyDescent="0.35">
      <c r="AI4899" s="84"/>
      <c r="AM4899" s="84"/>
    </row>
    <row r="4900" spans="35:39" x14ac:dyDescent="0.35">
      <c r="AI4900" s="84"/>
      <c r="AM4900" s="84"/>
    </row>
    <row r="4901" spans="35:39" x14ac:dyDescent="0.35">
      <c r="AI4901" s="84"/>
      <c r="AM4901" s="84"/>
    </row>
    <row r="4902" spans="35:39" x14ac:dyDescent="0.35">
      <c r="AI4902" s="84"/>
      <c r="AM4902" s="84"/>
    </row>
    <row r="4903" spans="35:39" x14ac:dyDescent="0.35">
      <c r="AI4903" s="84"/>
      <c r="AM4903" s="84"/>
    </row>
    <row r="4904" spans="35:39" x14ac:dyDescent="0.35">
      <c r="AI4904" s="84"/>
      <c r="AM4904" s="84"/>
    </row>
    <row r="4905" spans="35:39" x14ac:dyDescent="0.35">
      <c r="AI4905" s="84"/>
      <c r="AM4905" s="84"/>
    </row>
    <row r="4906" spans="35:39" x14ac:dyDescent="0.35">
      <c r="AI4906" s="84"/>
      <c r="AM4906" s="84"/>
    </row>
    <row r="4907" spans="35:39" x14ac:dyDescent="0.35">
      <c r="AI4907" s="84"/>
      <c r="AM4907" s="84"/>
    </row>
    <row r="4908" spans="35:39" x14ac:dyDescent="0.35">
      <c r="AI4908" s="84"/>
      <c r="AM4908" s="84"/>
    </row>
    <row r="4909" spans="35:39" x14ac:dyDescent="0.35">
      <c r="AI4909" s="84"/>
      <c r="AM4909" s="84"/>
    </row>
    <row r="4910" spans="35:39" x14ac:dyDescent="0.35">
      <c r="AI4910" s="84"/>
      <c r="AM4910" s="84"/>
    </row>
    <row r="4911" spans="35:39" x14ac:dyDescent="0.35">
      <c r="AI4911" s="84"/>
      <c r="AM4911" s="84"/>
    </row>
    <row r="4912" spans="35:39" x14ac:dyDescent="0.35">
      <c r="AI4912" s="84"/>
      <c r="AM4912" s="84"/>
    </row>
    <row r="4913" spans="35:39" x14ac:dyDescent="0.35">
      <c r="AI4913" s="84"/>
      <c r="AM4913" s="84"/>
    </row>
    <row r="4914" spans="35:39" x14ac:dyDescent="0.35">
      <c r="AI4914" s="84"/>
      <c r="AM4914" s="84"/>
    </row>
    <row r="4915" spans="35:39" x14ac:dyDescent="0.35">
      <c r="AI4915" s="84"/>
      <c r="AM4915" s="84"/>
    </row>
    <row r="4916" spans="35:39" x14ac:dyDescent="0.35">
      <c r="AI4916" s="84"/>
      <c r="AM4916" s="84"/>
    </row>
    <row r="4917" spans="35:39" x14ac:dyDescent="0.35">
      <c r="AI4917" s="84"/>
      <c r="AM4917" s="84"/>
    </row>
    <row r="4918" spans="35:39" x14ac:dyDescent="0.35">
      <c r="AI4918" s="84"/>
      <c r="AM4918" s="84"/>
    </row>
    <row r="4919" spans="35:39" x14ac:dyDescent="0.35">
      <c r="AI4919" s="84"/>
      <c r="AM4919" s="84"/>
    </row>
    <row r="4920" spans="35:39" x14ac:dyDescent="0.35">
      <c r="AI4920" s="84"/>
      <c r="AM4920" s="84"/>
    </row>
    <row r="4921" spans="35:39" x14ac:dyDescent="0.35">
      <c r="AI4921" s="84"/>
      <c r="AM4921" s="84"/>
    </row>
    <row r="4922" spans="35:39" x14ac:dyDescent="0.35">
      <c r="AI4922" s="84"/>
      <c r="AM4922" s="84"/>
    </row>
    <row r="4923" spans="35:39" x14ac:dyDescent="0.35">
      <c r="AI4923" s="84"/>
      <c r="AM4923" s="84"/>
    </row>
    <row r="4924" spans="35:39" x14ac:dyDescent="0.35">
      <c r="AI4924" s="84"/>
      <c r="AM4924" s="84"/>
    </row>
    <row r="4925" spans="35:39" x14ac:dyDescent="0.35">
      <c r="AI4925" s="84"/>
      <c r="AM4925" s="84"/>
    </row>
    <row r="4926" spans="35:39" x14ac:dyDescent="0.35">
      <c r="AI4926" s="84"/>
      <c r="AM4926" s="84"/>
    </row>
    <row r="4927" spans="35:39" x14ac:dyDescent="0.35">
      <c r="AI4927" s="84"/>
      <c r="AM4927" s="84"/>
    </row>
    <row r="4928" spans="35:39" x14ac:dyDescent="0.35">
      <c r="AI4928" s="84"/>
      <c r="AM4928" s="84"/>
    </row>
    <row r="4929" spans="35:39" x14ac:dyDescent="0.35">
      <c r="AI4929" s="84"/>
      <c r="AM4929" s="84"/>
    </row>
    <row r="4930" spans="35:39" x14ac:dyDescent="0.35">
      <c r="AI4930" s="84"/>
      <c r="AM4930" s="84"/>
    </row>
    <row r="4931" spans="35:39" x14ac:dyDescent="0.35">
      <c r="AI4931" s="84"/>
      <c r="AM4931" s="84"/>
    </row>
    <row r="4932" spans="35:39" x14ac:dyDescent="0.35">
      <c r="AI4932" s="84"/>
      <c r="AM4932" s="84"/>
    </row>
    <row r="4933" spans="35:39" x14ac:dyDescent="0.35">
      <c r="AI4933" s="84"/>
      <c r="AM4933" s="84"/>
    </row>
    <row r="4934" spans="35:39" x14ac:dyDescent="0.35">
      <c r="AI4934" s="84"/>
      <c r="AM4934" s="84"/>
    </row>
    <row r="4935" spans="35:39" x14ac:dyDescent="0.35">
      <c r="AI4935" s="84"/>
      <c r="AM4935" s="84"/>
    </row>
    <row r="4936" spans="35:39" x14ac:dyDescent="0.35">
      <c r="AI4936" s="84"/>
      <c r="AM4936" s="84"/>
    </row>
    <row r="4937" spans="35:39" x14ac:dyDescent="0.35">
      <c r="AI4937" s="84"/>
      <c r="AM4937" s="84"/>
    </row>
    <row r="4938" spans="35:39" x14ac:dyDescent="0.35">
      <c r="AI4938" s="84"/>
      <c r="AM4938" s="84"/>
    </row>
    <row r="4939" spans="35:39" x14ac:dyDescent="0.35">
      <c r="AI4939" s="84"/>
      <c r="AM4939" s="84"/>
    </row>
    <row r="4940" spans="35:39" x14ac:dyDescent="0.35">
      <c r="AI4940" s="84"/>
      <c r="AM4940" s="84"/>
    </row>
    <row r="4941" spans="35:39" x14ac:dyDescent="0.35">
      <c r="AI4941" s="84"/>
      <c r="AM4941" s="84"/>
    </row>
    <row r="4942" spans="35:39" x14ac:dyDescent="0.35">
      <c r="AI4942" s="84"/>
      <c r="AM4942" s="84"/>
    </row>
    <row r="4943" spans="35:39" x14ac:dyDescent="0.35">
      <c r="AI4943" s="84"/>
      <c r="AM4943" s="84"/>
    </row>
    <row r="4944" spans="35:39" x14ac:dyDescent="0.35">
      <c r="AI4944" s="84"/>
      <c r="AM4944" s="84"/>
    </row>
    <row r="4945" spans="35:39" x14ac:dyDescent="0.35">
      <c r="AI4945" s="84"/>
      <c r="AM4945" s="84"/>
    </row>
    <row r="4946" spans="35:39" x14ac:dyDescent="0.35">
      <c r="AI4946" s="84"/>
      <c r="AM4946" s="84"/>
    </row>
    <row r="4947" spans="35:39" x14ac:dyDescent="0.35">
      <c r="AI4947" s="84"/>
      <c r="AM4947" s="84"/>
    </row>
    <row r="4948" spans="35:39" x14ac:dyDescent="0.35">
      <c r="AI4948" s="84"/>
      <c r="AM4948" s="84"/>
    </row>
    <row r="4949" spans="35:39" x14ac:dyDescent="0.35">
      <c r="AI4949" s="84"/>
      <c r="AM4949" s="84"/>
    </row>
    <row r="4950" spans="35:39" x14ac:dyDescent="0.35">
      <c r="AI4950" s="84"/>
      <c r="AM4950" s="84"/>
    </row>
    <row r="4951" spans="35:39" x14ac:dyDescent="0.35">
      <c r="AI4951" s="84"/>
      <c r="AM4951" s="84"/>
    </row>
    <row r="4952" spans="35:39" x14ac:dyDescent="0.35">
      <c r="AI4952" s="84"/>
      <c r="AM4952" s="84"/>
    </row>
    <row r="4953" spans="35:39" x14ac:dyDescent="0.35">
      <c r="AI4953" s="84"/>
      <c r="AM4953" s="84"/>
    </row>
    <row r="4954" spans="35:39" x14ac:dyDescent="0.35">
      <c r="AI4954" s="84"/>
      <c r="AM4954" s="84"/>
    </row>
    <row r="4955" spans="35:39" x14ac:dyDescent="0.35">
      <c r="AI4955" s="84"/>
      <c r="AM4955" s="84"/>
    </row>
    <row r="4956" spans="35:39" x14ac:dyDescent="0.35">
      <c r="AI4956" s="84"/>
      <c r="AM4956" s="84"/>
    </row>
    <row r="4957" spans="35:39" x14ac:dyDescent="0.35">
      <c r="AI4957" s="84"/>
      <c r="AM4957" s="84"/>
    </row>
    <row r="4958" spans="35:39" x14ac:dyDescent="0.35">
      <c r="AI4958" s="84"/>
      <c r="AM4958" s="84"/>
    </row>
    <row r="4959" spans="35:39" x14ac:dyDescent="0.35">
      <c r="AI4959" s="84"/>
      <c r="AM4959" s="84"/>
    </row>
    <row r="4960" spans="35:39" x14ac:dyDescent="0.35">
      <c r="AI4960" s="84"/>
      <c r="AM4960" s="84"/>
    </row>
    <row r="4961" spans="35:39" x14ac:dyDescent="0.35">
      <c r="AI4961" s="84"/>
      <c r="AM4961" s="84"/>
    </row>
    <row r="4962" spans="35:39" x14ac:dyDescent="0.35">
      <c r="AI4962" s="84"/>
      <c r="AM4962" s="84"/>
    </row>
    <row r="4963" spans="35:39" x14ac:dyDescent="0.35">
      <c r="AI4963" s="84"/>
      <c r="AM4963" s="84"/>
    </row>
    <row r="4964" spans="35:39" x14ac:dyDescent="0.35">
      <c r="AI4964" s="84"/>
      <c r="AM4964" s="84"/>
    </row>
    <row r="4965" spans="35:39" x14ac:dyDescent="0.35">
      <c r="AI4965" s="84"/>
      <c r="AM4965" s="84"/>
    </row>
    <row r="4966" spans="35:39" x14ac:dyDescent="0.35">
      <c r="AI4966" s="84"/>
      <c r="AM4966" s="84"/>
    </row>
    <row r="4967" spans="35:39" x14ac:dyDescent="0.35">
      <c r="AI4967" s="84"/>
      <c r="AM4967" s="84"/>
    </row>
    <row r="4968" spans="35:39" x14ac:dyDescent="0.35">
      <c r="AI4968" s="84"/>
      <c r="AM4968" s="84"/>
    </row>
    <row r="4969" spans="35:39" x14ac:dyDescent="0.35">
      <c r="AI4969" s="84"/>
      <c r="AM4969" s="84"/>
    </row>
    <row r="4970" spans="35:39" x14ac:dyDescent="0.35">
      <c r="AI4970" s="84"/>
      <c r="AM4970" s="84"/>
    </row>
    <row r="4971" spans="35:39" x14ac:dyDescent="0.35">
      <c r="AI4971" s="84"/>
      <c r="AM4971" s="84"/>
    </row>
    <row r="4972" spans="35:39" x14ac:dyDescent="0.35">
      <c r="AI4972" s="84"/>
      <c r="AM4972" s="84"/>
    </row>
    <row r="4973" spans="35:39" x14ac:dyDescent="0.35">
      <c r="AI4973" s="84"/>
      <c r="AM4973" s="84"/>
    </row>
    <row r="4974" spans="35:39" x14ac:dyDescent="0.35">
      <c r="AI4974" s="84"/>
      <c r="AM4974" s="84"/>
    </row>
    <row r="4975" spans="35:39" x14ac:dyDescent="0.35">
      <c r="AI4975" s="84"/>
      <c r="AM4975" s="84"/>
    </row>
    <row r="4976" spans="35:39" x14ac:dyDescent="0.35">
      <c r="AI4976" s="84"/>
      <c r="AM4976" s="84"/>
    </row>
    <row r="4977" spans="35:39" x14ac:dyDescent="0.35">
      <c r="AI4977" s="84"/>
      <c r="AM4977" s="84"/>
    </row>
    <row r="4978" spans="35:39" x14ac:dyDescent="0.35">
      <c r="AI4978" s="84"/>
      <c r="AM4978" s="84"/>
    </row>
    <row r="4979" spans="35:39" x14ac:dyDescent="0.35">
      <c r="AI4979" s="84"/>
      <c r="AM4979" s="84"/>
    </row>
    <row r="4980" spans="35:39" x14ac:dyDescent="0.35">
      <c r="AI4980" s="84"/>
      <c r="AM4980" s="84"/>
    </row>
    <row r="4981" spans="35:39" x14ac:dyDescent="0.35">
      <c r="AI4981" s="84"/>
      <c r="AM4981" s="84"/>
    </row>
    <row r="4982" spans="35:39" x14ac:dyDescent="0.35">
      <c r="AI4982" s="84"/>
      <c r="AM4982" s="84"/>
    </row>
    <row r="4983" spans="35:39" x14ac:dyDescent="0.35">
      <c r="AI4983" s="84"/>
      <c r="AM4983" s="84"/>
    </row>
    <row r="4984" spans="35:39" x14ac:dyDescent="0.35">
      <c r="AI4984" s="84"/>
      <c r="AM4984" s="84"/>
    </row>
    <row r="4985" spans="35:39" x14ac:dyDescent="0.35">
      <c r="AI4985" s="84"/>
      <c r="AM4985" s="84"/>
    </row>
    <row r="4986" spans="35:39" x14ac:dyDescent="0.35">
      <c r="AI4986" s="84"/>
      <c r="AM4986" s="84"/>
    </row>
    <row r="4987" spans="35:39" x14ac:dyDescent="0.35">
      <c r="AI4987" s="84"/>
      <c r="AM4987" s="84"/>
    </row>
    <row r="4988" spans="35:39" x14ac:dyDescent="0.35">
      <c r="AI4988" s="84"/>
      <c r="AM4988" s="84"/>
    </row>
    <row r="4989" spans="35:39" x14ac:dyDescent="0.35">
      <c r="AI4989" s="84"/>
      <c r="AM4989" s="84"/>
    </row>
    <row r="4990" spans="35:39" x14ac:dyDescent="0.35">
      <c r="AI4990" s="84"/>
      <c r="AM4990" s="84"/>
    </row>
    <row r="4991" spans="35:39" x14ac:dyDescent="0.35">
      <c r="AI4991" s="84"/>
      <c r="AM4991" s="84"/>
    </row>
    <row r="4992" spans="35:39" x14ac:dyDescent="0.35">
      <c r="AI4992" s="84"/>
      <c r="AM4992" s="84"/>
    </row>
    <row r="4993" spans="35:39" x14ac:dyDescent="0.35">
      <c r="AI4993" s="84"/>
      <c r="AM4993" s="84"/>
    </row>
    <row r="4994" spans="35:39" x14ac:dyDescent="0.35">
      <c r="AI4994" s="84"/>
      <c r="AM4994" s="84"/>
    </row>
    <row r="4995" spans="35:39" x14ac:dyDescent="0.35">
      <c r="AI4995" s="84"/>
      <c r="AM4995" s="84"/>
    </row>
    <row r="4996" spans="35:39" x14ac:dyDescent="0.35">
      <c r="AI4996" s="84"/>
      <c r="AM4996" s="84"/>
    </row>
    <row r="4997" spans="35:39" x14ac:dyDescent="0.35">
      <c r="AI4997" s="84"/>
      <c r="AM4997" s="84"/>
    </row>
    <row r="4998" spans="35:39" x14ac:dyDescent="0.35">
      <c r="AI4998" s="84"/>
      <c r="AM4998" s="84"/>
    </row>
    <row r="4999" spans="35:39" x14ac:dyDescent="0.35">
      <c r="AI4999" s="84"/>
      <c r="AM4999" s="84"/>
    </row>
    <row r="5000" spans="35:39" x14ac:dyDescent="0.35">
      <c r="AI5000" s="84"/>
      <c r="AM5000" s="84"/>
    </row>
    <row r="5001" spans="35:39" x14ac:dyDescent="0.35">
      <c r="AI5001" s="84"/>
      <c r="AM5001" s="84"/>
    </row>
    <row r="5002" spans="35:39" x14ac:dyDescent="0.35">
      <c r="AI5002" s="84"/>
      <c r="AM5002" s="84"/>
    </row>
    <row r="5003" spans="35:39" x14ac:dyDescent="0.35">
      <c r="AI5003" s="84"/>
      <c r="AM5003" s="84"/>
    </row>
    <row r="5004" spans="35:39" x14ac:dyDescent="0.35">
      <c r="AI5004" s="84"/>
      <c r="AM5004" s="84"/>
    </row>
    <row r="5005" spans="35:39" x14ac:dyDescent="0.35">
      <c r="AI5005" s="84"/>
      <c r="AM5005" s="84"/>
    </row>
    <row r="5006" spans="35:39" x14ac:dyDescent="0.35">
      <c r="AI5006" s="84"/>
      <c r="AM5006" s="84"/>
    </row>
    <row r="5007" spans="35:39" x14ac:dyDescent="0.35">
      <c r="AI5007" s="84"/>
      <c r="AM5007" s="84"/>
    </row>
    <row r="5008" spans="35:39" x14ac:dyDescent="0.35">
      <c r="AI5008" s="84"/>
      <c r="AM5008" s="84"/>
    </row>
    <row r="5009" spans="35:39" x14ac:dyDescent="0.35">
      <c r="AI5009" s="84"/>
      <c r="AM5009" s="84"/>
    </row>
    <row r="5010" spans="35:39" x14ac:dyDescent="0.35">
      <c r="AI5010" s="84"/>
      <c r="AM5010" s="84"/>
    </row>
    <row r="5011" spans="35:39" x14ac:dyDescent="0.35">
      <c r="AI5011" s="84"/>
      <c r="AM5011" s="84"/>
    </row>
    <row r="5012" spans="35:39" x14ac:dyDescent="0.35">
      <c r="AI5012" s="84"/>
      <c r="AM5012" s="84"/>
    </row>
    <row r="5013" spans="35:39" x14ac:dyDescent="0.35">
      <c r="AI5013" s="84"/>
      <c r="AM5013" s="84"/>
    </row>
    <row r="5014" spans="35:39" x14ac:dyDescent="0.35">
      <c r="AI5014" s="84"/>
      <c r="AM5014" s="84"/>
    </row>
    <row r="5015" spans="35:39" x14ac:dyDescent="0.35">
      <c r="AI5015" s="84"/>
      <c r="AM5015" s="84"/>
    </row>
    <row r="5016" spans="35:39" x14ac:dyDescent="0.35">
      <c r="AI5016" s="84"/>
      <c r="AM5016" s="84"/>
    </row>
    <row r="5017" spans="35:39" x14ac:dyDescent="0.35">
      <c r="AI5017" s="84"/>
      <c r="AM5017" s="84"/>
    </row>
    <row r="5018" spans="35:39" x14ac:dyDescent="0.35">
      <c r="AI5018" s="84"/>
      <c r="AM5018" s="84"/>
    </row>
    <row r="5019" spans="35:39" x14ac:dyDescent="0.35">
      <c r="AI5019" s="84"/>
      <c r="AM5019" s="84"/>
    </row>
    <row r="5020" spans="35:39" x14ac:dyDescent="0.35">
      <c r="AI5020" s="84"/>
      <c r="AM5020" s="84"/>
    </row>
    <row r="5021" spans="35:39" x14ac:dyDescent="0.35">
      <c r="AI5021" s="84"/>
      <c r="AM5021" s="84"/>
    </row>
    <row r="5022" spans="35:39" x14ac:dyDescent="0.35">
      <c r="AI5022" s="84"/>
      <c r="AM5022" s="84"/>
    </row>
    <row r="5023" spans="35:39" x14ac:dyDescent="0.35">
      <c r="AI5023" s="84"/>
      <c r="AM5023" s="84"/>
    </row>
    <row r="5024" spans="35:39" x14ac:dyDescent="0.35">
      <c r="AI5024" s="84"/>
      <c r="AM5024" s="84"/>
    </row>
    <row r="5025" spans="35:39" x14ac:dyDescent="0.35">
      <c r="AI5025" s="84"/>
      <c r="AM5025" s="84"/>
    </row>
    <row r="5026" spans="35:39" x14ac:dyDescent="0.35">
      <c r="AI5026" s="84"/>
      <c r="AM5026" s="84"/>
    </row>
    <row r="5027" spans="35:39" x14ac:dyDescent="0.35">
      <c r="AI5027" s="84"/>
      <c r="AM5027" s="84"/>
    </row>
    <row r="5028" spans="35:39" x14ac:dyDescent="0.35">
      <c r="AI5028" s="84"/>
      <c r="AM5028" s="84"/>
    </row>
    <row r="5029" spans="35:39" x14ac:dyDescent="0.35">
      <c r="AI5029" s="84"/>
      <c r="AM5029" s="84"/>
    </row>
    <row r="5030" spans="35:39" x14ac:dyDescent="0.35">
      <c r="AI5030" s="84"/>
      <c r="AM5030" s="84"/>
    </row>
    <row r="5031" spans="35:39" x14ac:dyDescent="0.35">
      <c r="AI5031" s="84"/>
      <c r="AM5031" s="84"/>
    </row>
    <row r="5032" spans="35:39" x14ac:dyDescent="0.35">
      <c r="AI5032" s="84"/>
      <c r="AM5032" s="84"/>
    </row>
    <row r="5033" spans="35:39" x14ac:dyDescent="0.35">
      <c r="AI5033" s="84"/>
      <c r="AM5033" s="84"/>
    </row>
    <row r="5034" spans="35:39" x14ac:dyDescent="0.35">
      <c r="AI5034" s="84"/>
      <c r="AM5034" s="84"/>
    </row>
    <row r="5035" spans="35:39" x14ac:dyDescent="0.35">
      <c r="AI5035" s="84"/>
      <c r="AM5035" s="84"/>
    </row>
    <row r="5036" spans="35:39" x14ac:dyDescent="0.35">
      <c r="AI5036" s="84"/>
      <c r="AM5036" s="84"/>
    </row>
    <row r="5037" spans="35:39" x14ac:dyDescent="0.35">
      <c r="AI5037" s="84"/>
      <c r="AM5037" s="84"/>
    </row>
    <row r="5038" spans="35:39" x14ac:dyDescent="0.35">
      <c r="AI5038" s="84"/>
      <c r="AM5038" s="84"/>
    </row>
    <row r="5039" spans="35:39" x14ac:dyDescent="0.35">
      <c r="AI5039" s="84"/>
      <c r="AM5039" s="84"/>
    </row>
    <row r="5040" spans="35:39" x14ac:dyDescent="0.35">
      <c r="AI5040" s="84"/>
      <c r="AM5040" s="84"/>
    </row>
    <row r="5041" spans="35:39" x14ac:dyDescent="0.35">
      <c r="AI5041" s="84"/>
      <c r="AM5041" s="84"/>
    </row>
    <row r="5042" spans="35:39" x14ac:dyDescent="0.35">
      <c r="AI5042" s="84"/>
      <c r="AM5042" s="84"/>
    </row>
    <row r="5043" spans="35:39" x14ac:dyDescent="0.35">
      <c r="AI5043" s="84"/>
      <c r="AM5043" s="84"/>
    </row>
    <row r="5044" spans="35:39" x14ac:dyDescent="0.35">
      <c r="AI5044" s="84"/>
      <c r="AM5044" s="84"/>
    </row>
    <row r="5045" spans="35:39" x14ac:dyDescent="0.35">
      <c r="AI5045" s="84"/>
      <c r="AM5045" s="84"/>
    </row>
    <row r="5046" spans="35:39" x14ac:dyDescent="0.35">
      <c r="AI5046" s="84"/>
      <c r="AM5046" s="84"/>
    </row>
    <row r="5047" spans="35:39" x14ac:dyDescent="0.35">
      <c r="AI5047" s="84"/>
      <c r="AM5047" s="84"/>
    </row>
    <row r="5048" spans="35:39" x14ac:dyDescent="0.35">
      <c r="AI5048" s="84"/>
      <c r="AM5048" s="84"/>
    </row>
    <row r="5049" spans="35:39" x14ac:dyDescent="0.35">
      <c r="AI5049" s="84"/>
      <c r="AM5049" s="84"/>
    </row>
    <row r="5050" spans="35:39" x14ac:dyDescent="0.35">
      <c r="AI5050" s="84"/>
      <c r="AM5050" s="84"/>
    </row>
    <row r="5051" spans="35:39" x14ac:dyDescent="0.35">
      <c r="AI5051" s="84"/>
      <c r="AM5051" s="84"/>
    </row>
    <row r="5052" spans="35:39" x14ac:dyDescent="0.35">
      <c r="AI5052" s="84"/>
      <c r="AM5052" s="84"/>
    </row>
    <row r="5053" spans="35:39" x14ac:dyDescent="0.35">
      <c r="AI5053" s="84"/>
      <c r="AM5053" s="84"/>
    </row>
    <row r="5054" spans="35:39" x14ac:dyDescent="0.35">
      <c r="AI5054" s="84"/>
      <c r="AM5054" s="84"/>
    </row>
    <row r="5055" spans="35:39" x14ac:dyDescent="0.35">
      <c r="AI5055" s="84"/>
      <c r="AM5055" s="84"/>
    </row>
    <row r="5056" spans="35:39" x14ac:dyDescent="0.35">
      <c r="AI5056" s="84"/>
      <c r="AM5056" s="84"/>
    </row>
    <row r="5057" spans="35:39" x14ac:dyDescent="0.35">
      <c r="AI5057" s="84"/>
      <c r="AM5057" s="84"/>
    </row>
    <row r="5058" spans="35:39" x14ac:dyDescent="0.35">
      <c r="AI5058" s="84"/>
      <c r="AM5058" s="84"/>
    </row>
    <row r="5059" spans="35:39" x14ac:dyDescent="0.35">
      <c r="AI5059" s="84"/>
      <c r="AM5059" s="84"/>
    </row>
    <row r="5060" spans="35:39" x14ac:dyDescent="0.35">
      <c r="AI5060" s="84"/>
      <c r="AM5060" s="84"/>
    </row>
    <row r="5061" spans="35:39" x14ac:dyDescent="0.35">
      <c r="AI5061" s="84"/>
      <c r="AM5061" s="84"/>
    </row>
    <row r="5062" spans="35:39" x14ac:dyDescent="0.35">
      <c r="AI5062" s="84"/>
      <c r="AM5062" s="84"/>
    </row>
    <row r="5063" spans="35:39" x14ac:dyDescent="0.35">
      <c r="AI5063" s="84"/>
      <c r="AM5063" s="84"/>
    </row>
    <row r="5064" spans="35:39" x14ac:dyDescent="0.35">
      <c r="AI5064" s="84"/>
      <c r="AM5064" s="84"/>
    </row>
    <row r="5065" spans="35:39" x14ac:dyDescent="0.35">
      <c r="AI5065" s="84"/>
      <c r="AM5065" s="84"/>
    </row>
    <row r="5066" spans="35:39" x14ac:dyDescent="0.35">
      <c r="AI5066" s="84"/>
      <c r="AM5066" s="84"/>
    </row>
    <row r="5067" spans="35:39" x14ac:dyDescent="0.35">
      <c r="AI5067" s="84"/>
      <c r="AM5067" s="84"/>
    </row>
    <row r="5068" spans="35:39" x14ac:dyDescent="0.35">
      <c r="AI5068" s="84"/>
      <c r="AM5068" s="84"/>
    </row>
    <row r="5069" spans="35:39" x14ac:dyDescent="0.35">
      <c r="AI5069" s="84"/>
      <c r="AM5069" s="84"/>
    </row>
    <row r="5070" spans="35:39" x14ac:dyDescent="0.35">
      <c r="AI5070" s="84"/>
      <c r="AM5070" s="84"/>
    </row>
    <row r="5071" spans="35:39" x14ac:dyDescent="0.35">
      <c r="AI5071" s="84"/>
      <c r="AM5071" s="84"/>
    </row>
    <row r="5072" spans="35:39" x14ac:dyDescent="0.35">
      <c r="AI5072" s="84"/>
      <c r="AM5072" s="84"/>
    </row>
    <row r="5073" spans="35:39" x14ac:dyDescent="0.35">
      <c r="AI5073" s="84"/>
      <c r="AM5073" s="84"/>
    </row>
    <row r="5074" spans="35:39" x14ac:dyDescent="0.35">
      <c r="AI5074" s="84"/>
      <c r="AM5074" s="84"/>
    </row>
    <row r="5075" spans="35:39" x14ac:dyDescent="0.35">
      <c r="AI5075" s="84"/>
      <c r="AM5075" s="84"/>
    </row>
    <row r="5076" spans="35:39" x14ac:dyDescent="0.35">
      <c r="AI5076" s="84"/>
      <c r="AM5076" s="84"/>
    </row>
    <row r="5077" spans="35:39" x14ac:dyDescent="0.35">
      <c r="AI5077" s="84"/>
      <c r="AM5077" s="84"/>
    </row>
    <row r="5078" spans="35:39" x14ac:dyDescent="0.35">
      <c r="AI5078" s="84"/>
      <c r="AM5078" s="84"/>
    </row>
    <row r="5079" spans="35:39" x14ac:dyDescent="0.35">
      <c r="AI5079" s="84"/>
      <c r="AM5079" s="84"/>
    </row>
    <row r="5080" spans="35:39" x14ac:dyDescent="0.35">
      <c r="AI5080" s="84"/>
      <c r="AM5080" s="84"/>
    </row>
    <row r="5081" spans="35:39" x14ac:dyDescent="0.35">
      <c r="AI5081" s="84"/>
      <c r="AM5081" s="84"/>
    </row>
    <row r="5082" spans="35:39" x14ac:dyDescent="0.35">
      <c r="AI5082" s="84"/>
      <c r="AM5082" s="84"/>
    </row>
    <row r="5083" spans="35:39" x14ac:dyDescent="0.35">
      <c r="AI5083" s="84"/>
      <c r="AM5083" s="84"/>
    </row>
    <row r="5084" spans="35:39" x14ac:dyDescent="0.35">
      <c r="AI5084" s="84"/>
      <c r="AM5084" s="84"/>
    </row>
    <row r="5085" spans="35:39" x14ac:dyDescent="0.35">
      <c r="AI5085" s="84"/>
      <c r="AM5085" s="84"/>
    </row>
    <row r="5086" spans="35:39" x14ac:dyDescent="0.35">
      <c r="AI5086" s="84"/>
      <c r="AM5086" s="84"/>
    </row>
    <row r="5087" spans="35:39" x14ac:dyDescent="0.35">
      <c r="AI5087" s="84"/>
      <c r="AM5087" s="84"/>
    </row>
    <row r="5088" spans="35:39" x14ac:dyDescent="0.35">
      <c r="AI5088" s="84"/>
      <c r="AM5088" s="84"/>
    </row>
    <row r="5089" spans="35:39" x14ac:dyDescent="0.35">
      <c r="AI5089" s="84"/>
      <c r="AM5089" s="84"/>
    </row>
    <row r="5090" spans="35:39" x14ac:dyDescent="0.35">
      <c r="AI5090" s="84"/>
      <c r="AM5090" s="84"/>
    </row>
    <row r="5091" spans="35:39" x14ac:dyDescent="0.35">
      <c r="AI5091" s="84"/>
      <c r="AM5091" s="84"/>
    </row>
    <row r="5092" spans="35:39" x14ac:dyDescent="0.35">
      <c r="AI5092" s="84"/>
      <c r="AM5092" s="84"/>
    </row>
    <row r="5093" spans="35:39" x14ac:dyDescent="0.35">
      <c r="AI5093" s="84"/>
      <c r="AM5093" s="84"/>
    </row>
    <row r="5094" spans="35:39" x14ac:dyDescent="0.35">
      <c r="AI5094" s="84"/>
      <c r="AM5094" s="84"/>
    </row>
    <row r="5095" spans="35:39" x14ac:dyDescent="0.35">
      <c r="AI5095" s="84"/>
      <c r="AM5095" s="84"/>
    </row>
    <row r="5096" spans="35:39" x14ac:dyDescent="0.35">
      <c r="AI5096" s="84"/>
      <c r="AM5096" s="84"/>
    </row>
    <row r="5097" spans="35:39" x14ac:dyDescent="0.35">
      <c r="AI5097" s="84"/>
      <c r="AM5097" s="84"/>
    </row>
    <row r="5098" spans="35:39" x14ac:dyDescent="0.35">
      <c r="AI5098" s="84"/>
      <c r="AM5098" s="84"/>
    </row>
    <row r="5099" spans="35:39" x14ac:dyDescent="0.35">
      <c r="AI5099" s="84"/>
      <c r="AM5099" s="84"/>
    </row>
    <row r="5100" spans="35:39" x14ac:dyDescent="0.35">
      <c r="AI5100" s="84"/>
      <c r="AM5100" s="84"/>
    </row>
    <row r="5101" spans="35:39" x14ac:dyDescent="0.35">
      <c r="AI5101" s="84"/>
      <c r="AM5101" s="84"/>
    </row>
    <row r="5102" spans="35:39" x14ac:dyDescent="0.35">
      <c r="AI5102" s="84"/>
      <c r="AM5102" s="84"/>
    </row>
    <row r="5103" spans="35:39" x14ac:dyDescent="0.35">
      <c r="AI5103" s="84"/>
      <c r="AM5103" s="84"/>
    </row>
    <row r="5104" spans="35:39" x14ac:dyDescent="0.35">
      <c r="AI5104" s="84"/>
      <c r="AM5104" s="84"/>
    </row>
    <row r="5105" spans="35:39" x14ac:dyDescent="0.35">
      <c r="AI5105" s="84"/>
      <c r="AM5105" s="84"/>
    </row>
    <row r="5106" spans="35:39" x14ac:dyDescent="0.35">
      <c r="AI5106" s="84"/>
      <c r="AM5106" s="84"/>
    </row>
    <row r="5107" spans="35:39" x14ac:dyDescent="0.35">
      <c r="AI5107" s="84"/>
      <c r="AM5107" s="84"/>
    </row>
    <row r="5108" spans="35:39" x14ac:dyDescent="0.35">
      <c r="AI5108" s="84"/>
      <c r="AM5108" s="84"/>
    </row>
    <row r="5109" spans="35:39" x14ac:dyDescent="0.35">
      <c r="AI5109" s="84"/>
      <c r="AM5109" s="84"/>
    </row>
    <row r="5110" spans="35:39" x14ac:dyDescent="0.35">
      <c r="AI5110" s="84"/>
      <c r="AM5110" s="84"/>
    </row>
    <row r="5111" spans="35:39" x14ac:dyDescent="0.35">
      <c r="AI5111" s="84"/>
      <c r="AM5111" s="84"/>
    </row>
    <row r="5112" spans="35:39" x14ac:dyDescent="0.35">
      <c r="AI5112" s="84"/>
      <c r="AM5112" s="84"/>
    </row>
    <row r="5113" spans="35:39" x14ac:dyDescent="0.35">
      <c r="AI5113" s="84"/>
      <c r="AM5113" s="84"/>
    </row>
    <row r="5114" spans="35:39" x14ac:dyDescent="0.35">
      <c r="AI5114" s="84"/>
      <c r="AM5114" s="84"/>
    </row>
    <row r="5115" spans="35:39" x14ac:dyDescent="0.35">
      <c r="AI5115" s="84"/>
      <c r="AM5115" s="84"/>
    </row>
    <row r="5116" spans="35:39" x14ac:dyDescent="0.35">
      <c r="AI5116" s="84"/>
      <c r="AM5116" s="84"/>
    </row>
    <row r="5117" spans="35:39" x14ac:dyDescent="0.35">
      <c r="AI5117" s="84"/>
      <c r="AM5117" s="84"/>
    </row>
    <row r="5118" spans="35:39" x14ac:dyDescent="0.35">
      <c r="AI5118" s="84"/>
      <c r="AM5118" s="84"/>
    </row>
    <row r="5119" spans="35:39" x14ac:dyDescent="0.35">
      <c r="AI5119" s="84"/>
      <c r="AM5119" s="84"/>
    </row>
    <row r="5120" spans="35:39" x14ac:dyDescent="0.35">
      <c r="AI5120" s="84"/>
      <c r="AM5120" s="84"/>
    </row>
    <row r="5121" spans="35:39" x14ac:dyDescent="0.35">
      <c r="AI5121" s="84"/>
      <c r="AM5121" s="84"/>
    </row>
    <row r="5122" spans="35:39" x14ac:dyDescent="0.35">
      <c r="AI5122" s="84"/>
      <c r="AM5122" s="84"/>
    </row>
    <row r="5123" spans="35:39" x14ac:dyDescent="0.35">
      <c r="AI5123" s="84"/>
      <c r="AM5123" s="84"/>
    </row>
    <row r="5124" spans="35:39" x14ac:dyDescent="0.35">
      <c r="AI5124" s="84"/>
      <c r="AM5124" s="84"/>
    </row>
    <row r="5125" spans="35:39" x14ac:dyDescent="0.35">
      <c r="AI5125" s="84"/>
      <c r="AM5125" s="84"/>
    </row>
    <row r="5126" spans="35:39" x14ac:dyDescent="0.35">
      <c r="AI5126" s="84"/>
      <c r="AM5126" s="84"/>
    </row>
    <row r="5127" spans="35:39" x14ac:dyDescent="0.35">
      <c r="AI5127" s="84"/>
      <c r="AM5127" s="84"/>
    </row>
    <row r="5128" spans="35:39" x14ac:dyDescent="0.35">
      <c r="AI5128" s="84"/>
      <c r="AM5128" s="84"/>
    </row>
    <row r="5129" spans="35:39" x14ac:dyDescent="0.35">
      <c r="AI5129" s="84"/>
      <c r="AM5129" s="84"/>
    </row>
    <row r="5130" spans="35:39" x14ac:dyDescent="0.35">
      <c r="AI5130" s="84"/>
      <c r="AM5130" s="84"/>
    </row>
    <row r="5131" spans="35:39" x14ac:dyDescent="0.35">
      <c r="AI5131" s="84"/>
      <c r="AM5131" s="84"/>
    </row>
    <row r="5132" spans="35:39" x14ac:dyDescent="0.35">
      <c r="AI5132" s="84"/>
      <c r="AM5132" s="84"/>
    </row>
    <row r="5133" spans="35:39" x14ac:dyDescent="0.35">
      <c r="AI5133" s="84"/>
      <c r="AM5133" s="84"/>
    </row>
    <row r="5134" spans="35:39" x14ac:dyDescent="0.35">
      <c r="AI5134" s="84"/>
      <c r="AM5134" s="84"/>
    </row>
    <row r="5135" spans="35:39" x14ac:dyDescent="0.35">
      <c r="AI5135" s="84"/>
      <c r="AM5135" s="84"/>
    </row>
    <row r="5136" spans="35:39" x14ac:dyDescent="0.35">
      <c r="AI5136" s="84"/>
      <c r="AM5136" s="84"/>
    </row>
    <row r="5137" spans="35:39" x14ac:dyDescent="0.35">
      <c r="AI5137" s="84"/>
      <c r="AM5137" s="84"/>
    </row>
    <row r="5138" spans="35:39" x14ac:dyDescent="0.35">
      <c r="AI5138" s="84"/>
      <c r="AM5138" s="84"/>
    </row>
    <row r="5139" spans="35:39" x14ac:dyDescent="0.35">
      <c r="AI5139" s="84"/>
      <c r="AM5139" s="84"/>
    </row>
    <row r="5140" spans="35:39" x14ac:dyDescent="0.35">
      <c r="AI5140" s="84"/>
      <c r="AM5140" s="84"/>
    </row>
    <row r="5141" spans="35:39" x14ac:dyDescent="0.35">
      <c r="AI5141" s="84"/>
      <c r="AM5141" s="84"/>
    </row>
    <row r="5142" spans="35:39" x14ac:dyDescent="0.35">
      <c r="AI5142" s="84"/>
      <c r="AM5142" s="84"/>
    </row>
    <row r="5143" spans="35:39" x14ac:dyDescent="0.35">
      <c r="AI5143" s="84"/>
      <c r="AM5143" s="84"/>
    </row>
    <row r="5144" spans="35:39" x14ac:dyDescent="0.35">
      <c r="AI5144" s="84"/>
      <c r="AM5144" s="84"/>
    </row>
    <row r="5145" spans="35:39" x14ac:dyDescent="0.35">
      <c r="AI5145" s="84"/>
      <c r="AM5145" s="84"/>
    </row>
    <row r="5146" spans="35:39" x14ac:dyDescent="0.35">
      <c r="AI5146" s="84"/>
      <c r="AM5146" s="84"/>
    </row>
    <row r="5147" spans="35:39" x14ac:dyDescent="0.35">
      <c r="AI5147" s="84"/>
      <c r="AM5147" s="84"/>
    </row>
    <row r="5148" spans="35:39" x14ac:dyDescent="0.35">
      <c r="AI5148" s="84"/>
      <c r="AM5148" s="84"/>
    </row>
    <row r="5149" spans="35:39" x14ac:dyDescent="0.35">
      <c r="AI5149" s="84"/>
      <c r="AM5149" s="84"/>
    </row>
    <row r="5150" spans="35:39" x14ac:dyDescent="0.35">
      <c r="AI5150" s="84"/>
      <c r="AM5150" s="84"/>
    </row>
    <row r="5151" spans="35:39" x14ac:dyDescent="0.35">
      <c r="AI5151" s="84"/>
      <c r="AM5151" s="84"/>
    </row>
    <row r="5152" spans="35:39" x14ac:dyDescent="0.35">
      <c r="AI5152" s="84"/>
      <c r="AM5152" s="84"/>
    </row>
    <row r="5153" spans="35:39" x14ac:dyDescent="0.35">
      <c r="AI5153" s="84"/>
      <c r="AM5153" s="84"/>
    </row>
    <row r="5154" spans="35:39" x14ac:dyDescent="0.35">
      <c r="AI5154" s="84"/>
      <c r="AM5154" s="84"/>
    </row>
    <row r="5155" spans="35:39" x14ac:dyDescent="0.35">
      <c r="AI5155" s="84"/>
      <c r="AM5155" s="84"/>
    </row>
    <row r="5156" spans="35:39" x14ac:dyDescent="0.35">
      <c r="AI5156" s="84"/>
      <c r="AM5156" s="84"/>
    </row>
    <row r="5157" spans="35:39" x14ac:dyDescent="0.35">
      <c r="AI5157" s="84"/>
      <c r="AM5157" s="84"/>
    </row>
    <row r="5158" spans="35:39" x14ac:dyDescent="0.35">
      <c r="AI5158" s="84"/>
      <c r="AM5158" s="84"/>
    </row>
    <row r="5159" spans="35:39" x14ac:dyDescent="0.35">
      <c r="AI5159" s="84"/>
      <c r="AM5159" s="84"/>
    </row>
    <row r="5160" spans="35:39" x14ac:dyDescent="0.35">
      <c r="AI5160" s="84"/>
      <c r="AM5160" s="84"/>
    </row>
    <row r="5161" spans="35:39" x14ac:dyDescent="0.35">
      <c r="AI5161" s="84"/>
      <c r="AM5161" s="84"/>
    </row>
    <row r="5162" spans="35:39" x14ac:dyDescent="0.35">
      <c r="AI5162" s="84"/>
      <c r="AM5162" s="84"/>
    </row>
    <row r="5163" spans="35:39" x14ac:dyDescent="0.35">
      <c r="AI5163" s="84"/>
      <c r="AM5163" s="84"/>
    </row>
    <row r="5164" spans="35:39" x14ac:dyDescent="0.35">
      <c r="AI5164" s="84"/>
      <c r="AM5164" s="84"/>
    </row>
    <row r="5165" spans="35:39" x14ac:dyDescent="0.35">
      <c r="AI5165" s="84"/>
      <c r="AM5165" s="84"/>
    </row>
    <row r="5166" spans="35:39" x14ac:dyDescent="0.35">
      <c r="AI5166" s="84"/>
      <c r="AM5166" s="84"/>
    </row>
    <row r="5167" spans="35:39" x14ac:dyDescent="0.35">
      <c r="AI5167" s="84"/>
      <c r="AM5167" s="84"/>
    </row>
    <row r="5168" spans="35:39" x14ac:dyDescent="0.35">
      <c r="AI5168" s="84"/>
      <c r="AM5168" s="84"/>
    </row>
    <row r="5169" spans="35:39" x14ac:dyDescent="0.35">
      <c r="AI5169" s="84"/>
      <c r="AM5169" s="84"/>
    </row>
    <row r="5170" spans="35:39" x14ac:dyDescent="0.35">
      <c r="AI5170" s="84"/>
      <c r="AM5170" s="84"/>
    </row>
    <row r="5171" spans="35:39" x14ac:dyDescent="0.35">
      <c r="AI5171" s="84"/>
      <c r="AM5171" s="84"/>
    </row>
    <row r="5172" spans="35:39" x14ac:dyDescent="0.35">
      <c r="AI5172" s="84"/>
      <c r="AM5172" s="84"/>
    </row>
    <row r="5173" spans="35:39" x14ac:dyDescent="0.35">
      <c r="AI5173" s="84"/>
      <c r="AM5173" s="84"/>
    </row>
    <row r="5174" spans="35:39" x14ac:dyDescent="0.35">
      <c r="AI5174" s="84"/>
      <c r="AM5174" s="84"/>
    </row>
    <row r="5175" spans="35:39" x14ac:dyDescent="0.35">
      <c r="AI5175" s="84"/>
      <c r="AM5175" s="84"/>
    </row>
    <row r="5176" spans="35:39" x14ac:dyDescent="0.35">
      <c r="AI5176" s="84"/>
      <c r="AM5176" s="84"/>
    </row>
    <row r="5177" spans="35:39" x14ac:dyDescent="0.35">
      <c r="AI5177" s="84"/>
      <c r="AM5177" s="84"/>
    </row>
    <row r="5178" spans="35:39" x14ac:dyDescent="0.35">
      <c r="AI5178" s="84"/>
      <c r="AM5178" s="84"/>
    </row>
    <row r="5179" spans="35:39" x14ac:dyDescent="0.35">
      <c r="AI5179" s="84"/>
      <c r="AM5179" s="84"/>
    </row>
    <row r="5180" spans="35:39" x14ac:dyDescent="0.35">
      <c r="AI5180" s="84"/>
      <c r="AM5180" s="84"/>
    </row>
    <row r="5181" spans="35:39" x14ac:dyDescent="0.35">
      <c r="AI5181" s="84"/>
      <c r="AM5181" s="84"/>
    </row>
    <row r="5182" spans="35:39" x14ac:dyDescent="0.35">
      <c r="AI5182" s="84"/>
      <c r="AM5182" s="84"/>
    </row>
    <row r="5183" spans="35:39" x14ac:dyDescent="0.35">
      <c r="AI5183" s="84"/>
      <c r="AM5183" s="84"/>
    </row>
    <row r="5184" spans="35:39" x14ac:dyDescent="0.35">
      <c r="AI5184" s="84"/>
      <c r="AM5184" s="84"/>
    </row>
    <row r="5185" spans="35:39" x14ac:dyDescent="0.35">
      <c r="AI5185" s="84"/>
      <c r="AM5185" s="84"/>
    </row>
    <row r="5186" spans="35:39" x14ac:dyDescent="0.35">
      <c r="AI5186" s="84"/>
      <c r="AM5186" s="84"/>
    </row>
    <row r="5187" spans="35:39" x14ac:dyDescent="0.35">
      <c r="AI5187" s="84"/>
      <c r="AM5187" s="84"/>
    </row>
    <row r="5188" spans="35:39" x14ac:dyDescent="0.35">
      <c r="AI5188" s="84"/>
      <c r="AM5188" s="84"/>
    </row>
    <row r="5189" spans="35:39" x14ac:dyDescent="0.35">
      <c r="AI5189" s="84"/>
      <c r="AM5189" s="84"/>
    </row>
    <row r="5190" spans="35:39" x14ac:dyDescent="0.35">
      <c r="AI5190" s="84"/>
      <c r="AM5190" s="84"/>
    </row>
    <row r="5191" spans="35:39" x14ac:dyDescent="0.35">
      <c r="AI5191" s="84"/>
      <c r="AM5191" s="84"/>
    </row>
    <row r="5192" spans="35:39" x14ac:dyDescent="0.35">
      <c r="AI5192" s="84"/>
      <c r="AM5192" s="84"/>
    </row>
    <row r="5193" spans="35:39" x14ac:dyDescent="0.35">
      <c r="AI5193" s="84"/>
      <c r="AM5193" s="84"/>
    </row>
    <row r="5194" spans="35:39" x14ac:dyDescent="0.35">
      <c r="AI5194" s="84"/>
      <c r="AM5194" s="84"/>
    </row>
    <row r="5195" spans="35:39" x14ac:dyDescent="0.35">
      <c r="AI5195" s="84"/>
      <c r="AM5195" s="84"/>
    </row>
    <row r="5196" spans="35:39" x14ac:dyDescent="0.35">
      <c r="AI5196" s="84"/>
      <c r="AM5196" s="84"/>
    </row>
    <row r="5197" spans="35:39" x14ac:dyDescent="0.35">
      <c r="AI5197" s="84"/>
      <c r="AM5197" s="84"/>
    </row>
    <row r="5198" spans="35:39" x14ac:dyDescent="0.35">
      <c r="AI5198" s="84"/>
      <c r="AM5198" s="84"/>
    </row>
    <row r="5199" spans="35:39" x14ac:dyDescent="0.35">
      <c r="AI5199" s="84"/>
      <c r="AM5199" s="84"/>
    </row>
    <row r="5200" spans="35:39" x14ac:dyDescent="0.35">
      <c r="AI5200" s="84"/>
      <c r="AM5200" s="84"/>
    </row>
    <row r="5201" spans="35:39" x14ac:dyDescent="0.35">
      <c r="AI5201" s="84"/>
      <c r="AM5201" s="84"/>
    </row>
    <row r="5202" spans="35:39" x14ac:dyDescent="0.35">
      <c r="AI5202" s="84"/>
      <c r="AM5202" s="84"/>
    </row>
    <row r="5203" spans="35:39" x14ac:dyDescent="0.35">
      <c r="AI5203" s="84"/>
      <c r="AM5203" s="84"/>
    </row>
    <row r="5204" spans="35:39" x14ac:dyDescent="0.35">
      <c r="AI5204" s="84"/>
      <c r="AM5204" s="84"/>
    </row>
    <row r="5205" spans="35:39" x14ac:dyDescent="0.35">
      <c r="AI5205" s="84"/>
      <c r="AM5205" s="84"/>
    </row>
    <row r="5206" spans="35:39" x14ac:dyDescent="0.35">
      <c r="AI5206" s="84"/>
      <c r="AM5206" s="84"/>
    </row>
    <row r="5207" spans="35:39" x14ac:dyDescent="0.35">
      <c r="AI5207" s="84"/>
      <c r="AM5207" s="84"/>
    </row>
    <row r="5208" spans="35:39" x14ac:dyDescent="0.35">
      <c r="AI5208" s="84"/>
      <c r="AM5208" s="84"/>
    </row>
    <row r="5209" spans="35:39" x14ac:dyDescent="0.35">
      <c r="AI5209" s="84"/>
      <c r="AM5209" s="84"/>
    </row>
    <row r="5210" spans="35:39" x14ac:dyDescent="0.35">
      <c r="AI5210" s="84"/>
      <c r="AM5210" s="84"/>
    </row>
    <row r="5211" spans="35:39" x14ac:dyDescent="0.35">
      <c r="AI5211" s="84"/>
      <c r="AM5211" s="84"/>
    </row>
    <row r="5212" spans="35:39" x14ac:dyDescent="0.35">
      <c r="AI5212" s="84"/>
      <c r="AM5212" s="84"/>
    </row>
    <row r="5213" spans="35:39" x14ac:dyDescent="0.35">
      <c r="AI5213" s="84"/>
      <c r="AM5213" s="84"/>
    </row>
    <row r="5214" spans="35:39" x14ac:dyDescent="0.35">
      <c r="AI5214" s="84"/>
      <c r="AM5214" s="84"/>
    </row>
    <row r="5215" spans="35:39" x14ac:dyDescent="0.35">
      <c r="AI5215" s="84"/>
      <c r="AM5215" s="84"/>
    </row>
    <row r="5216" spans="35:39" x14ac:dyDescent="0.35">
      <c r="AI5216" s="84"/>
      <c r="AM5216" s="84"/>
    </row>
    <row r="5217" spans="35:39" x14ac:dyDescent="0.35">
      <c r="AI5217" s="84"/>
      <c r="AM5217" s="84"/>
    </row>
    <row r="5218" spans="35:39" x14ac:dyDescent="0.35">
      <c r="AI5218" s="84"/>
      <c r="AM5218" s="84"/>
    </row>
    <row r="5219" spans="35:39" x14ac:dyDescent="0.35">
      <c r="AI5219" s="84"/>
      <c r="AM5219" s="84"/>
    </row>
    <row r="5220" spans="35:39" x14ac:dyDescent="0.35">
      <c r="AI5220" s="84"/>
      <c r="AM5220" s="84"/>
    </row>
    <row r="5221" spans="35:39" x14ac:dyDescent="0.35">
      <c r="AI5221" s="84"/>
      <c r="AM5221" s="84"/>
    </row>
    <row r="5222" spans="35:39" x14ac:dyDescent="0.35">
      <c r="AI5222" s="84"/>
      <c r="AM5222" s="84"/>
    </row>
    <row r="5223" spans="35:39" x14ac:dyDescent="0.35">
      <c r="AI5223" s="84"/>
      <c r="AM5223" s="84"/>
    </row>
    <row r="5224" spans="35:39" x14ac:dyDescent="0.35">
      <c r="AI5224" s="84"/>
      <c r="AM5224" s="84"/>
    </row>
    <row r="5225" spans="35:39" x14ac:dyDescent="0.35">
      <c r="AI5225" s="84"/>
      <c r="AM5225" s="84"/>
    </row>
    <row r="5226" spans="35:39" x14ac:dyDescent="0.35">
      <c r="AI5226" s="84"/>
      <c r="AM5226" s="84"/>
    </row>
    <row r="5227" spans="35:39" x14ac:dyDescent="0.35">
      <c r="AI5227" s="84"/>
      <c r="AM5227" s="84"/>
    </row>
    <row r="5228" spans="35:39" x14ac:dyDescent="0.35">
      <c r="AI5228" s="84"/>
      <c r="AM5228" s="84"/>
    </row>
    <row r="5229" spans="35:39" x14ac:dyDescent="0.35">
      <c r="AI5229" s="84"/>
      <c r="AM5229" s="84"/>
    </row>
    <row r="5230" spans="35:39" x14ac:dyDescent="0.35">
      <c r="AI5230" s="84"/>
      <c r="AM5230" s="84"/>
    </row>
    <row r="5231" spans="35:39" x14ac:dyDescent="0.35">
      <c r="AI5231" s="84"/>
      <c r="AM5231" s="84"/>
    </row>
    <row r="5232" spans="35:39" x14ac:dyDescent="0.35">
      <c r="AI5232" s="84"/>
      <c r="AM5232" s="84"/>
    </row>
    <row r="5233" spans="35:39" x14ac:dyDescent="0.35">
      <c r="AI5233" s="84"/>
      <c r="AM5233" s="84"/>
    </row>
    <row r="5234" spans="35:39" x14ac:dyDescent="0.35">
      <c r="AI5234" s="84"/>
      <c r="AM5234" s="84"/>
    </row>
    <row r="5235" spans="35:39" x14ac:dyDescent="0.35">
      <c r="AI5235" s="84"/>
      <c r="AM5235" s="84"/>
    </row>
    <row r="5236" spans="35:39" x14ac:dyDescent="0.35">
      <c r="AI5236" s="84"/>
      <c r="AM5236" s="84"/>
    </row>
    <row r="5237" spans="35:39" x14ac:dyDescent="0.35">
      <c r="AI5237" s="84"/>
      <c r="AM5237" s="84"/>
    </row>
    <row r="5238" spans="35:39" x14ac:dyDescent="0.35">
      <c r="AI5238" s="84"/>
      <c r="AM5238" s="84"/>
    </row>
    <row r="5239" spans="35:39" x14ac:dyDescent="0.35">
      <c r="AI5239" s="84"/>
      <c r="AM5239" s="84"/>
    </row>
    <row r="5240" spans="35:39" x14ac:dyDescent="0.35">
      <c r="AI5240" s="84"/>
      <c r="AM5240" s="84"/>
    </row>
    <row r="5241" spans="35:39" x14ac:dyDescent="0.35">
      <c r="AI5241" s="84"/>
      <c r="AM5241" s="84"/>
    </row>
    <row r="5242" spans="35:39" x14ac:dyDescent="0.35">
      <c r="AI5242" s="84"/>
      <c r="AM5242" s="84"/>
    </row>
    <row r="5243" spans="35:39" x14ac:dyDescent="0.35">
      <c r="AI5243" s="84"/>
      <c r="AM5243" s="84"/>
    </row>
    <row r="5244" spans="35:39" x14ac:dyDescent="0.35">
      <c r="AI5244" s="84"/>
      <c r="AM5244" s="84"/>
    </row>
    <row r="5245" spans="35:39" x14ac:dyDescent="0.35">
      <c r="AI5245" s="84"/>
      <c r="AM5245" s="84"/>
    </row>
    <row r="5246" spans="35:39" x14ac:dyDescent="0.35">
      <c r="AI5246" s="84"/>
      <c r="AM5246" s="84"/>
    </row>
    <row r="5247" spans="35:39" x14ac:dyDescent="0.35">
      <c r="AI5247" s="84"/>
      <c r="AM5247" s="84"/>
    </row>
    <row r="5248" spans="35:39" x14ac:dyDescent="0.35">
      <c r="AI5248" s="84"/>
      <c r="AM5248" s="84"/>
    </row>
    <row r="5249" spans="35:39" x14ac:dyDescent="0.35">
      <c r="AI5249" s="84"/>
      <c r="AM5249" s="84"/>
    </row>
    <row r="5250" spans="35:39" x14ac:dyDescent="0.35">
      <c r="AI5250" s="84"/>
      <c r="AM5250" s="84"/>
    </row>
    <row r="5251" spans="35:39" x14ac:dyDescent="0.35">
      <c r="AI5251" s="84"/>
      <c r="AM5251" s="84"/>
    </row>
    <row r="5252" spans="35:39" x14ac:dyDescent="0.35">
      <c r="AI5252" s="84"/>
      <c r="AM5252" s="84"/>
    </row>
    <row r="5253" spans="35:39" x14ac:dyDescent="0.35">
      <c r="AI5253" s="84"/>
      <c r="AM5253" s="84"/>
    </row>
    <row r="5254" spans="35:39" x14ac:dyDescent="0.35">
      <c r="AI5254" s="84"/>
      <c r="AM5254" s="84"/>
    </row>
    <row r="5255" spans="35:39" x14ac:dyDescent="0.35">
      <c r="AI5255" s="84"/>
      <c r="AM5255" s="84"/>
    </row>
    <row r="5256" spans="35:39" x14ac:dyDescent="0.35">
      <c r="AI5256" s="84"/>
      <c r="AM5256" s="84"/>
    </row>
    <row r="5257" spans="35:39" x14ac:dyDescent="0.35">
      <c r="AI5257" s="84"/>
      <c r="AM5257" s="84"/>
    </row>
    <row r="5258" spans="35:39" x14ac:dyDescent="0.35">
      <c r="AI5258" s="84"/>
      <c r="AM5258" s="84"/>
    </row>
    <row r="5259" spans="35:39" x14ac:dyDescent="0.35">
      <c r="AI5259" s="84"/>
      <c r="AM5259" s="84"/>
    </row>
    <row r="5260" spans="35:39" x14ac:dyDescent="0.35">
      <c r="AI5260" s="84"/>
      <c r="AM5260" s="84"/>
    </row>
    <row r="5261" spans="35:39" x14ac:dyDescent="0.35">
      <c r="AI5261" s="84"/>
      <c r="AM5261" s="84"/>
    </row>
    <row r="5262" spans="35:39" x14ac:dyDescent="0.35">
      <c r="AI5262" s="84"/>
      <c r="AM5262" s="84"/>
    </row>
    <row r="5263" spans="35:39" x14ac:dyDescent="0.35">
      <c r="AI5263" s="84"/>
      <c r="AM5263" s="84"/>
    </row>
    <row r="5264" spans="35:39" x14ac:dyDescent="0.35">
      <c r="AI5264" s="84"/>
      <c r="AM5264" s="84"/>
    </row>
    <row r="5265" spans="35:39" x14ac:dyDescent="0.35">
      <c r="AI5265" s="84"/>
      <c r="AM5265" s="84"/>
    </row>
    <row r="5266" spans="35:39" x14ac:dyDescent="0.35">
      <c r="AI5266" s="84"/>
      <c r="AM5266" s="84"/>
    </row>
    <row r="5267" spans="35:39" x14ac:dyDescent="0.35">
      <c r="AI5267" s="84"/>
      <c r="AM5267" s="84"/>
    </row>
    <row r="5268" spans="35:39" x14ac:dyDescent="0.35">
      <c r="AI5268" s="84"/>
      <c r="AM5268" s="84"/>
    </row>
    <row r="5269" spans="35:39" x14ac:dyDescent="0.35">
      <c r="AI5269" s="84"/>
      <c r="AM5269" s="84"/>
    </row>
    <row r="5270" spans="35:39" x14ac:dyDescent="0.35">
      <c r="AI5270" s="84"/>
      <c r="AM5270" s="84"/>
    </row>
    <row r="5271" spans="35:39" x14ac:dyDescent="0.35">
      <c r="AI5271" s="84"/>
      <c r="AM5271" s="84"/>
    </row>
    <row r="5272" spans="35:39" x14ac:dyDescent="0.35">
      <c r="AI5272" s="84"/>
      <c r="AM5272" s="84"/>
    </row>
    <row r="5273" spans="35:39" x14ac:dyDescent="0.35">
      <c r="AI5273" s="84"/>
      <c r="AM5273" s="84"/>
    </row>
    <row r="5274" spans="35:39" x14ac:dyDescent="0.35">
      <c r="AI5274" s="84"/>
      <c r="AM5274" s="84"/>
    </row>
    <row r="5275" spans="35:39" x14ac:dyDescent="0.35">
      <c r="AI5275" s="84"/>
      <c r="AM5275" s="84"/>
    </row>
    <row r="5276" spans="35:39" x14ac:dyDescent="0.35">
      <c r="AI5276" s="84"/>
      <c r="AM5276" s="84"/>
    </row>
    <row r="5277" spans="35:39" x14ac:dyDescent="0.35">
      <c r="AI5277" s="84"/>
      <c r="AM5277" s="84"/>
    </row>
    <row r="5278" spans="35:39" x14ac:dyDescent="0.35">
      <c r="AI5278" s="84"/>
      <c r="AM5278" s="84"/>
    </row>
    <row r="5279" spans="35:39" x14ac:dyDescent="0.35">
      <c r="AI5279" s="84"/>
      <c r="AM5279" s="84"/>
    </row>
    <row r="5280" spans="35:39" x14ac:dyDescent="0.35">
      <c r="AI5280" s="84"/>
      <c r="AM5280" s="84"/>
    </row>
    <row r="5281" spans="35:39" x14ac:dyDescent="0.35">
      <c r="AI5281" s="84"/>
      <c r="AM5281" s="84"/>
    </row>
    <row r="5282" spans="35:39" x14ac:dyDescent="0.35">
      <c r="AI5282" s="84"/>
      <c r="AM5282" s="84"/>
    </row>
    <row r="5283" spans="35:39" x14ac:dyDescent="0.35">
      <c r="AI5283" s="84"/>
      <c r="AM5283" s="84"/>
    </row>
    <row r="5284" spans="35:39" x14ac:dyDescent="0.35">
      <c r="AI5284" s="84"/>
      <c r="AM5284" s="84"/>
    </row>
    <row r="5285" spans="35:39" x14ac:dyDescent="0.35">
      <c r="AI5285" s="84"/>
      <c r="AM5285" s="84"/>
    </row>
    <row r="5286" spans="35:39" x14ac:dyDescent="0.35">
      <c r="AI5286" s="84"/>
      <c r="AM5286" s="84"/>
    </row>
    <row r="5287" spans="35:39" x14ac:dyDescent="0.35">
      <c r="AI5287" s="84"/>
      <c r="AM5287" s="84"/>
    </row>
    <row r="5288" spans="35:39" x14ac:dyDescent="0.35">
      <c r="AI5288" s="84"/>
      <c r="AM5288" s="84"/>
    </row>
    <row r="5289" spans="35:39" x14ac:dyDescent="0.35">
      <c r="AI5289" s="84"/>
      <c r="AM5289" s="84"/>
    </row>
    <row r="5290" spans="35:39" x14ac:dyDescent="0.35">
      <c r="AI5290" s="84"/>
      <c r="AM5290" s="84"/>
    </row>
    <row r="5291" spans="35:39" x14ac:dyDescent="0.35">
      <c r="AI5291" s="84"/>
      <c r="AM5291" s="84"/>
    </row>
    <row r="5292" spans="35:39" x14ac:dyDescent="0.35">
      <c r="AI5292" s="84"/>
      <c r="AM5292" s="84"/>
    </row>
    <row r="5293" spans="35:39" x14ac:dyDescent="0.35">
      <c r="AI5293" s="84"/>
      <c r="AM5293" s="84"/>
    </row>
    <row r="5294" spans="35:39" x14ac:dyDescent="0.35">
      <c r="AI5294" s="84"/>
      <c r="AM5294" s="84"/>
    </row>
    <row r="5295" spans="35:39" x14ac:dyDescent="0.35">
      <c r="AI5295" s="84"/>
      <c r="AM5295" s="84"/>
    </row>
    <row r="5296" spans="35:39" x14ac:dyDescent="0.35">
      <c r="AI5296" s="84"/>
      <c r="AM5296" s="84"/>
    </row>
    <row r="5297" spans="35:39" x14ac:dyDescent="0.35">
      <c r="AI5297" s="84"/>
      <c r="AM5297" s="84"/>
    </row>
    <row r="5298" spans="35:39" x14ac:dyDescent="0.35">
      <c r="AI5298" s="84"/>
      <c r="AM5298" s="84"/>
    </row>
    <row r="5299" spans="35:39" x14ac:dyDescent="0.35">
      <c r="AI5299" s="84"/>
      <c r="AM5299" s="84"/>
    </row>
    <row r="5300" spans="35:39" x14ac:dyDescent="0.35">
      <c r="AI5300" s="84"/>
      <c r="AM5300" s="84"/>
    </row>
    <row r="5301" spans="35:39" x14ac:dyDescent="0.35">
      <c r="AI5301" s="84"/>
      <c r="AM5301" s="84"/>
    </row>
    <row r="5302" spans="35:39" x14ac:dyDescent="0.35">
      <c r="AI5302" s="84"/>
      <c r="AM5302" s="84"/>
    </row>
    <row r="5303" spans="35:39" x14ac:dyDescent="0.35">
      <c r="AI5303" s="84"/>
      <c r="AM5303" s="84"/>
    </row>
    <row r="5304" spans="35:39" x14ac:dyDescent="0.35">
      <c r="AI5304" s="84"/>
      <c r="AM5304" s="84"/>
    </row>
    <row r="5305" spans="35:39" x14ac:dyDescent="0.35">
      <c r="AI5305" s="84"/>
      <c r="AM5305" s="84"/>
    </row>
    <row r="5306" spans="35:39" x14ac:dyDescent="0.35">
      <c r="AI5306" s="84"/>
      <c r="AM5306" s="84"/>
    </row>
    <row r="5307" spans="35:39" x14ac:dyDescent="0.35">
      <c r="AI5307" s="84"/>
      <c r="AM5307" s="84"/>
    </row>
    <row r="5308" spans="35:39" x14ac:dyDescent="0.35">
      <c r="AI5308" s="84"/>
      <c r="AM5308" s="84"/>
    </row>
    <row r="5309" spans="35:39" x14ac:dyDescent="0.35">
      <c r="AI5309" s="84"/>
      <c r="AM5309" s="84"/>
    </row>
    <row r="5310" spans="35:39" x14ac:dyDescent="0.35">
      <c r="AI5310" s="84"/>
      <c r="AM5310" s="84"/>
    </row>
    <row r="5311" spans="35:39" x14ac:dyDescent="0.35">
      <c r="AI5311" s="84"/>
      <c r="AM5311" s="84"/>
    </row>
    <row r="5312" spans="35:39" x14ac:dyDescent="0.35">
      <c r="AI5312" s="84"/>
      <c r="AM5312" s="84"/>
    </row>
    <row r="5313" spans="35:39" x14ac:dyDescent="0.35">
      <c r="AI5313" s="84"/>
      <c r="AM5313" s="84"/>
    </row>
    <row r="5314" spans="35:39" x14ac:dyDescent="0.35">
      <c r="AI5314" s="84"/>
      <c r="AM5314" s="84"/>
    </row>
    <row r="5315" spans="35:39" x14ac:dyDescent="0.35">
      <c r="AI5315" s="84"/>
      <c r="AM5315" s="84"/>
    </row>
    <row r="5316" spans="35:39" x14ac:dyDescent="0.35">
      <c r="AI5316" s="84"/>
      <c r="AM5316" s="84"/>
    </row>
    <row r="5317" spans="35:39" x14ac:dyDescent="0.35">
      <c r="AI5317" s="84"/>
      <c r="AM5317" s="84"/>
    </row>
    <row r="5318" spans="35:39" x14ac:dyDescent="0.35">
      <c r="AI5318" s="84"/>
      <c r="AM5318" s="84"/>
    </row>
    <row r="5319" spans="35:39" x14ac:dyDescent="0.35">
      <c r="AI5319" s="84"/>
      <c r="AM5319" s="84"/>
    </row>
    <row r="5320" spans="35:39" x14ac:dyDescent="0.35">
      <c r="AI5320" s="84"/>
      <c r="AM5320" s="84"/>
    </row>
    <row r="5321" spans="35:39" x14ac:dyDescent="0.35">
      <c r="AI5321" s="84"/>
      <c r="AM5321" s="84"/>
    </row>
    <row r="5322" spans="35:39" x14ac:dyDescent="0.35">
      <c r="AI5322" s="84"/>
      <c r="AM5322" s="84"/>
    </row>
    <row r="5323" spans="35:39" x14ac:dyDescent="0.35">
      <c r="AI5323" s="84"/>
      <c r="AM5323" s="84"/>
    </row>
    <row r="5324" spans="35:39" x14ac:dyDescent="0.35">
      <c r="AI5324" s="84"/>
      <c r="AM5324" s="84"/>
    </row>
    <row r="5325" spans="35:39" x14ac:dyDescent="0.35">
      <c r="AI5325" s="84"/>
      <c r="AM5325" s="84"/>
    </row>
    <row r="5326" spans="35:39" x14ac:dyDescent="0.35">
      <c r="AI5326" s="84"/>
      <c r="AM5326" s="84"/>
    </row>
    <row r="5327" spans="35:39" x14ac:dyDescent="0.35">
      <c r="AI5327" s="84"/>
      <c r="AM5327" s="84"/>
    </row>
    <row r="5328" spans="35:39" x14ac:dyDescent="0.35">
      <c r="AI5328" s="84"/>
      <c r="AM5328" s="84"/>
    </row>
    <row r="5329" spans="35:39" x14ac:dyDescent="0.35">
      <c r="AI5329" s="84"/>
      <c r="AM5329" s="84"/>
    </row>
    <row r="5330" spans="35:39" x14ac:dyDescent="0.35">
      <c r="AI5330" s="84"/>
      <c r="AM5330" s="84"/>
    </row>
    <row r="5331" spans="35:39" x14ac:dyDescent="0.35">
      <c r="AI5331" s="84"/>
      <c r="AM5331" s="84"/>
    </row>
    <row r="5332" spans="35:39" x14ac:dyDescent="0.35">
      <c r="AI5332" s="84"/>
      <c r="AM5332" s="84"/>
    </row>
    <row r="5333" spans="35:39" x14ac:dyDescent="0.35">
      <c r="AI5333" s="84"/>
      <c r="AM5333" s="84"/>
    </row>
    <row r="5334" spans="35:39" x14ac:dyDescent="0.35">
      <c r="AI5334" s="84"/>
      <c r="AM5334" s="84"/>
    </row>
    <row r="5335" spans="35:39" x14ac:dyDescent="0.35">
      <c r="AI5335" s="84"/>
      <c r="AM5335" s="84"/>
    </row>
    <row r="5336" spans="35:39" x14ac:dyDescent="0.35">
      <c r="AI5336" s="84"/>
      <c r="AM5336" s="84"/>
    </row>
    <row r="5337" spans="35:39" x14ac:dyDescent="0.35">
      <c r="AI5337" s="84"/>
      <c r="AM5337" s="84"/>
    </row>
    <row r="5338" spans="35:39" x14ac:dyDescent="0.35">
      <c r="AI5338" s="84"/>
      <c r="AM5338" s="84"/>
    </row>
    <row r="5339" spans="35:39" x14ac:dyDescent="0.35">
      <c r="AI5339" s="84"/>
      <c r="AM5339" s="84"/>
    </row>
    <row r="5340" spans="35:39" x14ac:dyDescent="0.35">
      <c r="AI5340" s="84"/>
      <c r="AM5340" s="84"/>
    </row>
    <row r="5341" spans="35:39" x14ac:dyDescent="0.35">
      <c r="AI5341" s="84"/>
      <c r="AM5341" s="84"/>
    </row>
    <row r="5342" spans="35:39" x14ac:dyDescent="0.35">
      <c r="AI5342" s="84"/>
      <c r="AM5342" s="84"/>
    </row>
    <row r="5343" spans="35:39" x14ac:dyDescent="0.35">
      <c r="AI5343" s="84"/>
      <c r="AM5343" s="84"/>
    </row>
    <row r="5344" spans="35:39" x14ac:dyDescent="0.35">
      <c r="AI5344" s="84"/>
      <c r="AM5344" s="84"/>
    </row>
    <row r="5345" spans="35:39" x14ac:dyDescent="0.35">
      <c r="AI5345" s="84"/>
      <c r="AM5345" s="84"/>
    </row>
    <row r="5346" spans="35:39" x14ac:dyDescent="0.35">
      <c r="AI5346" s="84"/>
      <c r="AM5346" s="84"/>
    </row>
    <row r="5347" spans="35:39" x14ac:dyDescent="0.35">
      <c r="AI5347" s="84"/>
      <c r="AM5347" s="84"/>
    </row>
    <row r="5348" spans="35:39" x14ac:dyDescent="0.35">
      <c r="AI5348" s="84"/>
      <c r="AM5348" s="84"/>
    </row>
    <row r="5349" spans="35:39" x14ac:dyDescent="0.35">
      <c r="AI5349" s="84"/>
      <c r="AM5349" s="84"/>
    </row>
    <row r="5350" spans="35:39" x14ac:dyDescent="0.35">
      <c r="AI5350" s="84"/>
      <c r="AM5350" s="84"/>
    </row>
    <row r="5351" spans="35:39" x14ac:dyDescent="0.35">
      <c r="AI5351" s="84"/>
      <c r="AM5351" s="84"/>
    </row>
    <row r="5352" spans="35:39" x14ac:dyDescent="0.35">
      <c r="AI5352" s="84"/>
      <c r="AM5352" s="84"/>
    </row>
    <row r="5353" spans="35:39" x14ac:dyDescent="0.35">
      <c r="AI5353" s="84"/>
      <c r="AM5353" s="84"/>
    </row>
    <row r="5354" spans="35:39" x14ac:dyDescent="0.35">
      <c r="AI5354" s="84"/>
      <c r="AM5354" s="84"/>
    </row>
    <row r="5355" spans="35:39" x14ac:dyDescent="0.35">
      <c r="AI5355" s="84"/>
      <c r="AM5355" s="84"/>
    </row>
    <row r="5356" spans="35:39" x14ac:dyDescent="0.35">
      <c r="AI5356" s="84"/>
      <c r="AM5356" s="84"/>
    </row>
    <row r="5357" spans="35:39" x14ac:dyDescent="0.35">
      <c r="AI5357" s="84"/>
      <c r="AM5357" s="84"/>
    </row>
    <row r="5358" spans="35:39" x14ac:dyDescent="0.35">
      <c r="AI5358" s="84"/>
      <c r="AM5358" s="84"/>
    </row>
    <row r="5359" spans="35:39" x14ac:dyDescent="0.35">
      <c r="AI5359" s="84"/>
      <c r="AM5359" s="84"/>
    </row>
    <row r="5360" spans="35:39" x14ac:dyDescent="0.35">
      <c r="AI5360" s="84"/>
      <c r="AM5360" s="84"/>
    </row>
    <row r="5361" spans="35:39" x14ac:dyDescent="0.35">
      <c r="AI5361" s="84"/>
      <c r="AM5361" s="84"/>
    </row>
    <row r="5362" spans="35:39" x14ac:dyDescent="0.35">
      <c r="AI5362" s="84"/>
      <c r="AM5362" s="84"/>
    </row>
    <row r="5363" spans="35:39" x14ac:dyDescent="0.35">
      <c r="AI5363" s="84"/>
      <c r="AM5363" s="84"/>
    </row>
    <row r="5364" spans="35:39" x14ac:dyDescent="0.35">
      <c r="AI5364" s="84"/>
      <c r="AM5364" s="84"/>
    </row>
    <row r="5365" spans="35:39" x14ac:dyDescent="0.35">
      <c r="AI5365" s="84"/>
      <c r="AM5365" s="84"/>
    </row>
    <row r="5366" spans="35:39" x14ac:dyDescent="0.35">
      <c r="AI5366" s="84"/>
      <c r="AM5366" s="84"/>
    </row>
    <row r="5367" spans="35:39" x14ac:dyDescent="0.35">
      <c r="AI5367" s="84"/>
      <c r="AM5367" s="84"/>
    </row>
    <row r="5368" spans="35:39" x14ac:dyDescent="0.35">
      <c r="AI5368" s="84"/>
      <c r="AM5368" s="84"/>
    </row>
    <row r="5369" spans="35:39" x14ac:dyDescent="0.35">
      <c r="AI5369" s="84"/>
      <c r="AM5369" s="84"/>
    </row>
    <row r="5370" spans="35:39" x14ac:dyDescent="0.35">
      <c r="AI5370" s="84"/>
      <c r="AM5370" s="84"/>
    </row>
    <row r="5371" spans="35:39" x14ac:dyDescent="0.35">
      <c r="AI5371" s="84"/>
      <c r="AM5371" s="84"/>
    </row>
    <row r="5372" spans="35:39" x14ac:dyDescent="0.35">
      <c r="AI5372" s="84"/>
      <c r="AM5372" s="84"/>
    </row>
    <row r="5373" spans="35:39" x14ac:dyDescent="0.35">
      <c r="AI5373" s="84"/>
      <c r="AM5373" s="84"/>
    </row>
    <row r="5374" spans="35:39" x14ac:dyDescent="0.35">
      <c r="AI5374" s="84"/>
      <c r="AM5374" s="84"/>
    </row>
    <row r="5375" spans="35:39" x14ac:dyDescent="0.35">
      <c r="AI5375" s="84"/>
      <c r="AM5375" s="84"/>
    </row>
    <row r="5376" spans="35:39" x14ac:dyDescent="0.35">
      <c r="AI5376" s="84"/>
      <c r="AM5376" s="84"/>
    </row>
    <row r="5377" spans="35:39" x14ac:dyDescent="0.35">
      <c r="AI5377" s="84"/>
      <c r="AM5377" s="84"/>
    </row>
    <row r="5378" spans="35:39" x14ac:dyDescent="0.35">
      <c r="AI5378" s="84"/>
      <c r="AM5378" s="84"/>
    </row>
    <row r="5379" spans="35:39" x14ac:dyDescent="0.35">
      <c r="AI5379" s="84"/>
      <c r="AM5379" s="84"/>
    </row>
    <row r="5380" spans="35:39" x14ac:dyDescent="0.35">
      <c r="AI5380" s="84"/>
      <c r="AM5380" s="84"/>
    </row>
    <row r="5381" spans="35:39" x14ac:dyDescent="0.35">
      <c r="AI5381" s="84"/>
      <c r="AM5381" s="84"/>
    </row>
    <row r="5382" spans="35:39" x14ac:dyDescent="0.35">
      <c r="AI5382" s="84"/>
      <c r="AM5382" s="84"/>
    </row>
    <row r="5383" spans="35:39" x14ac:dyDescent="0.35">
      <c r="AI5383" s="84"/>
      <c r="AM5383" s="84"/>
    </row>
    <row r="5384" spans="35:39" x14ac:dyDescent="0.35">
      <c r="AI5384" s="84"/>
      <c r="AM5384" s="84"/>
    </row>
    <row r="5385" spans="35:39" x14ac:dyDescent="0.35">
      <c r="AI5385" s="84"/>
      <c r="AM5385" s="84"/>
    </row>
    <row r="5386" spans="35:39" x14ac:dyDescent="0.35">
      <c r="AI5386" s="84"/>
      <c r="AM5386" s="84"/>
    </row>
    <row r="5387" spans="35:39" x14ac:dyDescent="0.35">
      <c r="AI5387" s="84"/>
      <c r="AM5387" s="84"/>
    </row>
    <row r="5388" spans="35:39" x14ac:dyDescent="0.35">
      <c r="AI5388" s="84"/>
      <c r="AM5388" s="84"/>
    </row>
    <row r="5389" spans="35:39" x14ac:dyDescent="0.35">
      <c r="AI5389" s="84"/>
      <c r="AM5389" s="84"/>
    </row>
    <row r="5390" spans="35:39" x14ac:dyDescent="0.35">
      <c r="AI5390" s="84"/>
      <c r="AM5390" s="84"/>
    </row>
    <row r="5391" spans="35:39" x14ac:dyDescent="0.35">
      <c r="AI5391" s="84"/>
      <c r="AM5391" s="84"/>
    </row>
    <row r="5392" spans="35:39" x14ac:dyDescent="0.35">
      <c r="AI5392" s="84"/>
      <c r="AM5392" s="84"/>
    </row>
    <row r="5393" spans="35:39" x14ac:dyDescent="0.35">
      <c r="AI5393" s="84"/>
      <c r="AM5393" s="84"/>
    </row>
    <row r="5394" spans="35:39" x14ac:dyDescent="0.35">
      <c r="AI5394" s="84"/>
      <c r="AM5394" s="84"/>
    </row>
    <row r="5395" spans="35:39" x14ac:dyDescent="0.35">
      <c r="AI5395" s="84"/>
      <c r="AM5395" s="84"/>
    </row>
    <row r="5396" spans="35:39" x14ac:dyDescent="0.35">
      <c r="AI5396" s="84"/>
      <c r="AM5396" s="84"/>
    </row>
    <row r="5397" spans="35:39" x14ac:dyDescent="0.35">
      <c r="AI5397" s="84"/>
      <c r="AM5397" s="84"/>
    </row>
    <row r="5398" spans="35:39" x14ac:dyDescent="0.35">
      <c r="AI5398" s="84"/>
      <c r="AM5398" s="84"/>
    </row>
    <row r="5399" spans="35:39" x14ac:dyDescent="0.35">
      <c r="AI5399" s="84"/>
      <c r="AM5399" s="84"/>
    </row>
    <row r="5400" spans="35:39" x14ac:dyDescent="0.35">
      <c r="AI5400" s="84"/>
      <c r="AM5400" s="84"/>
    </row>
    <row r="5401" spans="35:39" x14ac:dyDescent="0.35">
      <c r="AI5401" s="84"/>
      <c r="AM5401" s="84"/>
    </row>
    <row r="5402" spans="35:39" x14ac:dyDescent="0.35">
      <c r="AI5402" s="84"/>
      <c r="AM5402" s="84"/>
    </row>
    <row r="5403" spans="35:39" x14ac:dyDescent="0.35">
      <c r="AI5403" s="84"/>
      <c r="AM5403" s="84"/>
    </row>
    <row r="5404" spans="35:39" x14ac:dyDescent="0.35">
      <c r="AI5404" s="84"/>
      <c r="AM5404" s="84"/>
    </row>
    <row r="5405" spans="35:39" x14ac:dyDescent="0.35">
      <c r="AI5405" s="84"/>
      <c r="AM5405" s="84"/>
    </row>
    <row r="5406" spans="35:39" x14ac:dyDescent="0.35">
      <c r="AI5406" s="84"/>
      <c r="AM5406" s="84"/>
    </row>
    <row r="5407" spans="35:39" x14ac:dyDescent="0.35">
      <c r="AI5407" s="84"/>
      <c r="AM5407" s="84"/>
    </row>
    <row r="5408" spans="35:39" x14ac:dyDescent="0.35">
      <c r="AI5408" s="84"/>
      <c r="AM5408" s="84"/>
    </row>
    <row r="5409" spans="35:39" x14ac:dyDescent="0.35">
      <c r="AI5409" s="84"/>
      <c r="AM5409" s="84"/>
    </row>
    <row r="5410" spans="35:39" x14ac:dyDescent="0.35">
      <c r="AI5410" s="84"/>
      <c r="AM5410" s="84"/>
    </row>
    <row r="5411" spans="35:39" x14ac:dyDescent="0.35">
      <c r="AI5411" s="84"/>
      <c r="AM5411" s="84"/>
    </row>
    <row r="5412" spans="35:39" x14ac:dyDescent="0.35">
      <c r="AI5412" s="84"/>
      <c r="AM5412" s="84"/>
    </row>
    <row r="5413" spans="35:39" x14ac:dyDescent="0.35">
      <c r="AI5413" s="84"/>
      <c r="AM5413" s="84"/>
    </row>
    <row r="5414" spans="35:39" x14ac:dyDescent="0.35">
      <c r="AI5414" s="84"/>
      <c r="AM5414" s="84"/>
    </row>
    <row r="5415" spans="35:39" x14ac:dyDescent="0.35">
      <c r="AI5415" s="84"/>
      <c r="AM5415" s="84"/>
    </row>
    <row r="5416" spans="35:39" x14ac:dyDescent="0.35">
      <c r="AI5416" s="84"/>
      <c r="AM5416" s="84"/>
    </row>
    <row r="5417" spans="35:39" x14ac:dyDescent="0.35">
      <c r="AI5417" s="84"/>
      <c r="AM5417" s="84"/>
    </row>
    <row r="5418" spans="35:39" x14ac:dyDescent="0.35">
      <c r="AI5418" s="84"/>
      <c r="AM5418" s="84"/>
    </row>
    <row r="5419" spans="35:39" x14ac:dyDescent="0.35">
      <c r="AI5419" s="84"/>
      <c r="AM5419" s="84"/>
    </row>
    <row r="5420" spans="35:39" x14ac:dyDescent="0.35">
      <c r="AI5420" s="84"/>
      <c r="AM5420" s="84"/>
    </row>
    <row r="5421" spans="35:39" x14ac:dyDescent="0.35">
      <c r="AI5421" s="84"/>
      <c r="AM5421" s="84"/>
    </row>
    <row r="5422" spans="35:39" x14ac:dyDescent="0.35">
      <c r="AI5422" s="84"/>
      <c r="AM5422" s="84"/>
    </row>
    <row r="5423" spans="35:39" x14ac:dyDescent="0.35">
      <c r="AI5423" s="84"/>
      <c r="AM5423" s="84"/>
    </row>
    <row r="5424" spans="35:39" x14ac:dyDescent="0.35">
      <c r="AI5424" s="84"/>
      <c r="AM5424" s="84"/>
    </row>
    <row r="5425" spans="35:39" x14ac:dyDescent="0.35">
      <c r="AI5425" s="84"/>
      <c r="AM5425" s="84"/>
    </row>
    <row r="5426" spans="35:39" x14ac:dyDescent="0.35">
      <c r="AI5426" s="84"/>
      <c r="AM5426" s="84"/>
    </row>
    <row r="5427" spans="35:39" x14ac:dyDescent="0.35">
      <c r="AI5427" s="84"/>
      <c r="AM5427" s="84"/>
    </row>
    <row r="5428" spans="35:39" x14ac:dyDescent="0.35">
      <c r="AI5428" s="84"/>
      <c r="AM5428" s="84"/>
    </row>
    <row r="5429" spans="35:39" x14ac:dyDescent="0.35">
      <c r="AI5429" s="84"/>
      <c r="AM5429" s="84"/>
    </row>
    <row r="5430" spans="35:39" x14ac:dyDescent="0.35">
      <c r="AI5430" s="84"/>
      <c r="AM5430" s="84"/>
    </row>
    <row r="5431" spans="35:39" x14ac:dyDescent="0.35">
      <c r="AI5431" s="84"/>
      <c r="AM5431" s="84"/>
    </row>
    <row r="5432" spans="35:39" x14ac:dyDescent="0.35">
      <c r="AI5432" s="84"/>
      <c r="AM5432" s="84"/>
    </row>
    <row r="5433" spans="35:39" x14ac:dyDescent="0.35">
      <c r="AI5433" s="84"/>
      <c r="AM5433" s="84"/>
    </row>
    <row r="5434" spans="35:39" x14ac:dyDescent="0.35">
      <c r="AI5434" s="84"/>
      <c r="AM5434" s="84"/>
    </row>
    <row r="5435" spans="35:39" x14ac:dyDescent="0.35">
      <c r="AI5435" s="84"/>
      <c r="AM5435" s="84"/>
    </row>
    <row r="5436" spans="35:39" x14ac:dyDescent="0.35">
      <c r="AI5436" s="84"/>
      <c r="AM5436" s="84"/>
    </row>
    <row r="5437" spans="35:39" x14ac:dyDescent="0.35">
      <c r="AI5437" s="84"/>
      <c r="AM5437" s="84"/>
    </row>
    <row r="5438" spans="35:39" x14ac:dyDescent="0.35">
      <c r="AI5438" s="84"/>
      <c r="AM5438" s="84"/>
    </row>
    <row r="5439" spans="35:39" x14ac:dyDescent="0.35">
      <c r="AI5439" s="84"/>
      <c r="AM5439" s="84"/>
    </row>
    <row r="5440" spans="35:39" x14ac:dyDescent="0.35">
      <c r="AI5440" s="84"/>
      <c r="AM5440" s="84"/>
    </row>
    <row r="5441" spans="35:39" x14ac:dyDescent="0.35">
      <c r="AI5441" s="84"/>
      <c r="AM5441" s="84"/>
    </row>
    <row r="5442" spans="35:39" x14ac:dyDescent="0.35">
      <c r="AI5442" s="84"/>
      <c r="AM5442" s="84"/>
    </row>
    <row r="5443" spans="35:39" x14ac:dyDescent="0.35">
      <c r="AI5443" s="84"/>
      <c r="AM5443" s="84"/>
    </row>
    <row r="5444" spans="35:39" x14ac:dyDescent="0.35">
      <c r="AI5444" s="84"/>
      <c r="AM5444" s="84"/>
    </row>
    <row r="5445" spans="35:39" x14ac:dyDescent="0.35">
      <c r="AI5445" s="84"/>
      <c r="AM5445" s="84"/>
    </row>
    <row r="5446" spans="35:39" x14ac:dyDescent="0.35">
      <c r="AI5446" s="84"/>
      <c r="AM5446" s="84"/>
    </row>
    <row r="5447" spans="35:39" x14ac:dyDescent="0.35">
      <c r="AI5447" s="84"/>
      <c r="AM5447" s="84"/>
    </row>
    <row r="5448" spans="35:39" x14ac:dyDescent="0.35">
      <c r="AI5448" s="84"/>
      <c r="AM5448" s="84"/>
    </row>
    <row r="5449" spans="35:39" x14ac:dyDescent="0.35">
      <c r="AI5449" s="84"/>
      <c r="AM5449" s="84"/>
    </row>
    <row r="5450" spans="35:39" x14ac:dyDescent="0.35">
      <c r="AI5450" s="84"/>
      <c r="AM5450" s="84"/>
    </row>
    <row r="5451" spans="35:39" x14ac:dyDescent="0.35">
      <c r="AI5451" s="84"/>
      <c r="AM5451" s="84"/>
    </row>
    <row r="5452" spans="35:39" x14ac:dyDescent="0.35">
      <c r="AI5452" s="84"/>
      <c r="AM5452" s="84"/>
    </row>
    <row r="5453" spans="35:39" x14ac:dyDescent="0.35">
      <c r="AI5453" s="84"/>
      <c r="AM5453" s="84"/>
    </row>
    <row r="5454" spans="35:39" x14ac:dyDescent="0.35">
      <c r="AI5454" s="84"/>
      <c r="AM5454" s="84"/>
    </row>
    <row r="5455" spans="35:39" x14ac:dyDescent="0.35">
      <c r="AI5455" s="84"/>
      <c r="AM5455" s="84"/>
    </row>
    <row r="5456" spans="35:39" x14ac:dyDescent="0.35">
      <c r="AI5456" s="84"/>
      <c r="AM5456" s="84"/>
    </row>
    <row r="5457" spans="35:39" x14ac:dyDescent="0.35">
      <c r="AI5457" s="84"/>
      <c r="AM5457" s="84"/>
    </row>
    <row r="5458" spans="35:39" x14ac:dyDescent="0.35">
      <c r="AI5458" s="84"/>
      <c r="AM5458" s="84"/>
    </row>
    <row r="5459" spans="35:39" x14ac:dyDescent="0.35">
      <c r="AI5459" s="84"/>
      <c r="AM5459" s="84"/>
    </row>
    <row r="5460" spans="35:39" x14ac:dyDescent="0.35">
      <c r="AI5460" s="84"/>
      <c r="AM5460" s="84"/>
    </row>
    <row r="5461" spans="35:39" x14ac:dyDescent="0.35">
      <c r="AI5461" s="84"/>
      <c r="AM5461" s="84"/>
    </row>
    <row r="5462" spans="35:39" x14ac:dyDescent="0.35">
      <c r="AI5462" s="84"/>
      <c r="AM5462" s="84"/>
    </row>
    <row r="5463" spans="35:39" x14ac:dyDescent="0.35">
      <c r="AI5463" s="84"/>
      <c r="AM5463" s="84"/>
    </row>
    <row r="5464" spans="35:39" x14ac:dyDescent="0.35">
      <c r="AI5464" s="84"/>
      <c r="AM5464" s="84"/>
    </row>
    <row r="5465" spans="35:39" x14ac:dyDescent="0.35">
      <c r="AI5465" s="84"/>
      <c r="AM5465" s="84"/>
    </row>
    <row r="5466" spans="35:39" x14ac:dyDescent="0.35">
      <c r="AI5466" s="84"/>
      <c r="AM5466" s="84"/>
    </row>
    <row r="5467" spans="35:39" x14ac:dyDescent="0.35">
      <c r="AI5467" s="84"/>
      <c r="AM5467" s="84"/>
    </row>
    <row r="5468" spans="35:39" x14ac:dyDescent="0.35">
      <c r="AI5468" s="84"/>
      <c r="AM5468" s="84"/>
    </row>
    <row r="5469" spans="35:39" x14ac:dyDescent="0.35">
      <c r="AI5469" s="84"/>
      <c r="AM5469" s="84"/>
    </row>
    <row r="5470" spans="35:39" x14ac:dyDescent="0.35">
      <c r="AI5470" s="84"/>
      <c r="AM5470" s="84"/>
    </row>
    <row r="5471" spans="35:39" x14ac:dyDescent="0.35">
      <c r="AI5471" s="84"/>
      <c r="AM5471" s="84"/>
    </row>
    <row r="5472" spans="35:39" x14ac:dyDescent="0.35">
      <c r="AI5472" s="84"/>
      <c r="AM5472" s="84"/>
    </row>
    <row r="5473" spans="35:39" x14ac:dyDescent="0.35">
      <c r="AI5473" s="84"/>
      <c r="AM5473" s="84"/>
    </row>
    <row r="5474" spans="35:39" x14ac:dyDescent="0.35">
      <c r="AI5474" s="84"/>
      <c r="AM5474" s="84"/>
    </row>
    <row r="5475" spans="35:39" x14ac:dyDescent="0.35">
      <c r="AI5475" s="84"/>
      <c r="AM5475" s="84"/>
    </row>
    <row r="5476" spans="35:39" x14ac:dyDescent="0.35">
      <c r="AI5476" s="84"/>
      <c r="AM5476" s="84"/>
    </row>
    <row r="5477" spans="35:39" x14ac:dyDescent="0.35">
      <c r="AI5477" s="84"/>
      <c r="AM5477" s="84"/>
    </row>
    <row r="5478" spans="35:39" x14ac:dyDescent="0.35">
      <c r="AI5478" s="84"/>
      <c r="AM5478" s="84"/>
    </row>
    <row r="5479" spans="35:39" x14ac:dyDescent="0.35">
      <c r="AI5479" s="84"/>
      <c r="AM5479" s="84"/>
    </row>
    <row r="5480" spans="35:39" x14ac:dyDescent="0.35">
      <c r="AI5480" s="84"/>
      <c r="AM5480" s="84"/>
    </row>
    <row r="5481" spans="35:39" x14ac:dyDescent="0.35">
      <c r="AI5481" s="84"/>
      <c r="AM5481" s="84"/>
    </row>
    <row r="5482" spans="35:39" x14ac:dyDescent="0.35">
      <c r="AI5482" s="84"/>
      <c r="AM5482" s="84"/>
    </row>
    <row r="5483" spans="35:39" x14ac:dyDescent="0.35">
      <c r="AI5483" s="84"/>
      <c r="AM5483" s="84"/>
    </row>
    <row r="5484" spans="35:39" x14ac:dyDescent="0.35">
      <c r="AI5484" s="84"/>
      <c r="AM5484" s="84"/>
    </row>
    <row r="5485" spans="35:39" x14ac:dyDescent="0.35">
      <c r="AI5485" s="84"/>
      <c r="AM5485" s="84"/>
    </row>
    <row r="5486" spans="35:39" x14ac:dyDescent="0.35">
      <c r="AI5486" s="84"/>
      <c r="AM5486" s="84"/>
    </row>
    <row r="5487" spans="35:39" x14ac:dyDescent="0.35">
      <c r="AI5487" s="84"/>
      <c r="AM5487" s="84"/>
    </row>
    <row r="5488" spans="35:39" x14ac:dyDescent="0.35">
      <c r="AI5488" s="84"/>
      <c r="AM5488" s="84"/>
    </row>
    <row r="5489" spans="35:39" x14ac:dyDescent="0.35">
      <c r="AI5489" s="84"/>
      <c r="AM5489" s="84"/>
    </row>
    <row r="5490" spans="35:39" x14ac:dyDescent="0.35">
      <c r="AI5490" s="84"/>
      <c r="AM5490" s="84"/>
    </row>
    <row r="5491" spans="35:39" x14ac:dyDescent="0.35">
      <c r="AI5491" s="84"/>
      <c r="AM5491" s="84"/>
    </row>
    <row r="5492" spans="35:39" x14ac:dyDescent="0.35">
      <c r="AI5492" s="84"/>
      <c r="AM5492" s="84"/>
    </row>
    <row r="5493" spans="35:39" x14ac:dyDescent="0.35">
      <c r="AI5493" s="84"/>
      <c r="AM5493" s="84"/>
    </row>
    <row r="5494" spans="35:39" x14ac:dyDescent="0.35">
      <c r="AI5494" s="84"/>
      <c r="AM5494" s="84"/>
    </row>
    <row r="5495" spans="35:39" x14ac:dyDescent="0.35">
      <c r="AI5495" s="84"/>
      <c r="AM5495" s="84"/>
    </row>
    <row r="5496" spans="35:39" x14ac:dyDescent="0.35">
      <c r="AI5496" s="84"/>
      <c r="AM5496" s="84"/>
    </row>
    <row r="5497" spans="35:39" x14ac:dyDescent="0.35">
      <c r="AI5497" s="84"/>
      <c r="AM5497" s="84"/>
    </row>
    <row r="5498" spans="35:39" x14ac:dyDescent="0.35">
      <c r="AI5498" s="84"/>
      <c r="AM5498" s="84"/>
    </row>
    <row r="5499" spans="35:39" x14ac:dyDescent="0.35">
      <c r="AI5499" s="84"/>
      <c r="AM5499" s="84"/>
    </row>
    <row r="5500" spans="35:39" x14ac:dyDescent="0.35">
      <c r="AI5500" s="84"/>
      <c r="AM5500" s="84"/>
    </row>
    <row r="5501" spans="35:39" x14ac:dyDescent="0.35">
      <c r="AI5501" s="84"/>
      <c r="AM5501" s="84"/>
    </row>
    <row r="5502" spans="35:39" x14ac:dyDescent="0.35">
      <c r="AI5502" s="84"/>
      <c r="AM5502" s="84"/>
    </row>
    <row r="5503" spans="35:39" x14ac:dyDescent="0.35">
      <c r="AI5503" s="84"/>
      <c r="AM5503" s="84"/>
    </row>
    <row r="5504" spans="35:39" x14ac:dyDescent="0.35">
      <c r="AI5504" s="84"/>
      <c r="AM5504" s="84"/>
    </row>
    <row r="5505" spans="35:39" x14ac:dyDescent="0.35">
      <c r="AI5505" s="84"/>
      <c r="AM5505" s="84"/>
    </row>
    <row r="5506" spans="35:39" x14ac:dyDescent="0.35">
      <c r="AI5506" s="84"/>
      <c r="AM5506" s="84"/>
    </row>
    <row r="5507" spans="35:39" x14ac:dyDescent="0.35">
      <c r="AI5507" s="84"/>
      <c r="AM5507" s="84"/>
    </row>
    <row r="5508" spans="35:39" x14ac:dyDescent="0.35">
      <c r="AI5508" s="84"/>
      <c r="AM5508" s="84"/>
    </row>
    <row r="5509" spans="35:39" x14ac:dyDescent="0.35">
      <c r="AI5509" s="84"/>
      <c r="AM5509" s="84"/>
    </row>
    <row r="5510" spans="35:39" x14ac:dyDescent="0.35">
      <c r="AI5510" s="84"/>
      <c r="AM5510" s="84"/>
    </row>
    <row r="5511" spans="35:39" x14ac:dyDescent="0.35">
      <c r="AI5511" s="84"/>
      <c r="AM5511" s="84"/>
    </row>
    <row r="5512" spans="35:39" x14ac:dyDescent="0.35">
      <c r="AI5512" s="84"/>
      <c r="AM5512" s="84"/>
    </row>
    <row r="5513" spans="35:39" x14ac:dyDescent="0.35">
      <c r="AI5513" s="84"/>
      <c r="AM5513" s="84"/>
    </row>
    <row r="5514" spans="35:39" x14ac:dyDescent="0.35">
      <c r="AI5514" s="84"/>
      <c r="AM5514" s="84"/>
    </row>
    <row r="5515" spans="35:39" x14ac:dyDescent="0.35">
      <c r="AI5515" s="84"/>
      <c r="AM5515" s="84"/>
    </row>
    <row r="5516" spans="35:39" x14ac:dyDescent="0.35">
      <c r="AI5516" s="84"/>
      <c r="AM5516" s="84"/>
    </row>
    <row r="5517" spans="35:39" x14ac:dyDescent="0.35">
      <c r="AI5517" s="84"/>
      <c r="AM5517" s="84"/>
    </row>
    <row r="5518" spans="35:39" x14ac:dyDescent="0.35">
      <c r="AI5518" s="84"/>
      <c r="AM5518" s="84"/>
    </row>
    <row r="5519" spans="35:39" x14ac:dyDescent="0.35">
      <c r="AI5519" s="84"/>
      <c r="AM5519" s="84"/>
    </row>
    <row r="5520" spans="35:39" x14ac:dyDescent="0.35">
      <c r="AI5520" s="84"/>
      <c r="AM5520" s="84"/>
    </row>
    <row r="5521" spans="35:39" x14ac:dyDescent="0.35">
      <c r="AI5521" s="84"/>
      <c r="AM5521" s="84"/>
    </row>
    <row r="5522" spans="35:39" x14ac:dyDescent="0.35">
      <c r="AI5522" s="84"/>
      <c r="AM5522" s="84"/>
    </row>
    <row r="5523" spans="35:39" x14ac:dyDescent="0.35">
      <c r="AI5523" s="84"/>
      <c r="AM5523" s="84"/>
    </row>
    <row r="5524" spans="35:39" x14ac:dyDescent="0.35">
      <c r="AI5524" s="84"/>
      <c r="AM5524" s="84"/>
    </row>
    <row r="5525" spans="35:39" x14ac:dyDescent="0.35">
      <c r="AI5525" s="84"/>
      <c r="AM5525" s="84"/>
    </row>
    <row r="5526" spans="35:39" x14ac:dyDescent="0.35">
      <c r="AI5526" s="84"/>
      <c r="AM5526" s="84"/>
    </row>
    <row r="5527" spans="35:39" x14ac:dyDescent="0.35">
      <c r="AI5527" s="84"/>
      <c r="AM5527" s="84"/>
    </row>
    <row r="5528" spans="35:39" x14ac:dyDescent="0.35">
      <c r="AI5528" s="84"/>
      <c r="AM5528" s="84"/>
    </row>
    <row r="5529" spans="35:39" x14ac:dyDescent="0.35">
      <c r="AI5529" s="84"/>
      <c r="AM5529" s="84"/>
    </row>
    <row r="5530" spans="35:39" x14ac:dyDescent="0.35">
      <c r="AI5530" s="84"/>
      <c r="AM5530" s="84"/>
    </row>
    <row r="5531" spans="35:39" x14ac:dyDescent="0.35">
      <c r="AI5531" s="84"/>
      <c r="AM5531" s="84"/>
    </row>
    <row r="5532" spans="35:39" x14ac:dyDescent="0.35">
      <c r="AI5532" s="84"/>
      <c r="AM5532" s="84"/>
    </row>
    <row r="5533" spans="35:39" x14ac:dyDescent="0.35">
      <c r="AI5533" s="84"/>
      <c r="AM5533" s="84"/>
    </row>
    <row r="5534" spans="35:39" x14ac:dyDescent="0.35">
      <c r="AI5534" s="84"/>
      <c r="AM5534" s="84"/>
    </row>
    <row r="5535" spans="35:39" x14ac:dyDescent="0.35">
      <c r="AI5535" s="84"/>
      <c r="AM5535" s="84"/>
    </row>
    <row r="5536" spans="35:39" x14ac:dyDescent="0.35">
      <c r="AI5536" s="84"/>
      <c r="AM5536" s="84"/>
    </row>
    <row r="5537" spans="35:39" x14ac:dyDescent="0.35">
      <c r="AI5537" s="84"/>
      <c r="AM5537" s="84"/>
    </row>
    <row r="5538" spans="35:39" x14ac:dyDescent="0.35">
      <c r="AI5538" s="84"/>
      <c r="AM5538" s="84"/>
    </row>
    <row r="5539" spans="35:39" x14ac:dyDescent="0.35">
      <c r="AI5539" s="84"/>
      <c r="AM5539" s="84"/>
    </row>
    <row r="5540" spans="35:39" x14ac:dyDescent="0.35">
      <c r="AI5540" s="84"/>
      <c r="AM5540" s="84"/>
    </row>
    <row r="5541" spans="35:39" x14ac:dyDescent="0.35">
      <c r="AI5541" s="84"/>
      <c r="AM5541" s="84"/>
    </row>
    <row r="5542" spans="35:39" x14ac:dyDescent="0.35">
      <c r="AI5542" s="84"/>
      <c r="AM5542" s="84"/>
    </row>
    <row r="5543" spans="35:39" x14ac:dyDescent="0.35">
      <c r="AI5543" s="84"/>
      <c r="AM5543" s="84"/>
    </row>
    <row r="5544" spans="35:39" x14ac:dyDescent="0.35">
      <c r="AI5544" s="84"/>
      <c r="AM5544" s="84"/>
    </row>
    <row r="5545" spans="35:39" x14ac:dyDescent="0.35">
      <c r="AI5545" s="84"/>
      <c r="AM5545" s="84"/>
    </row>
    <row r="5546" spans="35:39" x14ac:dyDescent="0.35">
      <c r="AI5546" s="84"/>
      <c r="AM5546" s="84"/>
    </row>
    <row r="5547" spans="35:39" x14ac:dyDescent="0.35">
      <c r="AI5547" s="84"/>
      <c r="AM5547" s="84"/>
    </row>
    <row r="5548" spans="35:39" x14ac:dyDescent="0.35">
      <c r="AI5548" s="84"/>
      <c r="AM5548" s="84"/>
    </row>
    <row r="5549" spans="35:39" x14ac:dyDescent="0.35">
      <c r="AI5549" s="84"/>
      <c r="AM5549" s="84"/>
    </row>
    <row r="5550" spans="35:39" x14ac:dyDescent="0.35">
      <c r="AI5550" s="84"/>
      <c r="AM5550" s="84"/>
    </row>
    <row r="5551" spans="35:39" x14ac:dyDescent="0.35">
      <c r="AI5551" s="84"/>
      <c r="AM5551" s="84"/>
    </row>
    <row r="5552" spans="35:39" x14ac:dyDescent="0.35">
      <c r="AI5552" s="84"/>
      <c r="AM5552" s="84"/>
    </row>
    <row r="5553" spans="35:39" x14ac:dyDescent="0.35">
      <c r="AI5553" s="84"/>
      <c r="AM5553" s="84"/>
    </row>
    <row r="5554" spans="35:39" x14ac:dyDescent="0.35">
      <c r="AI5554" s="84"/>
      <c r="AM5554" s="84"/>
    </row>
    <row r="5555" spans="35:39" x14ac:dyDescent="0.35">
      <c r="AI5555" s="84"/>
      <c r="AM5555" s="84"/>
    </row>
    <row r="5556" spans="35:39" x14ac:dyDescent="0.35">
      <c r="AI5556" s="84"/>
      <c r="AM5556" s="84"/>
    </row>
    <row r="5557" spans="35:39" x14ac:dyDescent="0.35">
      <c r="AI5557" s="84"/>
      <c r="AM5557" s="84"/>
    </row>
    <row r="5558" spans="35:39" x14ac:dyDescent="0.35">
      <c r="AI5558" s="84"/>
      <c r="AM5558" s="84"/>
    </row>
    <row r="5559" spans="35:39" x14ac:dyDescent="0.35">
      <c r="AI5559" s="84"/>
      <c r="AM5559" s="84"/>
    </row>
    <row r="5560" spans="35:39" x14ac:dyDescent="0.35">
      <c r="AI5560" s="84"/>
      <c r="AM5560" s="84"/>
    </row>
    <row r="5561" spans="35:39" x14ac:dyDescent="0.35">
      <c r="AI5561" s="84"/>
      <c r="AM5561" s="84"/>
    </row>
    <row r="5562" spans="35:39" x14ac:dyDescent="0.35">
      <c r="AI5562" s="84"/>
      <c r="AM5562" s="84"/>
    </row>
    <row r="5563" spans="35:39" x14ac:dyDescent="0.35">
      <c r="AI5563" s="84"/>
      <c r="AM5563" s="84"/>
    </row>
    <row r="5564" spans="35:39" x14ac:dyDescent="0.35">
      <c r="AI5564" s="84"/>
      <c r="AM5564" s="84"/>
    </row>
    <row r="5565" spans="35:39" x14ac:dyDescent="0.35">
      <c r="AI5565" s="84"/>
      <c r="AM5565" s="84"/>
    </row>
    <row r="5566" spans="35:39" x14ac:dyDescent="0.35">
      <c r="AI5566" s="84"/>
      <c r="AM5566" s="84"/>
    </row>
    <row r="5567" spans="35:39" x14ac:dyDescent="0.35">
      <c r="AI5567" s="84"/>
      <c r="AM5567" s="84"/>
    </row>
    <row r="5568" spans="35:39" x14ac:dyDescent="0.35">
      <c r="AI5568" s="84"/>
      <c r="AM5568" s="84"/>
    </row>
    <row r="5569" spans="35:39" x14ac:dyDescent="0.35">
      <c r="AI5569" s="84"/>
      <c r="AM5569" s="84"/>
    </row>
    <row r="5570" spans="35:39" x14ac:dyDescent="0.35">
      <c r="AI5570" s="84"/>
      <c r="AM5570" s="84"/>
    </row>
    <row r="5571" spans="35:39" x14ac:dyDescent="0.35">
      <c r="AI5571" s="84"/>
      <c r="AM5571" s="84"/>
    </row>
    <row r="5572" spans="35:39" x14ac:dyDescent="0.35">
      <c r="AI5572" s="84"/>
      <c r="AM5572" s="84"/>
    </row>
    <row r="5573" spans="35:39" x14ac:dyDescent="0.35">
      <c r="AI5573" s="84"/>
      <c r="AM5573" s="84"/>
    </row>
    <row r="5574" spans="35:39" x14ac:dyDescent="0.35">
      <c r="AI5574" s="84"/>
      <c r="AM5574" s="84"/>
    </row>
    <row r="5575" spans="35:39" x14ac:dyDescent="0.35">
      <c r="AI5575" s="84"/>
      <c r="AM5575" s="84"/>
    </row>
    <row r="5576" spans="35:39" x14ac:dyDescent="0.35">
      <c r="AI5576" s="84"/>
      <c r="AM5576" s="84"/>
    </row>
    <row r="5577" spans="35:39" x14ac:dyDescent="0.35">
      <c r="AI5577" s="84"/>
      <c r="AM5577" s="84"/>
    </row>
    <row r="5578" spans="35:39" x14ac:dyDescent="0.35">
      <c r="AI5578" s="84"/>
      <c r="AM5578" s="84"/>
    </row>
    <row r="5579" spans="35:39" x14ac:dyDescent="0.35">
      <c r="AI5579" s="84"/>
      <c r="AM5579" s="84"/>
    </row>
    <row r="5580" spans="35:39" x14ac:dyDescent="0.35">
      <c r="AI5580" s="84"/>
      <c r="AM5580" s="84"/>
    </row>
    <row r="5581" spans="35:39" x14ac:dyDescent="0.35">
      <c r="AI5581" s="84"/>
      <c r="AM5581" s="84"/>
    </row>
    <row r="5582" spans="35:39" x14ac:dyDescent="0.35">
      <c r="AI5582" s="84"/>
      <c r="AM5582" s="84"/>
    </row>
    <row r="5583" spans="35:39" x14ac:dyDescent="0.35">
      <c r="AI5583" s="84"/>
      <c r="AM5583" s="84"/>
    </row>
    <row r="5584" spans="35:39" x14ac:dyDescent="0.35">
      <c r="AI5584" s="84"/>
      <c r="AM5584" s="84"/>
    </row>
    <row r="5585" spans="35:39" x14ac:dyDescent="0.35">
      <c r="AI5585" s="84"/>
      <c r="AM5585" s="84"/>
    </row>
    <row r="5586" spans="35:39" x14ac:dyDescent="0.35">
      <c r="AI5586" s="84"/>
      <c r="AM5586" s="84"/>
    </row>
    <row r="5587" spans="35:39" x14ac:dyDescent="0.35">
      <c r="AI5587" s="84"/>
      <c r="AM5587" s="84"/>
    </row>
    <row r="5588" spans="35:39" x14ac:dyDescent="0.35">
      <c r="AI5588" s="84"/>
      <c r="AM5588" s="84"/>
    </row>
    <row r="5589" spans="35:39" x14ac:dyDescent="0.35">
      <c r="AI5589" s="84"/>
      <c r="AM5589" s="84"/>
    </row>
    <row r="5590" spans="35:39" x14ac:dyDescent="0.35">
      <c r="AI5590" s="84"/>
      <c r="AM5590" s="84"/>
    </row>
    <row r="5591" spans="35:39" x14ac:dyDescent="0.35">
      <c r="AI5591" s="84"/>
      <c r="AM5591" s="84"/>
    </row>
    <row r="5592" spans="35:39" x14ac:dyDescent="0.35">
      <c r="AI5592" s="84"/>
      <c r="AM5592" s="84"/>
    </row>
    <row r="5593" spans="35:39" x14ac:dyDescent="0.35">
      <c r="AI5593" s="84"/>
      <c r="AM5593" s="84"/>
    </row>
    <row r="5594" spans="35:39" x14ac:dyDescent="0.35">
      <c r="AI5594" s="84"/>
      <c r="AM5594" s="84"/>
    </row>
    <row r="5595" spans="35:39" x14ac:dyDescent="0.35">
      <c r="AI5595" s="84"/>
      <c r="AM5595" s="84"/>
    </row>
    <row r="5596" spans="35:39" x14ac:dyDescent="0.35">
      <c r="AI5596" s="84"/>
      <c r="AM5596" s="84"/>
    </row>
    <row r="5597" spans="35:39" x14ac:dyDescent="0.35">
      <c r="AI5597" s="84"/>
      <c r="AM5597" s="84"/>
    </row>
    <row r="5598" spans="35:39" x14ac:dyDescent="0.35">
      <c r="AI5598" s="84"/>
      <c r="AM5598" s="84"/>
    </row>
    <row r="5599" spans="35:39" x14ac:dyDescent="0.35">
      <c r="AI5599" s="84"/>
      <c r="AM5599" s="84"/>
    </row>
    <row r="5600" spans="35:39" x14ac:dyDescent="0.35">
      <c r="AI5600" s="84"/>
      <c r="AM5600" s="84"/>
    </row>
    <row r="5601" spans="35:39" x14ac:dyDescent="0.35">
      <c r="AI5601" s="84"/>
      <c r="AM5601" s="84"/>
    </row>
    <row r="5602" spans="35:39" x14ac:dyDescent="0.35">
      <c r="AI5602" s="84"/>
      <c r="AM5602" s="84"/>
    </row>
    <row r="5603" spans="35:39" x14ac:dyDescent="0.35">
      <c r="AI5603" s="84"/>
      <c r="AM5603" s="84"/>
    </row>
    <row r="5604" spans="35:39" x14ac:dyDescent="0.35">
      <c r="AI5604" s="84"/>
      <c r="AM5604" s="84"/>
    </row>
    <row r="5605" spans="35:39" x14ac:dyDescent="0.35">
      <c r="AI5605" s="84"/>
      <c r="AM5605" s="84"/>
    </row>
    <row r="5606" spans="35:39" x14ac:dyDescent="0.35">
      <c r="AI5606" s="84"/>
      <c r="AM5606" s="84"/>
    </row>
    <row r="5607" spans="35:39" x14ac:dyDescent="0.35">
      <c r="AI5607" s="84"/>
      <c r="AM5607" s="84"/>
    </row>
    <row r="5608" spans="35:39" x14ac:dyDescent="0.35">
      <c r="AI5608" s="84"/>
      <c r="AM5608" s="84"/>
    </row>
    <row r="5609" spans="35:39" x14ac:dyDescent="0.35">
      <c r="AI5609" s="84"/>
      <c r="AM5609" s="84"/>
    </row>
    <row r="5610" spans="35:39" x14ac:dyDescent="0.35">
      <c r="AI5610" s="84"/>
      <c r="AM5610" s="84"/>
    </row>
    <row r="5611" spans="35:39" x14ac:dyDescent="0.35">
      <c r="AI5611" s="84"/>
      <c r="AM5611" s="84"/>
    </row>
    <row r="5612" spans="35:39" x14ac:dyDescent="0.35">
      <c r="AI5612" s="84"/>
      <c r="AM5612" s="84"/>
    </row>
    <row r="5613" spans="35:39" x14ac:dyDescent="0.35">
      <c r="AI5613" s="84"/>
      <c r="AM5613" s="84"/>
    </row>
    <row r="5614" spans="35:39" x14ac:dyDescent="0.35">
      <c r="AI5614" s="84"/>
      <c r="AM5614" s="84"/>
    </row>
    <row r="5615" spans="35:39" x14ac:dyDescent="0.35">
      <c r="AI5615" s="84"/>
      <c r="AM5615" s="84"/>
    </row>
    <row r="5616" spans="35:39" x14ac:dyDescent="0.35">
      <c r="AI5616" s="84"/>
      <c r="AM5616" s="84"/>
    </row>
    <row r="5617" spans="35:39" x14ac:dyDescent="0.35">
      <c r="AI5617" s="84"/>
      <c r="AM5617" s="84"/>
    </row>
    <row r="5618" spans="35:39" x14ac:dyDescent="0.35">
      <c r="AI5618" s="84"/>
      <c r="AM5618" s="84"/>
    </row>
    <row r="5619" spans="35:39" x14ac:dyDescent="0.35">
      <c r="AI5619" s="84"/>
      <c r="AM5619" s="84"/>
    </row>
    <row r="5620" spans="35:39" x14ac:dyDescent="0.35">
      <c r="AI5620" s="84"/>
      <c r="AM5620" s="84"/>
    </row>
    <row r="5621" spans="35:39" x14ac:dyDescent="0.35">
      <c r="AI5621" s="84"/>
      <c r="AM5621" s="84"/>
    </row>
    <row r="5622" spans="35:39" x14ac:dyDescent="0.35">
      <c r="AI5622" s="84"/>
      <c r="AM5622" s="84"/>
    </row>
    <row r="5623" spans="35:39" x14ac:dyDescent="0.35">
      <c r="AI5623" s="84"/>
      <c r="AM5623" s="84"/>
    </row>
    <row r="5624" spans="35:39" x14ac:dyDescent="0.35">
      <c r="AI5624" s="84"/>
      <c r="AM5624" s="84"/>
    </row>
    <row r="5625" spans="35:39" x14ac:dyDescent="0.35">
      <c r="AI5625" s="84"/>
      <c r="AM5625" s="84"/>
    </row>
    <row r="5626" spans="35:39" x14ac:dyDescent="0.35">
      <c r="AI5626" s="84"/>
      <c r="AM5626" s="84"/>
    </row>
    <row r="5627" spans="35:39" x14ac:dyDescent="0.35">
      <c r="AI5627" s="84"/>
      <c r="AM5627" s="84"/>
    </row>
    <row r="5628" spans="35:39" x14ac:dyDescent="0.35">
      <c r="AI5628" s="84"/>
      <c r="AM5628" s="84"/>
    </row>
    <row r="5629" spans="35:39" x14ac:dyDescent="0.35">
      <c r="AI5629" s="84"/>
      <c r="AM5629" s="84"/>
    </row>
    <row r="5630" spans="35:39" x14ac:dyDescent="0.35">
      <c r="AI5630" s="84"/>
      <c r="AM5630" s="84"/>
    </row>
    <row r="5631" spans="35:39" x14ac:dyDescent="0.35">
      <c r="AI5631" s="84"/>
      <c r="AM5631" s="84"/>
    </row>
    <row r="5632" spans="35:39" x14ac:dyDescent="0.35">
      <c r="AI5632" s="84"/>
      <c r="AM5632" s="84"/>
    </row>
    <row r="5633" spans="35:39" x14ac:dyDescent="0.35">
      <c r="AI5633" s="84"/>
      <c r="AM5633" s="84"/>
    </row>
    <row r="5634" spans="35:39" x14ac:dyDescent="0.35">
      <c r="AI5634" s="84"/>
      <c r="AM5634" s="84"/>
    </row>
    <row r="5635" spans="35:39" x14ac:dyDescent="0.35">
      <c r="AI5635" s="84"/>
      <c r="AM5635" s="84"/>
    </row>
    <row r="5636" spans="35:39" x14ac:dyDescent="0.35">
      <c r="AI5636" s="84"/>
      <c r="AM5636" s="84"/>
    </row>
    <row r="5637" spans="35:39" x14ac:dyDescent="0.35">
      <c r="AI5637" s="84"/>
      <c r="AM5637" s="84"/>
    </row>
    <row r="5638" spans="35:39" x14ac:dyDescent="0.35">
      <c r="AI5638" s="84"/>
      <c r="AM5638" s="84"/>
    </row>
    <row r="5639" spans="35:39" x14ac:dyDescent="0.35">
      <c r="AI5639" s="84"/>
      <c r="AM5639" s="84"/>
    </row>
    <row r="5640" spans="35:39" x14ac:dyDescent="0.35">
      <c r="AI5640" s="84"/>
      <c r="AM5640" s="84"/>
    </row>
    <row r="5641" spans="35:39" x14ac:dyDescent="0.35">
      <c r="AI5641" s="84"/>
      <c r="AM5641" s="84"/>
    </row>
    <row r="5642" spans="35:39" x14ac:dyDescent="0.35">
      <c r="AI5642" s="84"/>
      <c r="AM5642" s="84"/>
    </row>
    <row r="5643" spans="35:39" x14ac:dyDescent="0.35">
      <c r="AI5643" s="84"/>
      <c r="AM5643" s="84"/>
    </row>
    <row r="5644" spans="35:39" x14ac:dyDescent="0.35">
      <c r="AI5644" s="84"/>
      <c r="AM5644" s="84"/>
    </row>
    <row r="5645" spans="35:39" x14ac:dyDescent="0.35">
      <c r="AI5645" s="84"/>
      <c r="AM5645" s="84"/>
    </row>
    <row r="5646" spans="35:39" x14ac:dyDescent="0.35">
      <c r="AI5646" s="84"/>
      <c r="AM5646" s="84"/>
    </row>
    <row r="5647" spans="35:39" x14ac:dyDescent="0.35">
      <c r="AI5647" s="84"/>
      <c r="AM5647" s="84"/>
    </row>
    <row r="5648" spans="35:39" x14ac:dyDescent="0.35">
      <c r="AI5648" s="84"/>
      <c r="AM5648" s="84"/>
    </row>
    <row r="5649" spans="35:39" x14ac:dyDescent="0.35">
      <c r="AI5649" s="84"/>
      <c r="AM5649" s="84"/>
    </row>
    <row r="5650" spans="35:39" x14ac:dyDescent="0.35">
      <c r="AI5650" s="84"/>
      <c r="AM5650" s="84"/>
    </row>
    <row r="5651" spans="35:39" x14ac:dyDescent="0.35">
      <c r="AI5651" s="84"/>
      <c r="AM5651" s="84"/>
    </row>
    <row r="5652" spans="35:39" x14ac:dyDescent="0.35">
      <c r="AI5652" s="84"/>
      <c r="AM5652" s="84"/>
    </row>
    <row r="5653" spans="35:39" x14ac:dyDescent="0.35">
      <c r="AI5653" s="84"/>
      <c r="AM5653" s="84"/>
    </row>
    <row r="5654" spans="35:39" x14ac:dyDescent="0.35">
      <c r="AI5654" s="84"/>
      <c r="AM5654" s="84"/>
    </row>
    <row r="5655" spans="35:39" x14ac:dyDescent="0.35">
      <c r="AI5655" s="84"/>
      <c r="AM5655" s="84"/>
    </row>
    <row r="5656" spans="35:39" x14ac:dyDescent="0.35">
      <c r="AI5656" s="84"/>
      <c r="AM5656" s="84"/>
    </row>
    <row r="5657" spans="35:39" x14ac:dyDescent="0.35">
      <c r="AI5657" s="84"/>
      <c r="AM5657" s="84"/>
    </row>
    <row r="5658" spans="35:39" x14ac:dyDescent="0.35">
      <c r="AI5658" s="84"/>
      <c r="AM5658" s="84"/>
    </row>
    <row r="5659" spans="35:39" x14ac:dyDescent="0.35">
      <c r="AI5659" s="84"/>
      <c r="AM5659" s="84"/>
    </row>
    <row r="5660" spans="35:39" x14ac:dyDescent="0.35">
      <c r="AI5660" s="84"/>
      <c r="AM5660" s="84"/>
    </row>
    <row r="5661" spans="35:39" x14ac:dyDescent="0.35">
      <c r="AI5661" s="84"/>
      <c r="AM5661" s="84"/>
    </row>
    <row r="5662" spans="35:39" x14ac:dyDescent="0.35">
      <c r="AI5662" s="84"/>
      <c r="AM5662" s="84"/>
    </row>
    <row r="5663" spans="35:39" x14ac:dyDescent="0.35">
      <c r="AI5663" s="84"/>
      <c r="AM5663" s="84"/>
    </row>
    <row r="5664" spans="35:39" x14ac:dyDescent="0.35">
      <c r="AI5664" s="84"/>
      <c r="AM5664" s="84"/>
    </row>
    <row r="5665" spans="35:39" x14ac:dyDescent="0.35">
      <c r="AI5665" s="84"/>
      <c r="AM5665" s="84"/>
    </row>
    <row r="5666" spans="35:39" x14ac:dyDescent="0.35">
      <c r="AI5666" s="84"/>
      <c r="AM5666" s="84"/>
    </row>
    <row r="5667" spans="35:39" x14ac:dyDescent="0.35">
      <c r="AI5667" s="84"/>
      <c r="AM5667" s="84"/>
    </row>
    <row r="5668" spans="35:39" x14ac:dyDescent="0.35">
      <c r="AI5668" s="84"/>
      <c r="AM5668" s="84"/>
    </row>
    <row r="5669" spans="35:39" x14ac:dyDescent="0.35">
      <c r="AI5669" s="84"/>
      <c r="AM5669" s="84"/>
    </row>
    <row r="5670" spans="35:39" x14ac:dyDescent="0.35">
      <c r="AI5670" s="84"/>
      <c r="AM5670" s="84"/>
    </row>
    <row r="5671" spans="35:39" x14ac:dyDescent="0.35">
      <c r="AI5671" s="84"/>
      <c r="AM5671" s="84"/>
    </row>
    <row r="5672" spans="35:39" x14ac:dyDescent="0.35">
      <c r="AI5672" s="84"/>
      <c r="AM5672" s="84"/>
    </row>
    <row r="5673" spans="35:39" x14ac:dyDescent="0.35">
      <c r="AI5673" s="84"/>
      <c r="AM5673" s="84"/>
    </row>
    <row r="5674" spans="35:39" x14ac:dyDescent="0.35">
      <c r="AI5674" s="84"/>
      <c r="AM5674" s="84"/>
    </row>
    <row r="5675" spans="35:39" x14ac:dyDescent="0.35">
      <c r="AI5675" s="84"/>
      <c r="AM5675" s="84"/>
    </row>
    <row r="5676" spans="35:39" x14ac:dyDescent="0.35">
      <c r="AI5676" s="84"/>
      <c r="AM5676" s="84"/>
    </row>
    <row r="5677" spans="35:39" x14ac:dyDescent="0.35">
      <c r="AI5677" s="84"/>
      <c r="AM5677" s="84"/>
    </row>
    <row r="5678" spans="35:39" x14ac:dyDescent="0.35">
      <c r="AI5678" s="84"/>
      <c r="AM5678" s="84"/>
    </row>
    <row r="5679" spans="35:39" x14ac:dyDescent="0.35">
      <c r="AI5679" s="84"/>
      <c r="AM5679" s="84"/>
    </row>
    <row r="5680" spans="35:39" x14ac:dyDescent="0.35">
      <c r="AI5680" s="84"/>
      <c r="AM5680" s="84"/>
    </row>
    <row r="5681" spans="35:39" x14ac:dyDescent="0.35">
      <c r="AI5681" s="84"/>
      <c r="AM5681" s="84"/>
    </row>
    <row r="5682" spans="35:39" x14ac:dyDescent="0.35">
      <c r="AI5682" s="84"/>
      <c r="AM5682" s="84"/>
    </row>
    <row r="5683" spans="35:39" x14ac:dyDescent="0.35">
      <c r="AI5683" s="84"/>
      <c r="AM5683" s="84"/>
    </row>
    <row r="5684" spans="35:39" x14ac:dyDescent="0.35">
      <c r="AI5684" s="84"/>
      <c r="AM5684" s="84"/>
    </row>
    <row r="5685" spans="35:39" x14ac:dyDescent="0.35">
      <c r="AI5685" s="84"/>
      <c r="AM5685" s="84"/>
    </row>
    <row r="5686" spans="35:39" x14ac:dyDescent="0.35">
      <c r="AI5686" s="84"/>
      <c r="AM5686" s="84"/>
    </row>
    <row r="5687" spans="35:39" x14ac:dyDescent="0.35">
      <c r="AI5687" s="84"/>
      <c r="AM5687" s="84"/>
    </row>
    <row r="5688" spans="35:39" x14ac:dyDescent="0.35">
      <c r="AI5688" s="84"/>
      <c r="AM5688" s="84"/>
    </row>
    <row r="5689" spans="35:39" x14ac:dyDescent="0.35">
      <c r="AI5689" s="84"/>
      <c r="AM5689" s="84"/>
    </row>
    <row r="5690" spans="35:39" x14ac:dyDescent="0.35">
      <c r="AI5690" s="84"/>
      <c r="AM5690" s="84"/>
    </row>
    <row r="5691" spans="35:39" x14ac:dyDescent="0.35">
      <c r="AI5691" s="84"/>
      <c r="AM5691" s="84"/>
    </row>
    <row r="5692" spans="35:39" x14ac:dyDescent="0.35">
      <c r="AI5692" s="84"/>
      <c r="AM5692" s="84"/>
    </row>
    <row r="5693" spans="35:39" x14ac:dyDescent="0.35">
      <c r="AI5693" s="84"/>
      <c r="AM5693" s="84"/>
    </row>
    <row r="5694" spans="35:39" x14ac:dyDescent="0.35">
      <c r="AI5694" s="84"/>
      <c r="AM5694" s="84"/>
    </row>
    <row r="5695" spans="35:39" x14ac:dyDescent="0.35">
      <c r="AI5695" s="84"/>
      <c r="AM5695" s="84"/>
    </row>
    <row r="5696" spans="35:39" x14ac:dyDescent="0.35">
      <c r="AI5696" s="84"/>
      <c r="AM5696" s="84"/>
    </row>
    <row r="5697" spans="35:39" x14ac:dyDescent="0.35">
      <c r="AI5697" s="84"/>
      <c r="AM5697" s="84"/>
    </row>
    <row r="5698" spans="35:39" x14ac:dyDescent="0.35">
      <c r="AI5698" s="84"/>
      <c r="AM5698" s="84"/>
    </row>
    <row r="5699" spans="35:39" x14ac:dyDescent="0.35">
      <c r="AI5699" s="84"/>
      <c r="AM5699" s="84"/>
    </row>
    <row r="5700" spans="35:39" x14ac:dyDescent="0.35">
      <c r="AI5700" s="84"/>
      <c r="AM5700" s="84"/>
    </row>
    <row r="5701" spans="35:39" x14ac:dyDescent="0.35">
      <c r="AI5701" s="84"/>
      <c r="AM5701" s="84"/>
    </row>
    <row r="5702" spans="35:39" x14ac:dyDescent="0.35">
      <c r="AI5702" s="84"/>
      <c r="AM5702" s="84"/>
    </row>
    <row r="5703" spans="35:39" x14ac:dyDescent="0.35">
      <c r="AI5703" s="84"/>
      <c r="AM5703" s="84"/>
    </row>
    <row r="5704" spans="35:39" x14ac:dyDescent="0.35">
      <c r="AI5704" s="84"/>
      <c r="AM5704" s="84"/>
    </row>
    <row r="5705" spans="35:39" x14ac:dyDescent="0.35">
      <c r="AI5705" s="84"/>
      <c r="AM5705" s="84"/>
    </row>
    <row r="5706" spans="35:39" x14ac:dyDescent="0.35">
      <c r="AI5706" s="84"/>
      <c r="AM5706" s="84"/>
    </row>
    <row r="5707" spans="35:39" x14ac:dyDescent="0.35">
      <c r="AI5707" s="84"/>
      <c r="AM5707" s="84"/>
    </row>
    <row r="5708" spans="35:39" x14ac:dyDescent="0.35">
      <c r="AI5708" s="84"/>
      <c r="AM5708" s="84"/>
    </row>
    <row r="5709" spans="35:39" x14ac:dyDescent="0.35">
      <c r="AI5709" s="84"/>
      <c r="AM5709" s="84"/>
    </row>
    <row r="5710" spans="35:39" x14ac:dyDescent="0.35">
      <c r="AI5710" s="84"/>
      <c r="AM5710" s="84"/>
    </row>
    <row r="5711" spans="35:39" x14ac:dyDescent="0.35">
      <c r="AI5711" s="84"/>
      <c r="AM5711" s="84"/>
    </row>
    <row r="5712" spans="35:39" x14ac:dyDescent="0.35">
      <c r="AI5712" s="84"/>
      <c r="AM5712" s="84"/>
    </row>
    <row r="5713" spans="35:39" x14ac:dyDescent="0.35">
      <c r="AI5713" s="84"/>
      <c r="AM5713" s="84"/>
    </row>
    <row r="5714" spans="35:39" x14ac:dyDescent="0.35">
      <c r="AI5714" s="84"/>
      <c r="AM5714" s="84"/>
    </row>
    <row r="5715" spans="35:39" x14ac:dyDescent="0.35">
      <c r="AI5715" s="84"/>
      <c r="AM5715" s="84"/>
    </row>
    <row r="5716" spans="35:39" x14ac:dyDescent="0.35">
      <c r="AI5716" s="84"/>
      <c r="AM5716" s="84"/>
    </row>
    <row r="5717" spans="35:39" x14ac:dyDescent="0.35">
      <c r="AI5717" s="84"/>
      <c r="AM5717" s="84"/>
    </row>
    <row r="5718" spans="35:39" x14ac:dyDescent="0.35">
      <c r="AI5718" s="84"/>
      <c r="AM5718" s="84"/>
    </row>
    <row r="5719" spans="35:39" x14ac:dyDescent="0.35">
      <c r="AI5719" s="84"/>
      <c r="AM5719" s="84"/>
    </row>
    <row r="5720" spans="35:39" x14ac:dyDescent="0.35">
      <c r="AI5720" s="84"/>
      <c r="AM5720" s="84"/>
    </row>
    <row r="5721" spans="35:39" x14ac:dyDescent="0.35">
      <c r="AI5721" s="84"/>
      <c r="AM5721" s="84"/>
    </row>
    <row r="5722" spans="35:39" x14ac:dyDescent="0.35">
      <c r="AI5722" s="84"/>
      <c r="AM5722" s="84"/>
    </row>
    <row r="5723" spans="35:39" x14ac:dyDescent="0.35">
      <c r="AI5723" s="84"/>
      <c r="AM5723" s="84"/>
    </row>
    <row r="5724" spans="35:39" x14ac:dyDescent="0.35">
      <c r="AI5724" s="84"/>
      <c r="AM5724" s="84"/>
    </row>
    <row r="5725" spans="35:39" x14ac:dyDescent="0.35">
      <c r="AI5725" s="84"/>
      <c r="AM5725" s="84"/>
    </row>
    <row r="5726" spans="35:39" x14ac:dyDescent="0.35">
      <c r="AI5726" s="84"/>
      <c r="AM5726" s="84"/>
    </row>
    <row r="5727" spans="35:39" x14ac:dyDescent="0.35">
      <c r="AI5727" s="84"/>
      <c r="AM5727" s="84"/>
    </row>
    <row r="5728" spans="35:39" x14ac:dyDescent="0.35">
      <c r="AI5728" s="84"/>
      <c r="AM5728" s="84"/>
    </row>
    <row r="5729" spans="35:39" x14ac:dyDescent="0.35">
      <c r="AI5729" s="84"/>
      <c r="AM5729" s="84"/>
    </row>
    <row r="5730" spans="35:39" x14ac:dyDescent="0.35">
      <c r="AI5730" s="84"/>
      <c r="AM5730" s="84"/>
    </row>
    <row r="5731" spans="35:39" x14ac:dyDescent="0.35">
      <c r="AI5731" s="84"/>
      <c r="AM5731" s="84"/>
    </row>
    <row r="5732" spans="35:39" x14ac:dyDescent="0.35">
      <c r="AI5732" s="84"/>
      <c r="AM5732" s="84"/>
    </row>
    <row r="5733" spans="35:39" x14ac:dyDescent="0.35">
      <c r="AI5733" s="84"/>
      <c r="AM5733" s="84"/>
    </row>
    <row r="5734" spans="35:39" x14ac:dyDescent="0.35">
      <c r="AI5734" s="84"/>
      <c r="AM5734" s="84"/>
    </row>
    <row r="5735" spans="35:39" x14ac:dyDescent="0.35">
      <c r="AI5735" s="84"/>
      <c r="AM5735" s="84"/>
    </row>
    <row r="5736" spans="35:39" x14ac:dyDescent="0.35">
      <c r="AI5736" s="84"/>
      <c r="AM5736" s="84"/>
    </row>
    <row r="5737" spans="35:39" x14ac:dyDescent="0.35">
      <c r="AI5737" s="84"/>
      <c r="AM5737" s="84"/>
    </row>
    <row r="5738" spans="35:39" x14ac:dyDescent="0.35">
      <c r="AI5738" s="84"/>
      <c r="AM5738" s="84"/>
    </row>
    <row r="5739" spans="35:39" x14ac:dyDescent="0.35">
      <c r="AI5739" s="84"/>
      <c r="AM5739" s="84"/>
    </row>
    <row r="5740" spans="35:39" x14ac:dyDescent="0.35">
      <c r="AI5740" s="84"/>
      <c r="AM5740" s="84"/>
    </row>
    <row r="5741" spans="35:39" x14ac:dyDescent="0.35">
      <c r="AI5741" s="84"/>
      <c r="AM5741" s="84"/>
    </row>
    <row r="5742" spans="35:39" x14ac:dyDescent="0.35">
      <c r="AI5742" s="84"/>
      <c r="AM5742" s="84"/>
    </row>
    <row r="5743" spans="35:39" x14ac:dyDescent="0.35">
      <c r="AI5743" s="84"/>
      <c r="AM5743" s="84"/>
    </row>
    <row r="5744" spans="35:39" x14ac:dyDescent="0.35">
      <c r="AI5744" s="84"/>
      <c r="AM5744" s="84"/>
    </row>
    <row r="5745" spans="35:39" x14ac:dyDescent="0.35">
      <c r="AI5745" s="84"/>
      <c r="AM5745" s="84"/>
    </row>
    <row r="5746" spans="35:39" x14ac:dyDescent="0.35">
      <c r="AI5746" s="84"/>
      <c r="AM5746" s="84"/>
    </row>
    <row r="5747" spans="35:39" x14ac:dyDescent="0.35">
      <c r="AI5747" s="84"/>
      <c r="AM5747" s="84"/>
    </row>
    <row r="5748" spans="35:39" x14ac:dyDescent="0.35">
      <c r="AI5748" s="84"/>
      <c r="AM5748" s="84"/>
    </row>
    <row r="5749" spans="35:39" x14ac:dyDescent="0.35">
      <c r="AI5749" s="84"/>
      <c r="AM5749" s="84"/>
    </row>
    <row r="5750" spans="35:39" x14ac:dyDescent="0.35">
      <c r="AI5750" s="84"/>
      <c r="AM5750" s="84"/>
    </row>
    <row r="5751" spans="35:39" x14ac:dyDescent="0.35">
      <c r="AI5751" s="84"/>
      <c r="AM5751" s="84"/>
    </row>
    <row r="5752" spans="35:39" x14ac:dyDescent="0.35">
      <c r="AI5752" s="84"/>
      <c r="AM5752" s="84"/>
    </row>
    <row r="5753" spans="35:39" x14ac:dyDescent="0.35">
      <c r="AI5753" s="84"/>
      <c r="AM5753" s="84"/>
    </row>
    <row r="5754" spans="35:39" x14ac:dyDescent="0.35">
      <c r="AI5754" s="84"/>
      <c r="AM5754" s="84"/>
    </row>
    <row r="5755" spans="35:39" x14ac:dyDescent="0.35">
      <c r="AI5755" s="84"/>
      <c r="AM5755" s="84"/>
    </row>
    <row r="5756" spans="35:39" x14ac:dyDescent="0.35">
      <c r="AI5756" s="84"/>
      <c r="AM5756" s="84"/>
    </row>
    <row r="5757" spans="35:39" x14ac:dyDescent="0.35">
      <c r="AI5757" s="84"/>
      <c r="AM5757" s="84"/>
    </row>
    <row r="5758" spans="35:39" x14ac:dyDescent="0.35">
      <c r="AI5758" s="84"/>
      <c r="AM5758" s="84"/>
    </row>
    <row r="5759" spans="35:39" x14ac:dyDescent="0.35">
      <c r="AI5759" s="84"/>
      <c r="AM5759" s="84"/>
    </row>
    <row r="5760" spans="35:39" x14ac:dyDescent="0.35">
      <c r="AI5760" s="84"/>
      <c r="AM5760" s="84"/>
    </row>
    <row r="5761" spans="35:39" x14ac:dyDescent="0.35">
      <c r="AI5761" s="84"/>
      <c r="AM5761" s="84"/>
    </row>
    <row r="5762" spans="35:39" x14ac:dyDescent="0.35">
      <c r="AI5762" s="84"/>
      <c r="AM5762" s="84"/>
    </row>
    <row r="5763" spans="35:39" x14ac:dyDescent="0.35">
      <c r="AI5763" s="84"/>
      <c r="AM5763" s="84"/>
    </row>
    <row r="5764" spans="35:39" x14ac:dyDescent="0.35">
      <c r="AI5764" s="84"/>
      <c r="AM5764" s="84"/>
    </row>
    <row r="5765" spans="35:39" x14ac:dyDescent="0.35">
      <c r="AI5765" s="84"/>
      <c r="AM5765" s="84"/>
    </row>
    <row r="5766" spans="35:39" x14ac:dyDescent="0.35">
      <c r="AI5766" s="84"/>
      <c r="AM5766" s="84"/>
    </row>
    <row r="5767" spans="35:39" x14ac:dyDescent="0.35">
      <c r="AI5767" s="84"/>
      <c r="AM5767" s="84"/>
    </row>
    <row r="5768" spans="35:39" x14ac:dyDescent="0.35">
      <c r="AI5768" s="84"/>
      <c r="AM5768" s="84"/>
    </row>
    <row r="5769" spans="35:39" x14ac:dyDescent="0.35">
      <c r="AI5769" s="84"/>
      <c r="AM5769" s="84"/>
    </row>
    <row r="5770" spans="35:39" x14ac:dyDescent="0.35">
      <c r="AI5770" s="84"/>
      <c r="AM5770" s="84"/>
    </row>
    <row r="5771" spans="35:39" x14ac:dyDescent="0.35">
      <c r="AI5771" s="84"/>
      <c r="AM5771" s="84"/>
    </row>
    <row r="5772" spans="35:39" x14ac:dyDescent="0.35">
      <c r="AI5772" s="84"/>
      <c r="AM5772" s="84"/>
    </row>
    <row r="5773" spans="35:39" x14ac:dyDescent="0.35">
      <c r="AI5773" s="84"/>
      <c r="AM5773" s="84"/>
    </row>
    <row r="5774" spans="35:39" x14ac:dyDescent="0.35">
      <c r="AI5774" s="84"/>
      <c r="AM5774" s="84"/>
    </row>
    <row r="5775" spans="35:39" x14ac:dyDescent="0.35">
      <c r="AI5775" s="84"/>
      <c r="AM5775" s="84"/>
    </row>
    <row r="5776" spans="35:39" x14ac:dyDescent="0.35">
      <c r="AI5776" s="84"/>
      <c r="AM5776" s="84"/>
    </row>
    <row r="5777" spans="35:39" x14ac:dyDescent="0.35">
      <c r="AI5777" s="84"/>
      <c r="AM5777" s="84"/>
    </row>
    <row r="5778" spans="35:39" x14ac:dyDescent="0.35">
      <c r="AI5778" s="84"/>
      <c r="AM5778" s="84"/>
    </row>
    <row r="5779" spans="35:39" x14ac:dyDescent="0.35">
      <c r="AI5779" s="84"/>
      <c r="AM5779" s="84"/>
    </row>
    <row r="5780" spans="35:39" x14ac:dyDescent="0.35">
      <c r="AI5780" s="84"/>
      <c r="AM5780" s="84"/>
    </row>
    <row r="5781" spans="35:39" x14ac:dyDescent="0.35">
      <c r="AI5781" s="84"/>
      <c r="AM5781" s="84"/>
    </row>
    <row r="5782" spans="35:39" x14ac:dyDescent="0.35">
      <c r="AI5782" s="84"/>
      <c r="AM5782" s="84"/>
    </row>
    <row r="5783" spans="35:39" x14ac:dyDescent="0.35">
      <c r="AI5783" s="84"/>
      <c r="AM5783" s="84"/>
    </row>
    <row r="5784" spans="35:39" x14ac:dyDescent="0.35">
      <c r="AI5784" s="84"/>
      <c r="AM5784" s="84"/>
    </row>
    <row r="5785" spans="35:39" x14ac:dyDescent="0.35">
      <c r="AI5785" s="84"/>
      <c r="AM5785" s="84"/>
    </row>
    <row r="5786" spans="35:39" x14ac:dyDescent="0.35">
      <c r="AI5786" s="84"/>
      <c r="AM5786" s="84"/>
    </row>
    <row r="5787" spans="35:39" x14ac:dyDescent="0.35">
      <c r="AI5787" s="84"/>
      <c r="AM5787" s="84"/>
    </row>
    <row r="5788" spans="35:39" x14ac:dyDescent="0.35">
      <c r="AI5788" s="84"/>
      <c r="AM5788" s="84"/>
    </row>
    <row r="5789" spans="35:39" x14ac:dyDescent="0.35">
      <c r="AI5789" s="84"/>
      <c r="AM5789" s="84"/>
    </row>
    <row r="5790" spans="35:39" x14ac:dyDescent="0.35">
      <c r="AI5790" s="84"/>
      <c r="AM5790" s="84"/>
    </row>
    <row r="5791" spans="35:39" x14ac:dyDescent="0.35">
      <c r="AI5791" s="84"/>
      <c r="AM5791" s="84"/>
    </row>
    <row r="5792" spans="35:39" x14ac:dyDescent="0.35">
      <c r="AI5792" s="84"/>
      <c r="AM5792" s="84"/>
    </row>
    <row r="5793" spans="35:39" x14ac:dyDescent="0.35">
      <c r="AI5793" s="84"/>
      <c r="AM5793" s="84"/>
    </row>
    <row r="5794" spans="35:39" x14ac:dyDescent="0.35">
      <c r="AI5794" s="84"/>
      <c r="AM5794" s="84"/>
    </row>
    <row r="5795" spans="35:39" x14ac:dyDescent="0.35">
      <c r="AI5795" s="84"/>
      <c r="AM5795" s="84"/>
    </row>
    <row r="5796" spans="35:39" x14ac:dyDescent="0.35">
      <c r="AI5796" s="84"/>
      <c r="AM5796" s="84"/>
    </row>
    <row r="5797" spans="35:39" x14ac:dyDescent="0.35">
      <c r="AI5797" s="84"/>
      <c r="AM5797" s="84"/>
    </row>
    <row r="5798" spans="35:39" x14ac:dyDescent="0.35">
      <c r="AI5798" s="84"/>
      <c r="AM5798" s="84"/>
    </row>
    <row r="5799" spans="35:39" x14ac:dyDescent="0.35">
      <c r="AI5799" s="84"/>
      <c r="AM5799" s="84"/>
    </row>
    <row r="5800" spans="35:39" x14ac:dyDescent="0.35">
      <c r="AI5800" s="84"/>
      <c r="AM5800" s="84"/>
    </row>
    <row r="5801" spans="35:39" x14ac:dyDescent="0.35">
      <c r="AI5801" s="84"/>
      <c r="AM5801" s="84"/>
    </row>
    <row r="5802" spans="35:39" x14ac:dyDescent="0.35">
      <c r="AI5802" s="84"/>
      <c r="AM5802" s="84"/>
    </row>
    <row r="5803" spans="35:39" x14ac:dyDescent="0.35">
      <c r="AI5803" s="84"/>
      <c r="AM5803" s="84"/>
    </row>
    <row r="5804" spans="35:39" x14ac:dyDescent="0.35">
      <c r="AI5804" s="84"/>
      <c r="AM5804" s="84"/>
    </row>
    <row r="5805" spans="35:39" x14ac:dyDescent="0.35">
      <c r="AI5805" s="84"/>
      <c r="AM5805" s="84"/>
    </row>
    <row r="5806" spans="35:39" x14ac:dyDescent="0.35">
      <c r="AI5806" s="84"/>
      <c r="AM5806" s="84"/>
    </row>
    <row r="5807" spans="35:39" x14ac:dyDescent="0.35">
      <c r="AI5807" s="84"/>
      <c r="AM5807" s="84"/>
    </row>
    <row r="5808" spans="35:39" x14ac:dyDescent="0.35">
      <c r="AI5808" s="84"/>
      <c r="AM5808" s="84"/>
    </row>
    <row r="5809" spans="35:39" x14ac:dyDescent="0.35">
      <c r="AI5809" s="84"/>
      <c r="AM5809" s="84"/>
    </row>
    <row r="5810" spans="35:39" x14ac:dyDescent="0.35">
      <c r="AI5810" s="84"/>
      <c r="AM5810" s="84"/>
    </row>
    <row r="5811" spans="35:39" x14ac:dyDescent="0.35">
      <c r="AI5811" s="84"/>
      <c r="AM5811" s="84"/>
    </row>
    <row r="5812" spans="35:39" x14ac:dyDescent="0.35">
      <c r="AI5812" s="84"/>
      <c r="AM5812" s="84"/>
    </row>
    <row r="5813" spans="35:39" x14ac:dyDescent="0.35">
      <c r="AI5813" s="84"/>
      <c r="AM5813" s="84"/>
    </row>
    <row r="5814" spans="35:39" x14ac:dyDescent="0.35">
      <c r="AI5814" s="84"/>
      <c r="AM5814" s="84"/>
    </row>
    <row r="5815" spans="35:39" x14ac:dyDescent="0.35">
      <c r="AI5815" s="84"/>
      <c r="AM5815" s="84"/>
    </row>
    <row r="5816" spans="35:39" x14ac:dyDescent="0.35">
      <c r="AI5816" s="84"/>
      <c r="AM5816" s="84"/>
    </row>
    <row r="5817" spans="35:39" x14ac:dyDescent="0.35">
      <c r="AI5817" s="84"/>
      <c r="AM5817" s="84"/>
    </row>
    <row r="5818" spans="35:39" x14ac:dyDescent="0.35">
      <c r="AI5818" s="84"/>
      <c r="AM5818" s="84"/>
    </row>
    <row r="5819" spans="35:39" x14ac:dyDescent="0.35">
      <c r="AI5819" s="84"/>
      <c r="AM5819" s="84"/>
    </row>
    <row r="5820" spans="35:39" x14ac:dyDescent="0.35">
      <c r="AI5820" s="84"/>
      <c r="AM5820" s="84"/>
    </row>
    <row r="5821" spans="35:39" x14ac:dyDescent="0.35">
      <c r="AI5821" s="84"/>
      <c r="AM5821" s="84"/>
    </row>
    <row r="5822" spans="35:39" x14ac:dyDescent="0.35">
      <c r="AI5822" s="84"/>
      <c r="AM5822" s="84"/>
    </row>
    <row r="5823" spans="35:39" x14ac:dyDescent="0.35">
      <c r="AI5823" s="84"/>
      <c r="AM5823" s="84"/>
    </row>
    <row r="5824" spans="35:39" x14ac:dyDescent="0.35">
      <c r="AI5824" s="84"/>
      <c r="AM5824" s="84"/>
    </row>
    <row r="5825" spans="35:39" x14ac:dyDescent="0.35">
      <c r="AI5825" s="84"/>
      <c r="AM5825" s="84"/>
    </row>
    <row r="5826" spans="35:39" x14ac:dyDescent="0.35">
      <c r="AI5826" s="84"/>
      <c r="AM5826" s="84"/>
    </row>
    <row r="5827" spans="35:39" x14ac:dyDescent="0.35">
      <c r="AI5827" s="84"/>
      <c r="AM5827" s="84"/>
    </row>
    <row r="5828" spans="35:39" x14ac:dyDescent="0.35">
      <c r="AI5828" s="84"/>
      <c r="AM5828" s="84"/>
    </row>
    <row r="5829" spans="35:39" x14ac:dyDescent="0.35">
      <c r="AI5829" s="84"/>
      <c r="AM5829" s="84"/>
    </row>
    <row r="5830" spans="35:39" x14ac:dyDescent="0.35">
      <c r="AI5830" s="84"/>
      <c r="AM5830" s="84"/>
    </row>
    <row r="5831" spans="35:39" x14ac:dyDescent="0.35">
      <c r="AI5831" s="84"/>
      <c r="AM5831" s="84"/>
    </row>
    <row r="5832" spans="35:39" x14ac:dyDescent="0.35">
      <c r="AI5832" s="84"/>
      <c r="AM5832" s="84"/>
    </row>
    <row r="5833" spans="35:39" x14ac:dyDescent="0.35">
      <c r="AI5833" s="84"/>
      <c r="AM5833" s="84"/>
    </row>
    <row r="5834" spans="35:39" x14ac:dyDescent="0.35">
      <c r="AI5834" s="84"/>
      <c r="AM5834" s="84"/>
    </row>
    <row r="5835" spans="35:39" x14ac:dyDescent="0.35">
      <c r="AI5835" s="84"/>
      <c r="AM5835" s="84"/>
    </row>
    <row r="5836" spans="35:39" x14ac:dyDescent="0.35">
      <c r="AI5836" s="84"/>
      <c r="AM5836" s="84"/>
    </row>
    <row r="5837" spans="35:39" x14ac:dyDescent="0.35">
      <c r="AI5837" s="84"/>
      <c r="AM5837" s="84"/>
    </row>
    <row r="5838" spans="35:39" x14ac:dyDescent="0.35">
      <c r="AI5838" s="84"/>
      <c r="AM5838" s="84"/>
    </row>
    <row r="5839" spans="35:39" x14ac:dyDescent="0.35">
      <c r="AI5839" s="84"/>
      <c r="AM5839" s="84"/>
    </row>
    <row r="5840" spans="35:39" x14ac:dyDescent="0.35">
      <c r="AI5840" s="84"/>
      <c r="AM5840" s="84"/>
    </row>
    <row r="5841" spans="35:39" x14ac:dyDescent="0.35">
      <c r="AI5841" s="84"/>
      <c r="AM5841" s="84"/>
    </row>
    <row r="5842" spans="35:39" x14ac:dyDescent="0.35">
      <c r="AI5842" s="84"/>
      <c r="AM5842" s="84"/>
    </row>
    <row r="5843" spans="35:39" x14ac:dyDescent="0.35">
      <c r="AI5843" s="84"/>
      <c r="AM5843" s="84"/>
    </row>
    <row r="5844" spans="35:39" x14ac:dyDescent="0.35">
      <c r="AI5844" s="84"/>
      <c r="AM5844" s="84"/>
    </row>
    <row r="5845" spans="35:39" x14ac:dyDescent="0.35">
      <c r="AI5845" s="84"/>
      <c r="AM5845" s="84"/>
    </row>
    <row r="5846" spans="35:39" x14ac:dyDescent="0.35">
      <c r="AI5846" s="84"/>
      <c r="AM5846" s="84"/>
    </row>
    <row r="5847" spans="35:39" x14ac:dyDescent="0.35">
      <c r="AI5847" s="84"/>
      <c r="AM5847" s="84"/>
    </row>
    <row r="5848" spans="35:39" x14ac:dyDescent="0.35">
      <c r="AI5848" s="84"/>
      <c r="AM5848" s="84"/>
    </row>
    <row r="5849" spans="35:39" x14ac:dyDescent="0.35">
      <c r="AI5849" s="84"/>
      <c r="AM5849" s="84"/>
    </row>
    <row r="5850" spans="35:39" x14ac:dyDescent="0.35">
      <c r="AI5850" s="84"/>
      <c r="AM5850" s="84"/>
    </row>
    <row r="5851" spans="35:39" x14ac:dyDescent="0.35">
      <c r="AI5851" s="84"/>
      <c r="AM5851" s="84"/>
    </row>
    <row r="5852" spans="35:39" x14ac:dyDescent="0.35">
      <c r="AI5852" s="84"/>
      <c r="AM5852" s="84"/>
    </row>
    <row r="5853" spans="35:39" x14ac:dyDescent="0.35">
      <c r="AI5853" s="84"/>
      <c r="AM5853" s="84"/>
    </row>
    <row r="5854" spans="35:39" x14ac:dyDescent="0.35">
      <c r="AI5854" s="84"/>
      <c r="AM5854" s="84"/>
    </row>
    <row r="5855" spans="35:39" x14ac:dyDescent="0.35">
      <c r="AI5855" s="84"/>
      <c r="AM5855" s="84"/>
    </row>
    <row r="5856" spans="35:39" x14ac:dyDescent="0.35">
      <c r="AI5856" s="84"/>
      <c r="AM5856" s="84"/>
    </row>
    <row r="5857" spans="35:39" x14ac:dyDescent="0.35">
      <c r="AI5857" s="84"/>
      <c r="AM5857" s="84"/>
    </row>
    <row r="5858" spans="35:39" x14ac:dyDescent="0.35">
      <c r="AI5858" s="84"/>
      <c r="AM5858" s="84"/>
    </row>
    <row r="5859" spans="35:39" x14ac:dyDescent="0.35">
      <c r="AI5859" s="84"/>
      <c r="AM5859" s="84"/>
    </row>
    <row r="5860" spans="35:39" x14ac:dyDescent="0.35">
      <c r="AI5860" s="84"/>
      <c r="AM5860" s="84"/>
    </row>
    <row r="5861" spans="35:39" x14ac:dyDescent="0.35">
      <c r="AI5861" s="84"/>
      <c r="AM5861" s="84"/>
    </row>
    <row r="5862" spans="35:39" x14ac:dyDescent="0.35">
      <c r="AI5862" s="84"/>
      <c r="AM5862" s="84"/>
    </row>
    <row r="5863" spans="35:39" x14ac:dyDescent="0.35">
      <c r="AI5863" s="84"/>
      <c r="AM5863" s="84"/>
    </row>
    <row r="5864" spans="35:39" x14ac:dyDescent="0.35">
      <c r="AI5864" s="84"/>
      <c r="AM5864" s="84"/>
    </row>
    <row r="5865" spans="35:39" x14ac:dyDescent="0.35">
      <c r="AI5865" s="84"/>
      <c r="AM5865" s="84"/>
    </row>
    <row r="5866" spans="35:39" x14ac:dyDescent="0.35">
      <c r="AI5866" s="84"/>
      <c r="AM5866" s="84"/>
    </row>
    <row r="5867" spans="35:39" x14ac:dyDescent="0.35">
      <c r="AI5867" s="84"/>
      <c r="AM5867" s="84"/>
    </row>
    <row r="5868" spans="35:39" x14ac:dyDescent="0.35">
      <c r="AI5868" s="84"/>
      <c r="AM5868" s="84"/>
    </row>
    <row r="5869" spans="35:39" x14ac:dyDescent="0.35">
      <c r="AI5869" s="84"/>
      <c r="AM5869" s="84"/>
    </row>
    <row r="5870" spans="35:39" x14ac:dyDescent="0.35">
      <c r="AI5870" s="84"/>
      <c r="AM5870" s="84"/>
    </row>
    <row r="5871" spans="35:39" x14ac:dyDescent="0.35">
      <c r="AI5871" s="84"/>
      <c r="AM5871" s="84"/>
    </row>
    <row r="5872" spans="35:39" x14ac:dyDescent="0.35">
      <c r="AI5872" s="84"/>
      <c r="AM5872" s="84"/>
    </row>
    <row r="5873" spans="35:39" x14ac:dyDescent="0.35">
      <c r="AI5873" s="84"/>
      <c r="AM5873" s="84"/>
    </row>
    <row r="5874" spans="35:39" x14ac:dyDescent="0.35">
      <c r="AI5874" s="84"/>
      <c r="AM5874" s="84"/>
    </row>
    <row r="5875" spans="35:39" x14ac:dyDescent="0.35">
      <c r="AI5875" s="84"/>
      <c r="AM5875" s="84"/>
    </row>
    <row r="5876" spans="35:39" x14ac:dyDescent="0.35">
      <c r="AI5876" s="84"/>
      <c r="AM5876" s="84"/>
    </row>
    <row r="5877" spans="35:39" x14ac:dyDescent="0.35">
      <c r="AI5877" s="84"/>
      <c r="AM5877" s="84"/>
    </row>
    <row r="5878" spans="35:39" x14ac:dyDescent="0.35">
      <c r="AI5878" s="84"/>
      <c r="AM5878" s="84"/>
    </row>
    <row r="5879" spans="35:39" x14ac:dyDescent="0.35">
      <c r="AI5879" s="84"/>
      <c r="AM5879" s="84"/>
    </row>
    <row r="5880" spans="35:39" x14ac:dyDescent="0.35">
      <c r="AI5880" s="84"/>
      <c r="AM5880" s="84"/>
    </row>
    <row r="5881" spans="35:39" x14ac:dyDescent="0.35">
      <c r="AI5881" s="84"/>
      <c r="AM5881" s="84"/>
    </row>
    <row r="5882" spans="35:39" x14ac:dyDescent="0.35">
      <c r="AI5882" s="84"/>
      <c r="AM5882" s="84"/>
    </row>
    <row r="5883" spans="35:39" x14ac:dyDescent="0.35">
      <c r="AI5883" s="84"/>
      <c r="AM5883" s="84"/>
    </row>
    <row r="5884" spans="35:39" x14ac:dyDescent="0.35">
      <c r="AI5884" s="84"/>
      <c r="AM5884" s="84"/>
    </row>
    <row r="5885" spans="35:39" x14ac:dyDescent="0.35">
      <c r="AI5885" s="84"/>
      <c r="AM5885" s="84"/>
    </row>
    <row r="5886" spans="35:39" x14ac:dyDescent="0.35">
      <c r="AI5886" s="84"/>
      <c r="AM5886" s="84"/>
    </row>
    <row r="5887" spans="35:39" x14ac:dyDescent="0.35">
      <c r="AI5887" s="84"/>
      <c r="AM5887" s="84"/>
    </row>
    <row r="5888" spans="35:39" x14ac:dyDescent="0.35">
      <c r="AI5888" s="84"/>
      <c r="AM5888" s="84"/>
    </row>
    <row r="5889" spans="35:39" x14ac:dyDescent="0.35">
      <c r="AI5889" s="84"/>
      <c r="AM5889" s="84"/>
    </row>
    <row r="5890" spans="35:39" x14ac:dyDescent="0.35">
      <c r="AI5890" s="84"/>
      <c r="AM5890" s="84"/>
    </row>
    <row r="5891" spans="35:39" x14ac:dyDescent="0.35">
      <c r="AI5891" s="84"/>
      <c r="AM5891" s="84"/>
    </row>
    <row r="5892" spans="35:39" x14ac:dyDescent="0.35">
      <c r="AI5892" s="84"/>
      <c r="AM5892" s="84"/>
    </row>
    <row r="5893" spans="35:39" x14ac:dyDescent="0.35">
      <c r="AI5893" s="84"/>
      <c r="AM5893" s="84"/>
    </row>
    <row r="5894" spans="35:39" x14ac:dyDescent="0.35">
      <c r="AI5894" s="84"/>
      <c r="AM5894" s="84"/>
    </row>
    <row r="5895" spans="35:39" x14ac:dyDescent="0.35">
      <c r="AI5895" s="84"/>
      <c r="AM5895" s="84"/>
    </row>
    <row r="5896" spans="35:39" x14ac:dyDescent="0.35">
      <c r="AI5896" s="84"/>
      <c r="AM5896" s="84"/>
    </row>
    <row r="5897" spans="35:39" x14ac:dyDescent="0.35">
      <c r="AI5897" s="84"/>
      <c r="AM5897" s="84"/>
    </row>
    <row r="5898" spans="35:39" x14ac:dyDescent="0.35">
      <c r="AI5898" s="84"/>
      <c r="AM5898" s="84"/>
    </row>
    <row r="5899" spans="35:39" x14ac:dyDescent="0.35">
      <c r="AI5899" s="84"/>
      <c r="AM5899" s="84"/>
    </row>
    <row r="5900" spans="35:39" x14ac:dyDescent="0.35">
      <c r="AI5900" s="84"/>
      <c r="AM5900" s="84"/>
    </row>
    <row r="5901" spans="35:39" x14ac:dyDescent="0.35">
      <c r="AI5901" s="84"/>
      <c r="AM5901" s="84"/>
    </row>
    <row r="5902" spans="35:39" x14ac:dyDescent="0.35">
      <c r="AI5902" s="84"/>
      <c r="AM5902" s="84"/>
    </row>
    <row r="5903" spans="35:39" x14ac:dyDescent="0.35">
      <c r="AI5903" s="84"/>
      <c r="AM5903" s="84"/>
    </row>
    <row r="5904" spans="35:39" x14ac:dyDescent="0.35">
      <c r="AI5904" s="84"/>
      <c r="AM5904" s="84"/>
    </row>
    <row r="5905" spans="35:39" x14ac:dyDescent="0.35">
      <c r="AI5905" s="84"/>
      <c r="AM5905" s="84"/>
    </row>
    <row r="5906" spans="35:39" x14ac:dyDescent="0.35">
      <c r="AI5906" s="84"/>
      <c r="AM5906" s="84"/>
    </row>
    <row r="5907" spans="35:39" x14ac:dyDescent="0.35">
      <c r="AI5907" s="84"/>
      <c r="AM5907" s="84"/>
    </row>
    <row r="5908" spans="35:39" x14ac:dyDescent="0.35">
      <c r="AI5908" s="84"/>
      <c r="AM5908" s="84"/>
    </row>
    <row r="5909" spans="35:39" x14ac:dyDescent="0.35">
      <c r="AI5909" s="84"/>
      <c r="AM5909" s="84"/>
    </row>
    <row r="5910" spans="35:39" x14ac:dyDescent="0.35">
      <c r="AI5910" s="84"/>
      <c r="AM5910" s="84"/>
    </row>
    <row r="5911" spans="35:39" x14ac:dyDescent="0.35">
      <c r="AI5911" s="84"/>
      <c r="AM5911" s="84"/>
    </row>
    <row r="5912" spans="35:39" x14ac:dyDescent="0.35">
      <c r="AI5912" s="84"/>
      <c r="AM5912" s="84"/>
    </row>
    <row r="5913" spans="35:39" x14ac:dyDescent="0.35">
      <c r="AI5913" s="84"/>
      <c r="AM5913" s="84"/>
    </row>
    <row r="5914" spans="35:39" x14ac:dyDescent="0.35">
      <c r="AI5914" s="84"/>
      <c r="AM5914" s="84"/>
    </row>
    <row r="5915" spans="35:39" x14ac:dyDescent="0.35">
      <c r="AI5915" s="84"/>
      <c r="AM5915" s="84"/>
    </row>
    <row r="5916" spans="35:39" x14ac:dyDescent="0.35">
      <c r="AI5916" s="84"/>
      <c r="AM5916" s="84"/>
    </row>
    <row r="5917" spans="35:39" x14ac:dyDescent="0.35">
      <c r="AI5917" s="84"/>
      <c r="AM5917" s="84"/>
    </row>
    <row r="5918" spans="35:39" x14ac:dyDescent="0.35">
      <c r="AI5918" s="84"/>
      <c r="AM5918" s="84"/>
    </row>
    <row r="5919" spans="35:39" x14ac:dyDescent="0.35">
      <c r="AI5919" s="84"/>
      <c r="AM5919" s="84"/>
    </row>
    <row r="5920" spans="35:39" x14ac:dyDescent="0.35">
      <c r="AI5920" s="84"/>
      <c r="AM5920" s="84"/>
    </row>
    <row r="5921" spans="35:39" x14ac:dyDescent="0.35">
      <c r="AI5921" s="84"/>
      <c r="AM5921" s="84"/>
    </row>
    <row r="5922" spans="35:39" x14ac:dyDescent="0.35">
      <c r="AI5922" s="84"/>
      <c r="AM5922" s="84"/>
    </row>
    <row r="5923" spans="35:39" x14ac:dyDescent="0.35">
      <c r="AI5923" s="84"/>
      <c r="AM5923" s="84"/>
    </row>
    <row r="5924" spans="35:39" x14ac:dyDescent="0.35">
      <c r="AI5924" s="84"/>
      <c r="AM5924" s="84"/>
    </row>
    <row r="5925" spans="35:39" x14ac:dyDescent="0.35">
      <c r="AI5925" s="84"/>
      <c r="AM5925" s="84"/>
    </row>
    <row r="5926" spans="35:39" x14ac:dyDescent="0.35">
      <c r="AI5926" s="84"/>
      <c r="AM5926" s="84"/>
    </row>
    <row r="5927" spans="35:39" x14ac:dyDescent="0.35">
      <c r="AI5927" s="84"/>
      <c r="AM5927" s="84"/>
    </row>
    <row r="5928" spans="35:39" x14ac:dyDescent="0.35">
      <c r="AI5928" s="84"/>
      <c r="AM5928" s="84"/>
    </row>
    <row r="5929" spans="35:39" x14ac:dyDescent="0.35">
      <c r="AI5929" s="84"/>
      <c r="AM5929" s="84"/>
    </row>
    <row r="5930" spans="35:39" x14ac:dyDescent="0.35">
      <c r="AI5930" s="84"/>
      <c r="AM5930" s="84"/>
    </row>
    <row r="5931" spans="35:39" x14ac:dyDescent="0.35">
      <c r="AI5931" s="84"/>
      <c r="AM5931" s="84"/>
    </row>
    <row r="5932" spans="35:39" x14ac:dyDescent="0.35">
      <c r="AI5932" s="84"/>
      <c r="AM5932" s="84"/>
    </row>
    <row r="5933" spans="35:39" x14ac:dyDescent="0.35">
      <c r="AI5933" s="84"/>
      <c r="AM5933" s="84"/>
    </row>
    <row r="5934" spans="35:39" x14ac:dyDescent="0.35">
      <c r="AI5934" s="84"/>
      <c r="AM5934" s="84"/>
    </row>
    <row r="5935" spans="35:39" x14ac:dyDescent="0.35">
      <c r="AI5935" s="84"/>
      <c r="AM5935" s="84"/>
    </row>
    <row r="5936" spans="35:39" x14ac:dyDescent="0.35">
      <c r="AI5936" s="84"/>
      <c r="AM5936" s="84"/>
    </row>
    <row r="5937" spans="35:39" x14ac:dyDescent="0.35">
      <c r="AI5937" s="84"/>
      <c r="AM5937" s="84"/>
    </row>
    <row r="5938" spans="35:39" x14ac:dyDescent="0.35">
      <c r="AI5938" s="84"/>
      <c r="AM5938" s="84"/>
    </row>
    <row r="5939" spans="35:39" x14ac:dyDescent="0.35">
      <c r="AI5939" s="84"/>
      <c r="AM5939" s="84"/>
    </row>
    <row r="5940" spans="35:39" x14ac:dyDescent="0.35">
      <c r="AI5940" s="84"/>
      <c r="AM5940" s="84"/>
    </row>
    <row r="5941" spans="35:39" x14ac:dyDescent="0.35">
      <c r="AI5941" s="84"/>
      <c r="AM5941" s="84"/>
    </row>
    <row r="5942" spans="35:39" x14ac:dyDescent="0.35">
      <c r="AI5942" s="84"/>
      <c r="AM5942" s="84"/>
    </row>
    <row r="5943" spans="35:39" x14ac:dyDescent="0.35">
      <c r="AI5943" s="84"/>
      <c r="AM5943" s="84"/>
    </row>
    <row r="5944" spans="35:39" x14ac:dyDescent="0.35">
      <c r="AI5944" s="84"/>
      <c r="AM5944" s="84"/>
    </row>
    <row r="5945" spans="35:39" x14ac:dyDescent="0.35">
      <c r="AI5945" s="84"/>
      <c r="AM5945" s="84"/>
    </row>
    <row r="5946" spans="35:39" x14ac:dyDescent="0.35">
      <c r="AI5946" s="84"/>
      <c r="AM5946" s="84"/>
    </row>
    <row r="5947" spans="35:39" x14ac:dyDescent="0.35">
      <c r="AI5947" s="84"/>
      <c r="AM5947" s="84"/>
    </row>
    <row r="5948" spans="35:39" x14ac:dyDescent="0.35">
      <c r="AI5948" s="84"/>
      <c r="AM5948" s="84"/>
    </row>
    <row r="5949" spans="35:39" x14ac:dyDescent="0.35">
      <c r="AI5949" s="84"/>
      <c r="AM5949" s="84"/>
    </row>
    <row r="5950" spans="35:39" x14ac:dyDescent="0.35">
      <c r="AI5950" s="84"/>
      <c r="AM5950" s="84"/>
    </row>
    <row r="5951" spans="35:39" x14ac:dyDescent="0.35">
      <c r="AI5951" s="84"/>
      <c r="AM5951" s="84"/>
    </row>
    <row r="5952" spans="35:39" x14ac:dyDescent="0.35">
      <c r="AI5952" s="84"/>
      <c r="AM5952" s="84"/>
    </row>
    <row r="5953" spans="35:39" x14ac:dyDescent="0.35">
      <c r="AI5953" s="84"/>
      <c r="AM5953" s="84"/>
    </row>
    <row r="5954" spans="35:39" x14ac:dyDescent="0.35">
      <c r="AI5954" s="84"/>
      <c r="AM5954" s="84"/>
    </row>
    <row r="5955" spans="35:39" x14ac:dyDescent="0.35">
      <c r="AI5955" s="84"/>
      <c r="AM5955" s="84"/>
    </row>
    <row r="5956" spans="35:39" x14ac:dyDescent="0.35">
      <c r="AI5956" s="84"/>
      <c r="AM5956" s="84"/>
    </row>
    <row r="5957" spans="35:39" x14ac:dyDescent="0.35">
      <c r="AI5957" s="84"/>
      <c r="AM5957" s="84"/>
    </row>
    <row r="5958" spans="35:39" x14ac:dyDescent="0.35">
      <c r="AI5958" s="84"/>
      <c r="AM5958" s="84"/>
    </row>
    <row r="5959" spans="35:39" x14ac:dyDescent="0.35">
      <c r="AI5959" s="84"/>
      <c r="AM5959" s="84"/>
    </row>
    <row r="5960" spans="35:39" x14ac:dyDescent="0.35">
      <c r="AI5960" s="84"/>
      <c r="AM5960" s="84"/>
    </row>
    <row r="5961" spans="35:39" x14ac:dyDescent="0.35">
      <c r="AI5961" s="84"/>
      <c r="AM5961" s="84"/>
    </row>
    <row r="5962" spans="35:39" x14ac:dyDescent="0.35">
      <c r="AI5962" s="84"/>
      <c r="AM5962" s="84"/>
    </row>
    <row r="5963" spans="35:39" x14ac:dyDescent="0.35">
      <c r="AI5963" s="84"/>
      <c r="AM5963" s="84"/>
    </row>
    <row r="5964" spans="35:39" x14ac:dyDescent="0.35">
      <c r="AI5964" s="84"/>
      <c r="AM5964" s="84"/>
    </row>
    <row r="5965" spans="35:39" x14ac:dyDescent="0.35">
      <c r="AI5965" s="84"/>
      <c r="AM5965" s="84"/>
    </row>
    <row r="5966" spans="35:39" x14ac:dyDescent="0.35">
      <c r="AI5966" s="84"/>
      <c r="AM5966" s="84"/>
    </row>
    <row r="5967" spans="35:39" x14ac:dyDescent="0.35">
      <c r="AI5967" s="84"/>
      <c r="AM5967" s="84"/>
    </row>
    <row r="5968" spans="35:39" x14ac:dyDescent="0.35">
      <c r="AI5968" s="84"/>
      <c r="AM5968" s="84"/>
    </row>
    <row r="5969" spans="35:39" x14ac:dyDescent="0.35">
      <c r="AI5969" s="84"/>
      <c r="AM5969" s="84"/>
    </row>
    <row r="5970" spans="35:39" x14ac:dyDescent="0.35">
      <c r="AI5970" s="84"/>
      <c r="AM5970" s="84"/>
    </row>
    <row r="5971" spans="35:39" x14ac:dyDescent="0.35">
      <c r="AI5971" s="84"/>
      <c r="AM5971" s="84"/>
    </row>
    <row r="5972" spans="35:39" x14ac:dyDescent="0.35">
      <c r="AI5972" s="84"/>
      <c r="AM5972" s="84"/>
    </row>
    <row r="5973" spans="35:39" x14ac:dyDescent="0.35">
      <c r="AI5973" s="84"/>
      <c r="AM5973" s="84"/>
    </row>
    <row r="5974" spans="35:39" x14ac:dyDescent="0.35">
      <c r="AI5974" s="84"/>
      <c r="AM5974" s="84"/>
    </row>
    <row r="5975" spans="35:39" x14ac:dyDescent="0.35">
      <c r="AI5975" s="84"/>
      <c r="AM5975" s="84"/>
    </row>
    <row r="5976" spans="35:39" x14ac:dyDescent="0.35">
      <c r="AI5976" s="84"/>
      <c r="AM5976" s="84"/>
    </row>
    <row r="5977" spans="35:39" x14ac:dyDescent="0.35">
      <c r="AI5977" s="84"/>
      <c r="AM5977" s="84"/>
    </row>
    <row r="5978" spans="35:39" x14ac:dyDescent="0.35">
      <c r="AI5978" s="84"/>
      <c r="AM5978" s="84"/>
    </row>
    <row r="5979" spans="35:39" x14ac:dyDescent="0.35">
      <c r="AI5979" s="84"/>
      <c r="AM5979" s="84"/>
    </row>
    <row r="5980" spans="35:39" x14ac:dyDescent="0.35">
      <c r="AI5980" s="84"/>
      <c r="AM5980" s="84"/>
    </row>
    <row r="5981" spans="35:39" x14ac:dyDescent="0.35">
      <c r="AI5981" s="84"/>
      <c r="AM5981" s="84"/>
    </row>
    <row r="5982" spans="35:39" x14ac:dyDescent="0.35">
      <c r="AI5982" s="84"/>
      <c r="AM5982" s="84"/>
    </row>
    <row r="5983" spans="35:39" x14ac:dyDescent="0.35">
      <c r="AI5983" s="84"/>
      <c r="AM5983" s="84"/>
    </row>
    <row r="5984" spans="35:39" x14ac:dyDescent="0.35">
      <c r="AI5984" s="84"/>
      <c r="AM5984" s="84"/>
    </row>
    <row r="5985" spans="35:39" x14ac:dyDescent="0.35">
      <c r="AI5985" s="84"/>
      <c r="AM5985" s="84"/>
    </row>
    <row r="5986" spans="35:39" x14ac:dyDescent="0.35">
      <c r="AI5986" s="84"/>
      <c r="AM5986" s="84"/>
    </row>
    <row r="5987" spans="35:39" x14ac:dyDescent="0.35">
      <c r="AI5987" s="84"/>
      <c r="AM5987" s="84"/>
    </row>
    <row r="5988" spans="35:39" x14ac:dyDescent="0.35">
      <c r="AI5988" s="84"/>
      <c r="AM5988" s="84"/>
    </row>
    <row r="5989" spans="35:39" x14ac:dyDescent="0.35">
      <c r="AI5989" s="84"/>
      <c r="AM5989" s="84"/>
    </row>
    <row r="5990" spans="35:39" x14ac:dyDescent="0.35">
      <c r="AI5990" s="84"/>
      <c r="AM5990" s="84"/>
    </row>
    <row r="5991" spans="35:39" x14ac:dyDescent="0.35">
      <c r="AI5991" s="84"/>
      <c r="AM5991" s="84"/>
    </row>
    <row r="5992" spans="35:39" x14ac:dyDescent="0.35">
      <c r="AI5992" s="84"/>
      <c r="AM5992" s="84"/>
    </row>
    <row r="5993" spans="35:39" x14ac:dyDescent="0.35">
      <c r="AI5993" s="84"/>
      <c r="AM5993" s="84"/>
    </row>
    <row r="5994" spans="35:39" x14ac:dyDescent="0.35">
      <c r="AI5994" s="84"/>
      <c r="AM5994" s="84"/>
    </row>
    <row r="5995" spans="35:39" x14ac:dyDescent="0.35">
      <c r="AI5995" s="84"/>
      <c r="AM5995" s="84"/>
    </row>
    <row r="5996" spans="35:39" x14ac:dyDescent="0.35">
      <c r="AI5996" s="84"/>
      <c r="AM5996" s="84"/>
    </row>
    <row r="5997" spans="35:39" x14ac:dyDescent="0.35">
      <c r="AI5997" s="84"/>
      <c r="AM5997" s="84"/>
    </row>
    <row r="5998" spans="35:39" x14ac:dyDescent="0.35">
      <c r="AI5998" s="84"/>
      <c r="AM5998" s="84"/>
    </row>
    <row r="5999" spans="35:39" x14ac:dyDescent="0.35">
      <c r="AI5999" s="84"/>
      <c r="AM5999" s="84"/>
    </row>
    <row r="6000" spans="35:39" x14ac:dyDescent="0.35">
      <c r="AI6000" s="84"/>
      <c r="AM6000" s="84"/>
    </row>
    <row r="6001" spans="35:39" x14ac:dyDescent="0.35">
      <c r="AI6001" s="84"/>
      <c r="AM6001" s="84"/>
    </row>
    <row r="6002" spans="35:39" x14ac:dyDescent="0.35">
      <c r="AI6002" s="84"/>
      <c r="AM6002" s="84"/>
    </row>
    <row r="6003" spans="35:39" x14ac:dyDescent="0.35">
      <c r="AI6003" s="84"/>
      <c r="AM6003" s="84"/>
    </row>
    <row r="6004" spans="35:39" x14ac:dyDescent="0.35">
      <c r="AI6004" s="84"/>
      <c r="AM6004" s="84"/>
    </row>
    <row r="6005" spans="35:39" x14ac:dyDescent="0.35">
      <c r="AI6005" s="84"/>
      <c r="AM6005" s="84"/>
    </row>
    <row r="6006" spans="35:39" x14ac:dyDescent="0.35">
      <c r="AI6006" s="84"/>
      <c r="AM6006" s="84"/>
    </row>
    <row r="6007" spans="35:39" x14ac:dyDescent="0.35">
      <c r="AI6007" s="84"/>
      <c r="AM6007" s="84"/>
    </row>
    <row r="6008" spans="35:39" x14ac:dyDescent="0.35">
      <c r="AI6008" s="84"/>
      <c r="AM6008" s="84"/>
    </row>
    <row r="6009" spans="35:39" x14ac:dyDescent="0.35">
      <c r="AI6009" s="84"/>
      <c r="AM6009" s="84"/>
    </row>
    <row r="6010" spans="35:39" x14ac:dyDescent="0.35">
      <c r="AI6010" s="84"/>
      <c r="AM6010" s="84"/>
    </row>
    <row r="6011" spans="35:39" x14ac:dyDescent="0.35">
      <c r="AI6011" s="84"/>
      <c r="AM6011" s="84"/>
    </row>
    <row r="6012" spans="35:39" x14ac:dyDescent="0.35">
      <c r="AI6012" s="84"/>
      <c r="AM6012" s="84"/>
    </row>
    <row r="6013" spans="35:39" x14ac:dyDescent="0.35">
      <c r="AI6013" s="84"/>
      <c r="AM6013" s="84"/>
    </row>
    <row r="6014" spans="35:39" x14ac:dyDescent="0.35">
      <c r="AI6014" s="84"/>
      <c r="AM6014" s="84"/>
    </row>
    <row r="6015" spans="35:39" x14ac:dyDescent="0.35">
      <c r="AI6015" s="84"/>
      <c r="AM6015" s="84"/>
    </row>
    <row r="6016" spans="35:39" x14ac:dyDescent="0.35">
      <c r="AI6016" s="84"/>
      <c r="AM6016" s="84"/>
    </row>
    <row r="6017" spans="35:39" x14ac:dyDescent="0.35">
      <c r="AI6017" s="84"/>
      <c r="AM6017" s="84"/>
    </row>
    <row r="6018" spans="35:39" x14ac:dyDescent="0.35">
      <c r="AI6018" s="84"/>
      <c r="AM6018" s="84"/>
    </row>
    <row r="6019" spans="35:39" x14ac:dyDescent="0.35">
      <c r="AI6019" s="84"/>
      <c r="AM6019" s="84"/>
    </row>
    <row r="6020" spans="35:39" x14ac:dyDescent="0.35">
      <c r="AI6020" s="84"/>
      <c r="AM6020" s="84"/>
    </row>
    <row r="6021" spans="35:39" x14ac:dyDescent="0.35">
      <c r="AI6021" s="84"/>
      <c r="AM6021" s="84"/>
    </row>
    <row r="6022" spans="35:39" x14ac:dyDescent="0.35">
      <c r="AI6022" s="84"/>
      <c r="AM6022" s="84"/>
    </row>
    <row r="6023" spans="35:39" x14ac:dyDescent="0.35">
      <c r="AI6023" s="84"/>
      <c r="AM6023" s="84"/>
    </row>
    <row r="6024" spans="35:39" x14ac:dyDescent="0.35">
      <c r="AI6024" s="84"/>
      <c r="AM6024" s="84"/>
    </row>
    <row r="6025" spans="35:39" x14ac:dyDescent="0.35">
      <c r="AI6025" s="84"/>
      <c r="AM6025" s="84"/>
    </row>
    <row r="6026" spans="35:39" x14ac:dyDescent="0.35">
      <c r="AI6026" s="84"/>
      <c r="AM6026" s="84"/>
    </row>
    <row r="6027" spans="35:39" x14ac:dyDescent="0.35">
      <c r="AI6027" s="84"/>
      <c r="AM6027" s="84"/>
    </row>
    <row r="6028" spans="35:39" x14ac:dyDescent="0.35">
      <c r="AI6028" s="84"/>
      <c r="AM6028" s="84"/>
    </row>
    <row r="6029" spans="35:39" x14ac:dyDescent="0.35">
      <c r="AI6029" s="84"/>
      <c r="AM6029" s="84"/>
    </row>
    <row r="6030" spans="35:39" x14ac:dyDescent="0.35">
      <c r="AI6030" s="84"/>
      <c r="AM6030" s="84"/>
    </row>
    <row r="6031" spans="35:39" x14ac:dyDescent="0.35">
      <c r="AI6031" s="84"/>
      <c r="AM6031" s="84"/>
    </row>
    <row r="6032" spans="35:39" x14ac:dyDescent="0.35">
      <c r="AI6032" s="84"/>
      <c r="AM6032" s="84"/>
    </row>
    <row r="6033" spans="35:39" x14ac:dyDescent="0.35">
      <c r="AI6033" s="84"/>
      <c r="AM6033" s="84"/>
    </row>
    <row r="6034" spans="35:39" x14ac:dyDescent="0.35">
      <c r="AI6034" s="84"/>
      <c r="AM6034" s="84"/>
    </row>
    <row r="6035" spans="35:39" x14ac:dyDescent="0.35">
      <c r="AI6035" s="84"/>
      <c r="AM6035" s="84"/>
    </row>
    <row r="6036" spans="35:39" x14ac:dyDescent="0.35">
      <c r="AI6036" s="84"/>
      <c r="AM6036" s="84"/>
    </row>
    <row r="6037" spans="35:39" x14ac:dyDescent="0.35">
      <c r="AI6037" s="84"/>
      <c r="AM6037" s="84"/>
    </row>
    <row r="6038" spans="35:39" x14ac:dyDescent="0.35">
      <c r="AI6038" s="84"/>
      <c r="AM6038" s="84"/>
    </row>
    <row r="6039" spans="35:39" x14ac:dyDescent="0.35">
      <c r="AI6039" s="84"/>
      <c r="AM6039" s="84"/>
    </row>
    <row r="6040" spans="35:39" x14ac:dyDescent="0.35">
      <c r="AI6040" s="84"/>
      <c r="AM6040" s="84"/>
    </row>
    <row r="6041" spans="35:39" x14ac:dyDescent="0.35">
      <c r="AI6041" s="84"/>
      <c r="AM6041" s="84"/>
    </row>
    <row r="6042" spans="35:39" x14ac:dyDescent="0.35">
      <c r="AI6042" s="84"/>
      <c r="AM6042" s="84"/>
    </row>
    <row r="6043" spans="35:39" x14ac:dyDescent="0.35">
      <c r="AI6043" s="84"/>
      <c r="AM6043" s="84"/>
    </row>
    <row r="6044" spans="35:39" x14ac:dyDescent="0.35">
      <c r="AI6044" s="84"/>
      <c r="AM6044" s="84"/>
    </row>
    <row r="6045" spans="35:39" x14ac:dyDescent="0.35">
      <c r="AI6045" s="84"/>
      <c r="AM6045" s="84"/>
    </row>
    <row r="6046" spans="35:39" x14ac:dyDescent="0.35">
      <c r="AI6046" s="84"/>
      <c r="AM6046" s="84"/>
    </row>
    <row r="6047" spans="35:39" x14ac:dyDescent="0.35">
      <c r="AI6047" s="84"/>
      <c r="AM6047" s="84"/>
    </row>
    <row r="6048" spans="35:39" x14ac:dyDescent="0.35">
      <c r="AI6048" s="84"/>
      <c r="AM6048" s="84"/>
    </row>
    <row r="6049" spans="35:39" x14ac:dyDescent="0.35">
      <c r="AI6049" s="84"/>
      <c r="AM6049" s="84"/>
    </row>
    <row r="6050" spans="35:39" x14ac:dyDescent="0.35">
      <c r="AI6050" s="84"/>
      <c r="AM6050" s="84"/>
    </row>
    <row r="6051" spans="35:39" x14ac:dyDescent="0.35">
      <c r="AI6051" s="84"/>
      <c r="AM6051" s="84"/>
    </row>
    <row r="6052" spans="35:39" x14ac:dyDescent="0.35">
      <c r="AI6052" s="84"/>
      <c r="AM6052" s="84"/>
    </row>
    <row r="6053" spans="35:39" x14ac:dyDescent="0.35">
      <c r="AI6053" s="84"/>
      <c r="AM6053" s="84"/>
    </row>
    <row r="6054" spans="35:39" x14ac:dyDescent="0.35">
      <c r="AI6054" s="84"/>
      <c r="AM6054" s="84"/>
    </row>
    <row r="6055" spans="35:39" x14ac:dyDescent="0.35">
      <c r="AI6055" s="84"/>
      <c r="AM6055" s="84"/>
    </row>
    <row r="6056" spans="35:39" x14ac:dyDescent="0.35">
      <c r="AI6056" s="84"/>
      <c r="AM6056" s="84"/>
    </row>
    <row r="6057" spans="35:39" x14ac:dyDescent="0.35">
      <c r="AI6057" s="84"/>
      <c r="AM6057" s="84"/>
    </row>
    <row r="6058" spans="35:39" x14ac:dyDescent="0.35">
      <c r="AI6058" s="84"/>
      <c r="AM6058" s="84"/>
    </row>
    <row r="6059" spans="35:39" x14ac:dyDescent="0.35">
      <c r="AI6059" s="84"/>
      <c r="AM6059" s="84"/>
    </row>
    <row r="6060" spans="35:39" x14ac:dyDescent="0.35">
      <c r="AI6060" s="84"/>
      <c r="AM6060" s="84"/>
    </row>
    <row r="6061" spans="35:39" x14ac:dyDescent="0.35">
      <c r="AI6061" s="84"/>
      <c r="AM6061" s="84"/>
    </row>
    <row r="6062" spans="35:39" x14ac:dyDescent="0.35">
      <c r="AI6062" s="84"/>
      <c r="AM6062" s="84"/>
    </row>
    <row r="6063" spans="35:39" x14ac:dyDescent="0.35">
      <c r="AI6063" s="84"/>
      <c r="AM6063" s="84"/>
    </row>
    <row r="6064" spans="35:39" x14ac:dyDescent="0.35">
      <c r="AI6064" s="84"/>
      <c r="AM6064" s="84"/>
    </row>
    <row r="6065" spans="35:39" x14ac:dyDescent="0.35">
      <c r="AI6065" s="84"/>
      <c r="AM6065" s="84"/>
    </row>
    <row r="6066" spans="35:39" x14ac:dyDescent="0.35">
      <c r="AI6066" s="84"/>
      <c r="AM6066" s="84"/>
    </row>
    <row r="6067" spans="35:39" x14ac:dyDescent="0.35">
      <c r="AI6067" s="84"/>
      <c r="AM6067" s="84"/>
    </row>
    <row r="6068" spans="35:39" x14ac:dyDescent="0.35">
      <c r="AI6068" s="84"/>
      <c r="AM6068" s="84"/>
    </row>
    <row r="6069" spans="35:39" x14ac:dyDescent="0.35">
      <c r="AI6069" s="84"/>
      <c r="AM6069" s="84"/>
    </row>
    <row r="6070" spans="35:39" x14ac:dyDescent="0.35">
      <c r="AI6070" s="84"/>
      <c r="AM6070" s="84"/>
    </row>
    <row r="6071" spans="35:39" x14ac:dyDescent="0.35">
      <c r="AI6071" s="84"/>
      <c r="AM6071" s="84"/>
    </row>
    <row r="6072" spans="35:39" x14ac:dyDescent="0.35">
      <c r="AI6072" s="84"/>
      <c r="AM6072" s="84"/>
    </row>
    <row r="6073" spans="35:39" x14ac:dyDescent="0.35">
      <c r="AI6073" s="84"/>
      <c r="AM6073" s="84"/>
    </row>
    <row r="6074" spans="35:39" x14ac:dyDescent="0.35">
      <c r="AI6074" s="84"/>
      <c r="AM6074" s="84"/>
    </row>
    <row r="6075" spans="35:39" x14ac:dyDescent="0.35">
      <c r="AI6075" s="84"/>
      <c r="AM6075" s="84"/>
    </row>
    <row r="6076" spans="35:39" x14ac:dyDescent="0.35">
      <c r="AI6076" s="84"/>
      <c r="AM6076" s="84"/>
    </row>
    <row r="6077" spans="35:39" x14ac:dyDescent="0.35">
      <c r="AI6077" s="84"/>
      <c r="AM6077" s="84"/>
    </row>
    <row r="6078" spans="35:39" x14ac:dyDescent="0.35">
      <c r="AI6078" s="84"/>
      <c r="AM6078" s="84"/>
    </row>
    <row r="6079" spans="35:39" x14ac:dyDescent="0.35">
      <c r="AI6079" s="84"/>
      <c r="AM6079" s="84"/>
    </row>
    <row r="6080" spans="35:39" x14ac:dyDescent="0.35">
      <c r="AI6080" s="84"/>
      <c r="AM6080" s="84"/>
    </row>
    <row r="6081" spans="35:39" x14ac:dyDescent="0.35">
      <c r="AI6081" s="84"/>
      <c r="AM6081" s="84"/>
    </row>
    <row r="6082" spans="35:39" x14ac:dyDescent="0.35">
      <c r="AI6082" s="84"/>
      <c r="AM6082" s="84"/>
    </row>
    <row r="6083" spans="35:39" x14ac:dyDescent="0.35">
      <c r="AI6083" s="84"/>
      <c r="AM6083" s="84"/>
    </row>
    <row r="6084" spans="35:39" x14ac:dyDescent="0.35">
      <c r="AI6084" s="84"/>
      <c r="AM6084" s="84"/>
    </row>
    <row r="6085" spans="35:39" x14ac:dyDescent="0.35">
      <c r="AI6085" s="84"/>
      <c r="AM6085" s="84"/>
    </row>
    <row r="6086" spans="35:39" x14ac:dyDescent="0.35">
      <c r="AI6086" s="84"/>
      <c r="AM6086" s="84"/>
    </row>
    <row r="6087" spans="35:39" x14ac:dyDescent="0.35">
      <c r="AI6087" s="84"/>
      <c r="AM6087" s="84"/>
    </row>
    <row r="6088" spans="35:39" x14ac:dyDescent="0.35">
      <c r="AI6088" s="84"/>
      <c r="AM6088" s="84"/>
    </row>
    <row r="6089" spans="35:39" x14ac:dyDescent="0.35">
      <c r="AI6089" s="84"/>
      <c r="AM6089" s="84"/>
    </row>
    <row r="6090" spans="35:39" x14ac:dyDescent="0.35">
      <c r="AI6090" s="84"/>
      <c r="AM6090" s="84"/>
    </row>
    <row r="6091" spans="35:39" x14ac:dyDescent="0.35">
      <c r="AI6091" s="84"/>
      <c r="AM6091" s="84"/>
    </row>
    <row r="6092" spans="35:39" x14ac:dyDescent="0.35">
      <c r="AI6092" s="84"/>
      <c r="AM6092" s="84"/>
    </row>
    <row r="6093" spans="35:39" x14ac:dyDescent="0.35">
      <c r="AI6093" s="84"/>
      <c r="AM6093" s="84"/>
    </row>
    <row r="6094" spans="35:39" x14ac:dyDescent="0.35">
      <c r="AI6094" s="84"/>
      <c r="AM6094" s="84"/>
    </row>
    <row r="6095" spans="35:39" x14ac:dyDescent="0.35">
      <c r="AI6095" s="84"/>
      <c r="AM6095" s="84"/>
    </row>
    <row r="6096" spans="35:39" x14ac:dyDescent="0.35">
      <c r="AI6096" s="84"/>
      <c r="AM6096" s="84"/>
    </row>
    <row r="6097" spans="35:39" x14ac:dyDescent="0.35">
      <c r="AI6097" s="84"/>
      <c r="AM6097" s="84"/>
    </row>
    <row r="6098" spans="35:39" x14ac:dyDescent="0.35">
      <c r="AI6098" s="84"/>
      <c r="AM6098" s="84"/>
    </row>
    <row r="6099" spans="35:39" x14ac:dyDescent="0.35">
      <c r="AI6099" s="84"/>
      <c r="AM6099" s="84"/>
    </row>
    <row r="6100" spans="35:39" x14ac:dyDescent="0.35">
      <c r="AI6100" s="84"/>
      <c r="AM6100" s="84"/>
    </row>
    <row r="6101" spans="35:39" x14ac:dyDescent="0.35">
      <c r="AI6101" s="84"/>
      <c r="AM6101" s="84"/>
    </row>
    <row r="6102" spans="35:39" x14ac:dyDescent="0.35">
      <c r="AI6102" s="84"/>
      <c r="AM6102" s="84"/>
    </row>
    <row r="6103" spans="35:39" x14ac:dyDescent="0.35">
      <c r="AI6103" s="84"/>
      <c r="AM6103" s="84"/>
    </row>
    <row r="6104" spans="35:39" x14ac:dyDescent="0.35">
      <c r="AI6104" s="84"/>
      <c r="AM6104" s="84"/>
    </row>
    <row r="6105" spans="35:39" x14ac:dyDescent="0.35">
      <c r="AI6105" s="84"/>
      <c r="AM6105" s="84"/>
    </row>
    <row r="6106" spans="35:39" x14ac:dyDescent="0.35">
      <c r="AI6106" s="84"/>
      <c r="AM6106" s="84"/>
    </row>
    <row r="6107" spans="35:39" x14ac:dyDescent="0.35">
      <c r="AI6107" s="84"/>
      <c r="AM6107" s="84"/>
    </row>
    <row r="6108" spans="35:39" x14ac:dyDescent="0.35">
      <c r="AI6108" s="84"/>
      <c r="AM6108" s="84"/>
    </row>
    <row r="6109" spans="35:39" x14ac:dyDescent="0.35">
      <c r="AI6109" s="84"/>
      <c r="AM6109" s="84"/>
    </row>
    <row r="6110" spans="35:39" x14ac:dyDescent="0.35">
      <c r="AI6110" s="84"/>
      <c r="AM6110" s="84"/>
    </row>
    <row r="6111" spans="35:39" x14ac:dyDescent="0.35">
      <c r="AI6111" s="84"/>
      <c r="AM6111" s="84"/>
    </row>
    <row r="6112" spans="35:39" x14ac:dyDescent="0.35">
      <c r="AI6112" s="84"/>
      <c r="AM6112" s="84"/>
    </row>
    <row r="6113" spans="35:39" x14ac:dyDescent="0.35">
      <c r="AI6113" s="84"/>
      <c r="AM6113" s="84"/>
    </row>
    <row r="6114" spans="35:39" x14ac:dyDescent="0.35">
      <c r="AI6114" s="84"/>
      <c r="AM6114" s="84"/>
    </row>
    <row r="6115" spans="35:39" x14ac:dyDescent="0.35">
      <c r="AI6115" s="84"/>
      <c r="AM6115" s="84"/>
    </row>
    <row r="6116" spans="35:39" x14ac:dyDescent="0.35">
      <c r="AI6116" s="84"/>
      <c r="AM6116" s="84"/>
    </row>
    <row r="6117" spans="35:39" x14ac:dyDescent="0.35">
      <c r="AI6117" s="84"/>
      <c r="AM6117" s="84"/>
    </row>
    <row r="6118" spans="35:39" x14ac:dyDescent="0.35">
      <c r="AI6118" s="84"/>
      <c r="AM6118" s="84"/>
    </row>
    <row r="6119" spans="35:39" x14ac:dyDescent="0.35">
      <c r="AI6119" s="84"/>
      <c r="AM6119" s="84"/>
    </row>
    <row r="6120" spans="35:39" x14ac:dyDescent="0.35">
      <c r="AI6120" s="84"/>
      <c r="AM6120" s="84"/>
    </row>
    <row r="6121" spans="35:39" x14ac:dyDescent="0.35">
      <c r="AI6121" s="84"/>
      <c r="AM6121" s="84"/>
    </row>
    <row r="6122" spans="35:39" x14ac:dyDescent="0.35">
      <c r="AI6122" s="84"/>
      <c r="AM6122" s="84"/>
    </row>
    <row r="6123" spans="35:39" x14ac:dyDescent="0.35">
      <c r="AI6123" s="84"/>
      <c r="AM6123" s="84"/>
    </row>
    <row r="6124" spans="35:39" x14ac:dyDescent="0.35">
      <c r="AI6124" s="84"/>
      <c r="AM6124" s="84"/>
    </row>
    <row r="6125" spans="35:39" x14ac:dyDescent="0.35">
      <c r="AI6125" s="84"/>
      <c r="AM6125" s="84"/>
    </row>
    <row r="6126" spans="35:39" x14ac:dyDescent="0.35">
      <c r="AI6126" s="84"/>
      <c r="AM6126" s="84"/>
    </row>
    <row r="6127" spans="35:39" x14ac:dyDescent="0.35">
      <c r="AI6127" s="84"/>
      <c r="AM6127" s="84"/>
    </row>
    <row r="6128" spans="35:39" x14ac:dyDescent="0.35">
      <c r="AI6128" s="84"/>
      <c r="AM6128" s="84"/>
    </row>
    <row r="6129" spans="35:39" x14ac:dyDescent="0.35">
      <c r="AI6129" s="84"/>
      <c r="AM6129" s="84"/>
    </row>
    <row r="6130" spans="35:39" x14ac:dyDescent="0.35">
      <c r="AI6130" s="84"/>
      <c r="AM6130" s="84"/>
    </row>
    <row r="6131" spans="35:39" x14ac:dyDescent="0.35">
      <c r="AI6131" s="84"/>
      <c r="AM6131" s="84"/>
    </row>
    <row r="6132" spans="35:39" x14ac:dyDescent="0.35">
      <c r="AI6132" s="84"/>
      <c r="AM6132" s="84"/>
    </row>
    <row r="6133" spans="35:39" x14ac:dyDescent="0.35">
      <c r="AI6133" s="84"/>
      <c r="AM6133" s="84"/>
    </row>
    <row r="6134" spans="35:39" x14ac:dyDescent="0.35">
      <c r="AI6134" s="84"/>
      <c r="AM6134" s="84"/>
    </row>
    <row r="6135" spans="35:39" x14ac:dyDescent="0.35">
      <c r="AI6135" s="84"/>
      <c r="AM6135" s="84"/>
    </row>
    <row r="6136" spans="35:39" x14ac:dyDescent="0.35">
      <c r="AI6136" s="84"/>
      <c r="AM6136" s="84"/>
    </row>
    <row r="6137" spans="35:39" x14ac:dyDescent="0.35">
      <c r="AI6137" s="84"/>
      <c r="AM6137" s="84"/>
    </row>
    <row r="6138" spans="35:39" x14ac:dyDescent="0.35">
      <c r="AI6138" s="84"/>
      <c r="AM6138" s="84"/>
    </row>
    <row r="6139" spans="35:39" x14ac:dyDescent="0.35">
      <c r="AI6139" s="84"/>
      <c r="AM6139" s="84"/>
    </row>
    <row r="6140" spans="35:39" x14ac:dyDescent="0.35">
      <c r="AI6140" s="84"/>
      <c r="AM6140" s="84"/>
    </row>
    <row r="6141" spans="35:39" x14ac:dyDescent="0.35">
      <c r="AI6141" s="84"/>
      <c r="AM6141" s="84"/>
    </row>
    <row r="6142" spans="35:39" x14ac:dyDescent="0.35">
      <c r="AI6142" s="84"/>
      <c r="AM6142" s="84"/>
    </row>
    <row r="6143" spans="35:39" x14ac:dyDescent="0.35">
      <c r="AI6143" s="84"/>
      <c r="AM6143" s="84"/>
    </row>
    <row r="6144" spans="35:39" x14ac:dyDescent="0.35">
      <c r="AI6144" s="84"/>
      <c r="AM6144" s="84"/>
    </row>
    <row r="6145" spans="35:39" x14ac:dyDescent="0.35">
      <c r="AI6145" s="84"/>
      <c r="AM6145" s="84"/>
    </row>
    <row r="6146" spans="35:39" x14ac:dyDescent="0.35">
      <c r="AI6146" s="84"/>
      <c r="AM6146" s="84"/>
    </row>
    <row r="6147" spans="35:39" x14ac:dyDescent="0.35">
      <c r="AI6147" s="84"/>
      <c r="AM6147" s="84"/>
    </row>
    <row r="6148" spans="35:39" x14ac:dyDescent="0.35">
      <c r="AI6148" s="84"/>
      <c r="AM6148" s="84"/>
    </row>
    <row r="6149" spans="35:39" x14ac:dyDescent="0.35">
      <c r="AI6149" s="84"/>
      <c r="AM6149" s="84"/>
    </row>
    <row r="6150" spans="35:39" x14ac:dyDescent="0.35">
      <c r="AI6150" s="84"/>
      <c r="AM6150" s="84"/>
    </row>
    <row r="6151" spans="35:39" x14ac:dyDescent="0.35">
      <c r="AI6151" s="84"/>
      <c r="AM6151" s="84"/>
    </row>
    <row r="6152" spans="35:39" x14ac:dyDescent="0.35">
      <c r="AI6152" s="84"/>
      <c r="AM6152" s="84"/>
    </row>
    <row r="6153" spans="35:39" x14ac:dyDescent="0.35">
      <c r="AI6153" s="84"/>
      <c r="AM6153" s="84"/>
    </row>
    <row r="6154" spans="35:39" x14ac:dyDescent="0.35">
      <c r="AI6154" s="84"/>
      <c r="AM6154" s="84"/>
    </row>
    <row r="6155" spans="35:39" x14ac:dyDescent="0.35">
      <c r="AI6155" s="84"/>
      <c r="AM6155" s="84"/>
    </row>
    <row r="6156" spans="35:39" x14ac:dyDescent="0.35">
      <c r="AI6156" s="84"/>
      <c r="AM6156" s="84"/>
    </row>
    <row r="6157" spans="35:39" x14ac:dyDescent="0.35">
      <c r="AI6157" s="84"/>
      <c r="AM6157" s="84"/>
    </row>
    <row r="6158" spans="35:39" x14ac:dyDescent="0.35">
      <c r="AI6158" s="84"/>
      <c r="AM6158" s="84"/>
    </row>
    <row r="6159" spans="35:39" x14ac:dyDescent="0.35">
      <c r="AI6159" s="84"/>
      <c r="AM6159" s="84"/>
    </row>
    <row r="6160" spans="35:39" x14ac:dyDescent="0.35">
      <c r="AI6160" s="84"/>
      <c r="AM6160" s="84"/>
    </row>
    <row r="6161" spans="35:39" x14ac:dyDescent="0.35">
      <c r="AI6161" s="84"/>
      <c r="AM6161" s="84"/>
    </row>
    <row r="6162" spans="35:39" x14ac:dyDescent="0.35">
      <c r="AI6162" s="84"/>
      <c r="AM6162" s="84"/>
    </row>
    <row r="6163" spans="35:39" x14ac:dyDescent="0.35">
      <c r="AI6163" s="84"/>
      <c r="AM6163" s="84"/>
    </row>
    <row r="6164" spans="35:39" x14ac:dyDescent="0.35">
      <c r="AI6164" s="84"/>
      <c r="AM6164" s="84"/>
    </row>
    <row r="6165" spans="35:39" x14ac:dyDescent="0.35">
      <c r="AI6165" s="84"/>
      <c r="AM6165" s="84"/>
    </row>
    <row r="6166" spans="35:39" x14ac:dyDescent="0.35">
      <c r="AI6166" s="84"/>
      <c r="AM6166" s="84"/>
    </row>
    <row r="6167" spans="35:39" x14ac:dyDescent="0.35">
      <c r="AI6167" s="84"/>
      <c r="AM6167" s="84"/>
    </row>
    <row r="6168" spans="35:39" x14ac:dyDescent="0.35">
      <c r="AI6168" s="84"/>
      <c r="AM6168" s="84"/>
    </row>
    <row r="6169" spans="35:39" x14ac:dyDescent="0.35">
      <c r="AI6169" s="84"/>
      <c r="AM6169" s="84"/>
    </row>
    <row r="6170" spans="35:39" x14ac:dyDescent="0.35">
      <c r="AI6170" s="84"/>
      <c r="AM6170" s="84"/>
    </row>
    <row r="6171" spans="35:39" x14ac:dyDescent="0.35">
      <c r="AI6171" s="84"/>
      <c r="AM6171" s="84"/>
    </row>
    <row r="6172" spans="35:39" x14ac:dyDescent="0.35">
      <c r="AI6172" s="84"/>
      <c r="AM6172" s="84"/>
    </row>
    <row r="6173" spans="35:39" x14ac:dyDescent="0.35">
      <c r="AI6173" s="84"/>
      <c r="AM6173" s="84"/>
    </row>
    <row r="6174" spans="35:39" x14ac:dyDescent="0.35">
      <c r="AI6174" s="84"/>
      <c r="AM6174" s="84"/>
    </row>
    <row r="6175" spans="35:39" x14ac:dyDescent="0.35">
      <c r="AI6175" s="84"/>
      <c r="AM6175" s="84"/>
    </row>
    <row r="6176" spans="35:39" x14ac:dyDescent="0.35">
      <c r="AI6176" s="84"/>
      <c r="AM6176" s="84"/>
    </row>
    <row r="6177" spans="35:39" x14ac:dyDescent="0.35">
      <c r="AI6177" s="84"/>
      <c r="AM6177" s="84"/>
    </row>
    <row r="6178" spans="35:39" x14ac:dyDescent="0.35">
      <c r="AI6178" s="84"/>
      <c r="AM6178" s="84"/>
    </row>
    <row r="6179" spans="35:39" x14ac:dyDescent="0.35">
      <c r="AI6179" s="84"/>
      <c r="AM6179" s="84"/>
    </row>
    <row r="6180" spans="35:39" x14ac:dyDescent="0.35">
      <c r="AI6180" s="84"/>
      <c r="AM6180" s="84"/>
    </row>
    <row r="6181" spans="35:39" x14ac:dyDescent="0.35">
      <c r="AI6181" s="84"/>
      <c r="AM6181" s="84"/>
    </row>
    <row r="6182" spans="35:39" x14ac:dyDescent="0.35">
      <c r="AI6182" s="84"/>
      <c r="AM6182" s="84"/>
    </row>
    <row r="6183" spans="35:39" x14ac:dyDescent="0.35">
      <c r="AI6183" s="84"/>
      <c r="AM6183" s="84"/>
    </row>
    <row r="6184" spans="35:39" x14ac:dyDescent="0.35">
      <c r="AI6184" s="84"/>
      <c r="AM6184" s="84"/>
    </row>
    <row r="6185" spans="35:39" x14ac:dyDescent="0.35">
      <c r="AI6185" s="84"/>
      <c r="AM6185" s="84"/>
    </row>
    <row r="6186" spans="35:39" x14ac:dyDescent="0.35">
      <c r="AI6186" s="84"/>
      <c r="AM6186" s="84"/>
    </row>
    <row r="6187" spans="35:39" x14ac:dyDescent="0.35">
      <c r="AI6187" s="84"/>
      <c r="AM6187" s="84"/>
    </row>
    <row r="6188" spans="35:39" x14ac:dyDescent="0.35">
      <c r="AI6188" s="84"/>
      <c r="AM6188" s="84"/>
    </row>
    <row r="6189" spans="35:39" x14ac:dyDescent="0.35">
      <c r="AI6189" s="84"/>
      <c r="AM6189" s="84"/>
    </row>
    <row r="6190" spans="35:39" x14ac:dyDescent="0.35">
      <c r="AI6190" s="84"/>
      <c r="AM6190" s="84"/>
    </row>
    <row r="6191" spans="35:39" x14ac:dyDescent="0.35">
      <c r="AI6191" s="84"/>
      <c r="AM6191" s="84"/>
    </row>
    <row r="6192" spans="35:39" x14ac:dyDescent="0.35">
      <c r="AI6192" s="84"/>
      <c r="AM6192" s="84"/>
    </row>
    <row r="6193" spans="35:39" x14ac:dyDescent="0.35">
      <c r="AI6193" s="84"/>
      <c r="AM6193" s="84"/>
    </row>
    <row r="6194" spans="35:39" x14ac:dyDescent="0.35">
      <c r="AI6194" s="84"/>
      <c r="AM6194" s="84"/>
    </row>
    <row r="6195" spans="35:39" x14ac:dyDescent="0.35">
      <c r="AI6195" s="84"/>
      <c r="AM6195" s="84"/>
    </row>
    <row r="6196" spans="35:39" x14ac:dyDescent="0.35">
      <c r="AI6196" s="84"/>
      <c r="AM6196" s="84"/>
    </row>
    <row r="6197" spans="35:39" x14ac:dyDescent="0.35">
      <c r="AI6197" s="84"/>
      <c r="AM6197" s="84"/>
    </row>
    <row r="6198" spans="35:39" x14ac:dyDescent="0.35">
      <c r="AI6198" s="84"/>
      <c r="AM6198" s="84"/>
    </row>
    <row r="6199" spans="35:39" x14ac:dyDescent="0.35">
      <c r="AI6199" s="84"/>
      <c r="AM6199" s="84"/>
    </row>
    <row r="6200" spans="35:39" x14ac:dyDescent="0.35">
      <c r="AI6200" s="84"/>
      <c r="AM6200" s="84"/>
    </row>
    <row r="6201" spans="35:39" x14ac:dyDescent="0.35">
      <c r="AI6201" s="84"/>
      <c r="AM6201" s="84"/>
    </row>
    <row r="6202" spans="35:39" x14ac:dyDescent="0.35">
      <c r="AI6202" s="84"/>
      <c r="AM6202" s="84"/>
    </row>
    <row r="6203" spans="35:39" x14ac:dyDescent="0.35">
      <c r="AI6203" s="84"/>
      <c r="AM6203" s="84"/>
    </row>
    <row r="6204" spans="35:39" x14ac:dyDescent="0.35">
      <c r="AI6204" s="84"/>
      <c r="AM6204" s="84"/>
    </row>
    <row r="6205" spans="35:39" x14ac:dyDescent="0.35">
      <c r="AI6205" s="84"/>
      <c r="AM6205" s="84"/>
    </row>
    <row r="6206" spans="35:39" x14ac:dyDescent="0.35">
      <c r="AI6206" s="84"/>
      <c r="AM6206" s="84"/>
    </row>
    <row r="6207" spans="35:39" x14ac:dyDescent="0.35">
      <c r="AI6207" s="84"/>
      <c r="AM6207" s="84"/>
    </row>
    <row r="6208" spans="35:39" x14ac:dyDescent="0.35">
      <c r="AI6208" s="84"/>
      <c r="AM6208" s="84"/>
    </row>
    <row r="6209" spans="35:39" x14ac:dyDescent="0.35">
      <c r="AI6209" s="84"/>
      <c r="AM6209" s="84"/>
    </row>
    <row r="6210" spans="35:39" x14ac:dyDescent="0.35">
      <c r="AI6210" s="84"/>
      <c r="AM6210" s="84"/>
    </row>
    <row r="6211" spans="35:39" x14ac:dyDescent="0.35">
      <c r="AI6211" s="84"/>
      <c r="AM6211" s="84"/>
    </row>
    <row r="6212" spans="35:39" x14ac:dyDescent="0.35">
      <c r="AI6212" s="84"/>
      <c r="AM6212" s="84"/>
    </row>
    <row r="6213" spans="35:39" x14ac:dyDescent="0.35">
      <c r="AI6213" s="84"/>
      <c r="AM6213" s="84"/>
    </row>
    <row r="6214" spans="35:39" x14ac:dyDescent="0.35">
      <c r="AI6214" s="84"/>
      <c r="AM6214" s="84"/>
    </row>
    <row r="6215" spans="35:39" x14ac:dyDescent="0.35">
      <c r="AI6215" s="84"/>
      <c r="AM6215" s="84"/>
    </row>
    <row r="6216" spans="35:39" x14ac:dyDescent="0.35">
      <c r="AI6216" s="84"/>
      <c r="AM6216" s="84"/>
    </row>
    <row r="6217" spans="35:39" x14ac:dyDescent="0.35">
      <c r="AI6217" s="84"/>
      <c r="AM6217" s="84"/>
    </row>
    <row r="6218" spans="35:39" x14ac:dyDescent="0.35">
      <c r="AI6218" s="84"/>
      <c r="AM6218" s="84"/>
    </row>
    <row r="6219" spans="35:39" x14ac:dyDescent="0.35">
      <c r="AI6219" s="84"/>
      <c r="AM6219" s="84"/>
    </row>
    <row r="6220" spans="35:39" x14ac:dyDescent="0.35">
      <c r="AI6220" s="84"/>
      <c r="AM6220" s="84"/>
    </row>
    <row r="6221" spans="35:39" x14ac:dyDescent="0.35">
      <c r="AI6221" s="84"/>
      <c r="AM6221" s="84"/>
    </row>
    <row r="6222" spans="35:39" x14ac:dyDescent="0.35">
      <c r="AI6222" s="84"/>
      <c r="AM6222" s="84"/>
    </row>
    <row r="6223" spans="35:39" x14ac:dyDescent="0.35">
      <c r="AI6223" s="84"/>
      <c r="AM6223" s="84"/>
    </row>
    <row r="6224" spans="35:39" x14ac:dyDescent="0.35">
      <c r="AI6224" s="84"/>
      <c r="AM6224" s="84"/>
    </row>
    <row r="6225" spans="35:39" x14ac:dyDescent="0.35">
      <c r="AI6225" s="84"/>
      <c r="AM6225" s="84"/>
    </row>
    <row r="6226" spans="35:39" x14ac:dyDescent="0.35">
      <c r="AI6226" s="84"/>
      <c r="AM6226" s="84"/>
    </row>
    <row r="6227" spans="35:39" x14ac:dyDescent="0.35">
      <c r="AI6227" s="84"/>
      <c r="AM6227" s="84"/>
    </row>
    <row r="6228" spans="35:39" x14ac:dyDescent="0.35">
      <c r="AI6228" s="84"/>
      <c r="AM6228" s="84"/>
    </row>
    <row r="6229" spans="35:39" x14ac:dyDescent="0.35">
      <c r="AI6229" s="84"/>
      <c r="AM6229" s="84"/>
    </row>
    <row r="6230" spans="35:39" x14ac:dyDescent="0.35">
      <c r="AI6230" s="84"/>
      <c r="AM6230" s="84"/>
    </row>
    <row r="6231" spans="35:39" x14ac:dyDescent="0.35">
      <c r="AI6231" s="84"/>
      <c r="AM6231" s="84"/>
    </row>
    <row r="6232" spans="35:39" x14ac:dyDescent="0.35">
      <c r="AI6232" s="84"/>
      <c r="AM6232" s="84"/>
    </row>
    <row r="6233" spans="35:39" x14ac:dyDescent="0.35">
      <c r="AI6233" s="84"/>
      <c r="AM6233" s="84"/>
    </row>
    <row r="6234" spans="35:39" x14ac:dyDescent="0.35">
      <c r="AI6234" s="84"/>
      <c r="AM6234" s="84"/>
    </row>
    <row r="6235" spans="35:39" x14ac:dyDescent="0.35">
      <c r="AI6235" s="84"/>
      <c r="AM6235" s="84"/>
    </row>
    <row r="6236" spans="35:39" x14ac:dyDescent="0.35">
      <c r="AI6236" s="84"/>
      <c r="AM6236" s="84"/>
    </row>
    <row r="6237" spans="35:39" x14ac:dyDescent="0.35">
      <c r="AI6237" s="84"/>
      <c r="AM6237" s="84"/>
    </row>
    <row r="6238" spans="35:39" x14ac:dyDescent="0.35">
      <c r="AI6238" s="84"/>
      <c r="AM6238" s="84"/>
    </row>
    <row r="6239" spans="35:39" x14ac:dyDescent="0.35">
      <c r="AI6239" s="84"/>
      <c r="AM6239" s="84"/>
    </row>
    <row r="6240" spans="35:39" x14ac:dyDescent="0.35">
      <c r="AI6240" s="84"/>
      <c r="AM6240" s="84"/>
    </row>
    <row r="6241" spans="35:39" x14ac:dyDescent="0.35">
      <c r="AI6241" s="84"/>
      <c r="AM6241" s="84"/>
    </row>
    <row r="6242" spans="35:39" x14ac:dyDescent="0.35">
      <c r="AI6242" s="84"/>
      <c r="AM6242" s="84"/>
    </row>
    <row r="6243" spans="35:39" x14ac:dyDescent="0.35">
      <c r="AI6243" s="84"/>
      <c r="AM6243" s="84"/>
    </row>
    <row r="6244" spans="35:39" x14ac:dyDescent="0.35">
      <c r="AI6244" s="84"/>
      <c r="AM6244" s="84"/>
    </row>
    <row r="6245" spans="35:39" x14ac:dyDescent="0.35">
      <c r="AI6245" s="84"/>
      <c r="AM6245" s="84"/>
    </row>
    <row r="6246" spans="35:39" x14ac:dyDescent="0.35">
      <c r="AI6246" s="84"/>
      <c r="AM6246" s="84"/>
    </row>
    <row r="6247" spans="35:39" x14ac:dyDescent="0.35">
      <c r="AI6247" s="84"/>
      <c r="AM6247" s="84"/>
    </row>
    <row r="6248" spans="35:39" x14ac:dyDescent="0.35">
      <c r="AI6248" s="84"/>
      <c r="AM6248" s="84"/>
    </row>
    <row r="6249" spans="35:39" x14ac:dyDescent="0.35">
      <c r="AI6249" s="84"/>
      <c r="AM6249" s="84"/>
    </row>
    <row r="6250" spans="35:39" x14ac:dyDescent="0.35">
      <c r="AI6250" s="84"/>
      <c r="AM6250" s="84"/>
    </row>
    <row r="6251" spans="35:39" x14ac:dyDescent="0.35">
      <c r="AI6251" s="84"/>
      <c r="AM6251" s="84"/>
    </row>
    <row r="6252" spans="35:39" x14ac:dyDescent="0.35">
      <c r="AI6252" s="84"/>
      <c r="AM6252" s="84"/>
    </row>
    <row r="6253" spans="35:39" x14ac:dyDescent="0.35">
      <c r="AI6253" s="84"/>
      <c r="AM6253" s="84"/>
    </row>
    <row r="6254" spans="35:39" x14ac:dyDescent="0.35">
      <c r="AI6254" s="84"/>
      <c r="AM6254" s="84"/>
    </row>
    <row r="6255" spans="35:39" x14ac:dyDescent="0.35">
      <c r="AI6255" s="84"/>
      <c r="AM6255" s="84"/>
    </row>
    <row r="6256" spans="35:39" x14ac:dyDescent="0.35">
      <c r="AI6256" s="84"/>
      <c r="AM6256" s="84"/>
    </row>
    <row r="6257" spans="35:39" x14ac:dyDescent="0.35">
      <c r="AI6257" s="84"/>
      <c r="AM6257" s="84"/>
    </row>
    <row r="6258" spans="35:39" x14ac:dyDescent="0.35">
      <c r="AI6258" s="84"/>
      <c r="AM6258" s="84"/>
    </row>
    <row r="6259" spans="35:39" x14ac:dyDescent="0.35">
      <c r="AI6259" s="84"/>
      <c r="AM6259" s="84"/>
    </row>
    <row r="6260" spans="35:39" x14ac:dyDescent="0.35">
      <c r="AI6260" s="84"/>
      <c r="AM6260" s="84"/>
    </row>
    <row r="6261" spans="35:39" x14ac:dyDescent="0.35">
      <c r="AI6261" s="84"/>
      <c r="AM6261" s="84"/>
    </row>
    <row r="6262" spans="35:39" x14ac:dyDescent="0.35">
      <c r="AI6262" s="84"/>
      <c r="AM6262" s="84"/>
    </row>
    <row r="6263" spans="35:39" x14ac:dyDescent="0.35">
      <c r="AI6263" s="84"/>
      <c r="AM6263" s="84"/>
    </row>
    <row r="6264" spans="35:39" x14ac:dyDescent="0.35">
      <c r="AI6264" s="84"/>
      <c r="AM6264" s="84"/>
    </row>
    <row r="6265" spans="35:39" x14ac:dyDescent="0.35">
      <c r="AI6265" s="84"/>
      <c r="AM6265" s="84"/>
    </row>
    <row r="6266" spans="35:39" x14ac:dyDescent="0.35">
      <c r="AI6266" s="84"/>
      <c r="AM6266" s="84"/>
    </row>
    <row r="6267" spans="35:39" x14ac:dyDescent="0.35">
      <c r="AI6267" s="84"/>
      <c r="AM6267" s="84"/>
    </row>
    <row r="6268" spans="35:39" x14ac:dyDescent="0.35">
      <c r="AI6268" s="84"/>
      <c r="AM6268" s="84"/>
    </row>
    <row r="6269" spans="35:39" x14ac:dyDescent="0.35">
      <c r="AI6269" s="84"/>
      <c r="AM6269" s="84"/>
    </row>
    <row r="6270" spans="35:39" x14ac:dyDescent="0.35">
      <c r="AI6270" s="84"/>
      <c r="AM6270" s="84"/>
    </row>
    <row r="6271" spans="35:39" x14ac:dyDescent="0.35">
      <c r="AI6271" s="84"/>
      <c r="AM6271" s="84"/>
    </row>
    <row r="6272" spans="35:39" x14ac:dyDescent="0.35">
      <c r="AI6272" s="84"/>
      <c r="AM6272" s="84"/>
    </row>
    <row r="6273" spans="35:39" x14ac:dyDescent="0.35">
      <c r="AI6273" s="84"/>
      <c r="AM6273" s="84"/>
    </row>
    <row r="6274" spans="35:39" x14ac:dyDescent="0.35">
      <c r="AI6274" s="84"/>
      <c r="AM6274" s="84"/>
    </row>
    <row r="6275" spans="35:39" x14ac:dyDescent="0.35">
      <c r="AI6275" s="84"/>
      <c r="AM6275" s="84"/>
    </row>
    <row r="6276" spans="35:39" x14ac:dyDescent="0.35">
      <c r="AI6276" s="84"/>
      <c r="AM6276" s="84"/>
    </row>
    <row r="6277" spans="35:39" x14ac:dyDescent="0.35">
      <c r="AI6277" s="84"/>
      <c r="AM6277" s="84"/>
    </row>
    <row r="6278" spans="35:39" x14ac:dyDescent="0.35">
      <c r="AI6278" s="84"/>
      <c r="AM6278" s="84"/>
    </row>
    <row r="6279" spans="35:39" x14ac:dyDescent="0.35">
      <c r="AI6279" s="84"/>
      <c r="AM6279" s="84"/>
    </row>
    <row r="6280" spans="35:39" x14ac:dyDescent="0.35">
      <c r="AI6280" s="84"/>
      <c r="AM6280" s="84"/>
    </row>
    <row r="6281" spans="35:39" x14ac:dyDescent="0.35">
      <c r="AI6281" s="84"/>
      <c r="AM6281" s="84"/>
    </row>
    <row r="6282" spans="35:39" x14ac:dyDescent="0.35">
      <c r="AI6282" s="84"/>
      <c r="AM6282" s="84"/>
    </row>
    <row r="6283" spans="35:39" x14ac:dyDescent="0.35">
      <c r="AI6283" s="84"/>
      <c r="AM6283" s="84"/>
    </row>
    <row r="6284" spans="35:39" x14ac:dyDescent="0.35">
      <c r="AI6284" s="84"/>
      <c r="AM6284" s="84"/>
    </row>
    <row r="6285" spans="35:39" x14ac:dyDescent="0.35">
      <c r="AI6285" s="84"/>
      <c r="AM6285" s="84"/>
    </row>
    <row r="6286" spans="35:39" x14ac:dyDescent="0.35">
      <c r="AI6286" s="84"/>
      <c r="AM6286" s="84"/>
    </row>
    <row r="6287" spans="35:39" x14ac:dyDescent="0.35">
      <c r="AI6287" s="84"/>
      <c r="AM6287" s="84"/>
    </row>
    <row r="6288" spans="35:39" x14ac:dyDescent="0.35">
      <c r="AI6288" s="84"/>
      <c r="AM6288" s="84"/>
    </row>
    <row r="6289" spans="35:39" x14ac:dyDescent="0.35">
      <c r="AI6289" s="84"/>
      <c r="AM6289" s="84"/>
    </row>
    <row r="6290" spans="35:39" x14ac:dyDescent="0.35">
      <c r="AI6290" s="84"/>
      <c r="AM6290" s="84"/>
    </row>
    <row r="6291" spans="35:39" x14ac:dyDescent="0.35">
      <c r="AI6291" s="84"/>
      <c r="AM6291" s="84"/>
    </row>
    <row r="6292" spans="35:39" x14ac:dyDescent="0.35">
      <c r="AI6292" s="84"/>
      <c r="AM6292" s="84"/>
    </row>
    <row r="6293" spans="35:39" x14ac:dyDescent="0.35">
      <c r="AI6293" s="84"/>
      <c r="AM6293" s="84"/>
    </row>
    <row r="6294" spans="35:39" x14ac:dyDescent="0.35">
      <c r="AI6294" s="84"/>
      <c r="AM6294" s="84"/>
    </row>
    <row r="6295" spans="35:39" x14ac:dyDescent="0.35">
      <c r="AI6295" s="84"/>
      <c r="AM6295" s="84"/>
    </row>
    <row r="6296" spans="35:39" x14ac:dyDescent="0.35">
      <c r="AI6296" s="84"/>
      <c r="AM6296" s="84"/>
    </row>
    <row r="6297" spans="35:39" x14ac:dyDescent="0.35">
      <c r="AI6297" s="84"/>
      <c r="AM6297" s="84"/>
    </row>
    <row r="6298" spans="35:39" x14ac:dyDescent="0.35">
      <c r="AI6298" s="84"/>
      <c r="AM6298" s="84"/>
    </row>
    <row r="6299" spans="35:39" x14ac:dyDescent="0.35">
      <c r="AI6299" s="84"/>
      <c r="AM6299" s="84"/>
    </row>
    <row r="6300" spans="35:39" x14ac:dyDescent="0.35">
      <c r="AI6300" s="84"/>
      <c r="AM6300" s="84"/>
    </row>
    <row r="6301" spans="35:39" x14ac:dyDescent="0.35">
      <c r="AI6301" s="84"/>
      <c r="AM6301" s="84"/>
    </row>
    <row r="6302" spans="35:39" x14ac:dyDescent="0.35">
      <c r="AI6302" s="84"/>
      <c r="AM6302" s="84"/>
    </row>
    <row r="6303" spans="35:39" x14ac:dyDescent="0.35">
      <c r="AI6303" s="84"/>
      <c r="AM6303" s="84"/>
    </row>
    <row r="6304" spans="35:39" x14ac:dyDescent="0.35">
      <c r="AI6304" s="84"/>
      <c r="AM6304" s="84"/>
    </row>
    <row r="6305" spans="35:39" x14ac:dyDescent="0.35">
      <c r="AI6305" s="84"/>
      <c r="AM6305" s="84"/>
    </row>
    <row r="6306" spans="35:39" x14ac:dyDescent="0.35">
      <c r="AI6306" s="84"/>
      <c r="AM6306" s="84"/>
    </row>
    <row r="6307" spans="35:39" x14ac:dyDescent="0.35">
      <c r="AI6307" s="84"/>
      <c r="AM6307" s="84"/>
    </row>
    <row r="6308" spans="35:39" x14ac:dyDescent="0.35">
      <c r="AI6308" s="84"/>
      <c r="AM6308" s="84"/>
    </row>
    <row r="6309" spans="35:39" x14ac:dyDescent="0.35">
      <c r="AI6309" s="84"/>
      <c r="AM6309" s="84"/>
    </row>
    <row r="6310" spans="35:39" x14ac:dyDescent="0.35">
      <c r="AI6310" s="84"/>
      <c r="AM6310" s="84"/>
    </row>
    <row r="6311" spans="35:39" x14ac:dyDescent="0.35">
      <c r="AI6311" s="84"/>
      <c r="AM6311" s="84"/>
    </row>
    <row r="6312" spans="35:39" x14ac:dyDescent="0.35">
      <c r="AI6312" s="84"/>
      <c r="AM6312" s="84"/>
    </row>
    <row r="6313" spans="35:39" x14ac:dyDescent="0.35">
      <c r="AI6313" s="84"/>
      <c r="AM6313" s="84"/>
    </row>
    <row r="6314" spans="35:39" x14ac:dyDescent="0.35">
      <c r="AI6314" s="84"/>
      <c r="AM6314" s="84"/>
    </row>
    <row r="6315" spans="35:39" x14ac:dyDescent="0.35">
      <c r="AI6315" s="84"/>
      <c r="AM6315" s="84"/>
    </row>
    <row r="6316" spans="35:39" x14ac:dyDescent="0.35">
      <c r="AI6316" s="84"/>
      <c r="AM6316" s="84"/>
    </row>
    <row r="6317" spans="35:39" x14ac:dyDescent="0.35">
      <c r="AI6317" s="84"/>
      <c r="AM6317" s="84"/>
    </row>
    <row r="6318" spans="35:39" x14ac:dyDescent="0.35">
      <c r="AI6318" s="84"/>
      <c r="AM6318" s="84"/>
    </row>
    <row r="6319" spans="35:39" x14ac:dyDescent="0.35">
      <c r="AI6319" s="84"/>
      <c r="AM6319" s="84"/>
    </row>
    <row r="6320" spans="35:39" x14ac:dyDescent="0.35">
      <c r="AI6320" s="84"/>
      <c r="AM6320" s="84"/>
    </row>
    <row r="6321" spans="35:39" x14ac:dyDescent="0.35">
      <c r="AI6321" s="84"/>
      <c r="AM6321" s="84"/>
    </row>
    <row r="6322" spans="35:39" x14ac:dyDescent="0.35">
      <c r="AI6322" s="84"/>
      <c r="AM6322" s="84"/>
    </row>
    <row r="6323" spans="35:39" x14ac:dyDescent="0.35">
      <c r="AI6323" s="84"/>
      <c r="AM6323" s="84"/>
    </row>
    <row r="6324" spans="35:39" x14ac:dyDescent="0.35">
      <c r="AI6324" s="84"/>
      <c r="AM6324" s="84"/>
    </row>
    <row r="6325" spans="35:39" x14ac:dyDescent="0.35">
      <c r="AI6325" s="84"/>
      <c r="AM6325" s="84"/>
    </row>
    <row r="6326" spans="35:39" x14ac:dyDescent="0.35">
      <c r="AI6326" s="84"/>
      <c r="AM6326" s="84"/>
    </row>
    <row r="6327" spans="35:39" x14ac:dyDescent="0.35">
      <c r="AI6327" s="84"/>
      <c r="AM6327" s="84"/>
    </row>
    <row r="6328" spans="35:39" x14ac:dyDescent="0.35">
      <c r="AI6328" s="84"/>
      <c r="AM6328" s="84"/>
    </row>
    <row r="6329" spans="35:39" x14ac:dyDescent="0.35">
      <c r="AI6329" s="84"/>
      <c r="AM6329" s="84"/>
    </row>
    <row r="6330" spans="35:39" x14ac:dyDescent="0.35">
      <c r="AI6330" s="84"/>
      <c r="AM6330" s="84"/>
    </row>
    <row r="6331" spans="35:39" x14ac:dyDescent="0.35">
      <c r="AI6331" s="84"/>
      <c r="AM6331" s="84"/>
    </row>
    <row r="6332" spans="35:39" x14ac:dyDescent="0.35">
      <c r="AI6332" s="84"/>
      <c r="AM6332" s="84"/>
    </row>
    <row r="6333" spans="35:39" x14ac:dyDescent="0.35">
      <c r="AI6333" s="84"/>
      <c r="AM6333" s="84"/>
    </row>
    <row r="6334" spans="35:39" x14ac:dyDescent="0.35">
      <c r="AI6334" s="84"/>
      <c r="AM6334" s="84"/>
    </row>
    <row r="6335" spans="35:39" x14ac:dyDescent="0.35">
      <c r="AI6335" s="84"/>
      <c r="AM6335" s="84"/>
    </row>
    <row r="6336" spans="35:39" x14ac:dyDescent="0.35">
      <c r="AI6336" s="84"/>
      <c r="AM6336" s="84"/>
    </row>
    <row r="6337" spans="35:39" x14ac:dyDescent="0.35">
      <c r="AI6337" s="84"/>
      <c r="AM6337" s="84"/>
    </row>
    <row r="6338" spans="35:39" x14ac:dyDescent="0.35">
      <c r="AI6338" s="84"/>
      <c r="AM6338" s="84"/>
    </row>
    <row r="6339" spans="35:39" x14ac:dyDescent="0.35">
      <c r="AI6339" s="84"/>
      <c r="AM6339" s="84"/>
    </row>
    <row r="6340" spans="35:39" x14ac:dyDescent="0.35">
      <c r="AI6340" s="84"/>
      <c r="AM6340" s="84"/>
    </row>
    <row r="6341" spans="35:39" x14ac:dyDescent="0.35">
      <c r="AI6341" s="84"/>
      <c r="AM6341" s="84"/>
    </row>
    <row r="6342" spans="35:39" x14ac:dyDescent="0.35">
      <c r="AI6342" s="84"/>
      <c r="AM6342" s="84"/>
    </row>
    <row r="6343" spans="35:39" x14ac:dyDescent="0.35">
      <c r="AI6343" s="84"/>
      <c r="AM6343" s="84"/>
    </row>
    <row r="6344" spans="35:39" x14ac:dyDescent="0.35">
      <c r="AI6344" s="84"/>
      <c r="AM6344" s="84"/>
    </row>
    <row r="6345" spans="35:39" x14ac:dyDescent="0.35">
      <c r="AI6345" s="84"/>
      <c r="AM6345" s="84"/>
    </row>
    <row r="6346" spans="35:39" x14ac:dyDescent="0.35">
      <c r="AI6346" s="84"/>
      <c r="AM6346" s="84"/>
    </row>
    <row r="6347" spans="35:39" x14ac:dyDescent="0.35">
      <c r="AI6347" s="84"/>
      <c r="AM6347" s="84"/>
    </row>
    <row r="6348" spans="35:39" x14ac:dyDescent="0.35">
      <c r="AI6348" s="84"/>
      <c r="AM6348" s="84"/>
    </row>
    <row r="6349" spans="35:39" x14ac:dyDescent="0.35">
      <c r="AI6349" s="84"/>
      <c r="AM6349" s="84"/>
    </row>
    <row r="6350" spans="35:39" x14ac:dyDescent="0.35">
      <c r="AI6350" s="84"/>
      <c r="AM6350" s="84"/>
    </row>
    <row r="6351" spans="35:39" x14ac:dyDescent="0.35">
      <c r="AI6351" s="84"/>
      <c r="AM6351" s="84"/>
    </row>
    <row r="6352" spans="35:39" x14ac:dyDescent="0.35">
      <c r="AI6352" s="84"/>
      <c r="AM6352" s="84"/>
    </row>
    <row r="6353" spans="35:39" x14ac:dyDescent="0.35">
      <c r="AI6353" s="84"/>
      <c r="AM6353" s="84"/>
    </row>
    <row r="6354" spans="35:39" x14ac:dyDescent="0.35">
      <c r="AI6354" s="84"/>
      <c r="AM6354" s="84"/>
    </row>
    <row r="6355" spans="35:39" x14ac:dyDescent="0.35">
      <c r="AI6355" s="84"/>
      <c r="AM6355" s="84"/>
    </row>
    <row r="6356" spans="35:39" x14ac:dyDescent="0.35">
      <c r="AI6356" s="84"/>
      <c r="AM6356" s="84"/>
    </row>
    <row r="6357" spans="35:39" x14ac:dyDescent="0.35">
      <c r="AI6357" s="84"/>
      <c r="AM6357" s="84"/>
    </row>
    <row r="6358" spans="35:39" x14ac:dyDescent="0.35">
      <c r="AI6358" s="84"/>
      <c r="AM6358" s="84"/>
    </row>
    <row r="6359" spans="35:39" x14ac:dyDescent="0.35">
      <c r="AI6359" s="84"/>
      <c r="AM6359" s="84"/>
    </row>
    <row r="6360" spans="35:39" x14ac:dyDescent="0.35">
      <c r="AI6360" s="84"/>
      <c r="AM6360" s="84"/>
    </row>
    <row r="6361" spans="35:39" x14ac:dyDescent="0.35">
      <c r="AI6361" s="84"/>
      <c r="AM6361" s="84"/>
    </row>
    <row r="6362" spans="35:39" x14ac:dyDescent="0.35">
      <c r="AI6362" s="84"/>
      <c r="AM6362" s="84"/>
    </row>
    <row r="6363" spans="35:39" x14ac:dyDescent="0.35">
      <c r="AI6363" s="84"/>
      <c r="AM6363" s="84"/>
    </row>
    <row r="6364" spans="35:39" x14ac:dyDescent="0.35">
      <c r="AI6364" s="84"/>
      <c r="AM6364" s="84"/>
    </row>
    <row r="6365" spans="35:39" x14ac:dyDescent="0.35">
      <c r="AI6365" s="84"/>
      <c r="AM6365" s="84"/>
    </row>
    <row r="6366" spans="35:39" x14ac:dyDescent="0.35">
      <c r="AI6366" s="84"/>
      <c r="AM6366" s="84"/>
    </row>
    <row r="6367" spans="35:39" x14ac:dyDescent="0.35">
      <c r="AI6367" s="84"/>
      <c r="AM6367" s="84"/>
    </row>
    <row r="6368" spans="35:39" x14ac:dyDescent="0.35">
      <c r="AI6368" s="84"/>
      <c r="AM6368" s="84"/>
    </row>
    <row r="6369" spans="35:39" x14ac:dyDescent="0.35">
      <c r="AI6369" s="84"/>
      <c r="AM6369" s="84"/>
    </row>
    <row r="6370" spans="35:39" x14ac:dyDescent="0.35">
      <c r="AI6370" s="84"/>
      <c r="AM6370" s="84"/>
    </row>
    <row r="6371" spans="35:39" x14ac:dyDescent="0.35">
      <c r="AI6371" s="84"/>
      <c r="AM6371" s="84"/>
    </row>
    <row r="6372" spans="35:39" x14ac:dyDescent="0.35">
      <c r="AI6372" s="84"/>
      <c r="AM6372" s="84"/>
    </row>
    <row r="6373" spans="35:39" x14ac:dyDescent="0.35">
      <c r="AI6373" s="84"/>
      <c r="AM6373" s="84"/>
    </row>
    <row r="6374" spans="35:39" x14ac:dyDescent="0.35">
      <c r="AI6374" s="84"/>
      <c r="AM6374" s="84"/>
    </row>
    <row r="6375" spans="35:39" x14ac:dyDescent="0.35">
      <c r="AI6375" s="84"/>
      <c r="AM6375" s="84"/>
    </row>
    <row r="6376" spans="35:39" x14ac:dyDescent="0.35">
      <c r="AI6376" s="84"/>
      <c r="AM6376" s="84"/>
    </row>
    <row r="6377" spans="35:39" x14ac:dyDescent="0.35">
      <c r="AI6377" s="84"/>
      <c r="AM6377" s="84"/>
    </row>
    <row r="6378" spans="35:39" x14ac:dyDescent="0.35">
      <c r="AI6378" s="84"/>
      <c r="AM6378" s="84"/>
    </row>
    <row r="6379" spans="35:39" x14ac:dyDescent="0.35">
      <c r="AI6379" s="84"/>
      <c r="AM6379" s="84"/>
    </row>
    <row r="6380" spans="35:39" x14ac:dyDescent="0.35">
      <c r="AI6380" s="84"/>
      <c r="AM6380" s="84"/>
    </row>
    <row r="6381" spans="35:39" x14ac:dyDescent="0.35">
      <c r="AI6381" s="84"/>
      <c r="AM6381" s="84"/>
    </row>
    <row r="6382" spans="35:39" x14ac:dyDescent="0.35">
      <c r="AI6382" s="84"/>
      <c r="AM6382" s="84"/>
    </row>
    <row r="6383" spans="35:39" x14ac:dyDescent="0.35">
      <c r="AI6383" s="84"/>
      <c r="AM6383" s="84"/>
    </row>
    <row r="6384" spans="35:39" x14ac:dyDescent="0.35">
      <c r="AI6384" s="84"/>
      <c r="AM6384" s="84"/>
    </row>
    <row r="6385" spans="35:39" x14ac:dyDescent="0.35">
      <c r="AI6385" s="84"/>
      <c r="AM6385" s="84"/>
    </row>
    <row r="6386" spans="35:39" x14ac:dyDescent="0.35">
      <c r="AI6386" s="84"/>
      <c r="AM6386" s="84"/>
    </row>
    <row r="6387" spans="35:39" x14ac:dyDescent="0.35">
      <c r="AI6387" s="84"/>
      <c r="AM6387" s="84"/>
    </row>
    <row r="6388" spans="35:39" x14ac:dyDescent="0.35">
      <c r="AI6388" s="84"/>
      <c r="AM6388" s="84"/>
    </row>
    <row r="6389" spans="35:39" x14ac:dyDescent="0.35">
      <c r="AI6389" s="84"/>
      <c r="AM6389" s="84"/>
    </row>
    <row r="6390" spans="35:39" x14ac:dyDescent="0.35">
      <c r="AI6390" s="84"/>
      <c r="AM6390" s="84"/>
    </row>
    <row r="6391" spans="35:39" x14ac:dyDescent="0.35">
      <c r="AI6391" s="84"/>
      <c r="AM6391" s="84"/>
    </row>
    <row r="6392" spans="35:39" x14ac:dyDescent="0.35">
      <c r="AI6392" s="84"/>
      <c r="AM6392" s="84"/>
    </row>
    <row r="6393" spans="35:39" x14ac:dyDescent="0.35">
      <c r="AI6393" s="84"/>
      <c r="AM6393" s="84"/>
    </row>
    <row r="6394" spans="35:39" x14ac:dyDescent="0.35">
      <c r="AI6394" s="84"/>
      <c r="AM6394" s="84"/>
    </row>
    <row r="6395" spans="35:39" x14ac:dyDescent="0.35">
      <c r="AI6395" s="84"/>
      <c r="AM6395" s="84"/>
    </row>
    <row r="6396" spans="35:39" x14ac:dyDescent="0.35">
      <c r="AI6396" s="84"/>
      <c r="AM6396" s="84"/>
    </row>
    <row r="6397" spans="35:39" x14ac:dyDescent="0.35">
      <c r="AI6397" s="84"/>
      <c r="AM6397" s="84"/>
    </row>
    <row r="6398" spans="35:39" x14ac:dyDescent="0.35">
      <c r="AI6398" s="84"/>
      <c r="AM6398" s="84"/>
    </row>
    <row r="6399" spans="35:39" x14ac:dyDescent="0.35">
      <c r="AI6399" s="84"/>
      <c r="AM6399" s="84"/>
    </row>
    <row r="6400" spans="35:39" x14ac:dyDescent="0.35">
      <c r="AI6400" s="84"/>
      <c r="AM6400" s="84"/>
    </row>
    <row r="6401" spans="35:39" x14ac:dyDescent="0.35">
      <c r="AI6401" s="84"/>
      <c r="AM6401" s="84"/>
    </row>
    <row r="6402" spans="35:39" x14ac:dyDescent="0.35">
      <c r="AI6402" s="84"/>
      <c r="AM6402" s="84"/>
    </row>
    <row r="6403" spans="35:39" x14ac:dyDescent="0.35">
      <c r="AI6403" s="84"/>
      <c r="AM6403" s="84"/>
    </row>
    <row r="6404" spans="35:39" x14ac:dyDescent="0.35">
      <c r="AI6404" s="84"/>
      <c r="AM6404" s="84"/>
    </row>
    <row r="6405" spans="35:39" x14ac:dyDescent="0.35">
      <c r="AI6405" s="84"/>
      <c r="AM6405" s="84"/>
    </row>
    <row r="6406" spans="35:39" x14ac:dyDescent="0.35">
      <c r="AI6406" s="84"/>
      <c r="AM6406" s="84"/>
    </row>
    <row r="6407" spans="35:39" x14ac:dyDescent="0.35">
      <c r="AI6407" s="84"/>
      <c r="AM6407" s="84"/>
    </row>
    <row r="6408" spans="35:39" x14ac:dyDescent="0.35">
      <c r="AI6408" s="84"/>
      <c r="AM6408" s="84"/>
    </row>
    <row r="6409" spans="35:39" x14ac:dyDescent="0.35">
      <c r="AI6409" s="84"/>
      <c r="AM6409" s="84"/>
    </row>
    <row r="6410" spans="35:39" x14ac:dyDescent="0.35">
      <c r="AI6410" s="84"/>
      <c r="AM6410" s="84"/>
    </row>
    <row r="6411" spans="35:39" x14ac:dyDescent="0.35">
      <c r="AI6411" s="84"/>
      <c r="AM6411" s="84"/>
    </row>
    <row r="6412" spans="35:39" x14ac:dyDescent="0.35">
      <c r="AI6412" s="84"/>
      <c r="AM6412" s="84"/>
    </row>
    <row r="6413" spans="35:39" x14ac:dyDescent="0.35">
      <c r="AI6413" s="84"/>
      <c r="AM6413" s="84"/>
    </row>
    <row r="6414" spans="35:39" x14ac:dyDescent="0.35">
      <c r="AI6414" s="84"/>
      <c r="AM6414" s="84"/>
    </row>
    <row r="6415" spans="35:39" x14ac:dyDescent="0.35">
      <c r="AI6415" s="84"/>
      <c r="AM6415" s="84"/>
    </row>
    <row r="6416" spans="35:39" x14ac:dyDescent="0.35">
      <c r="AI6416" s="84"/>
      <c r="AM6416" s="84"/>
    </row>
    <row r="6417" spans="35:39" x14ac:dyDescent="0.35">
      <c r="AI6417" s="84"/>
      <c r="AM6417" s="84"/>
    </row>
    <row r="6418" spans="35:39" x14ac:dyDescent="0.35">
      <c r="AI6418" s="84"/>
      <c r="AM6418" s="84"/>
    </row>
    <row r="6419" spans="35:39" x14ac:dyDescent="0.35">
      <c r="AI6419" s="84"/>
      <c r="AM6419" s="84"/>
    </row>
    <row r="6420" spans="35:39" x14ac:dyDescent="0.35">
      <c r="AI6420" s="84"/>
      <c r="AM6420" s="84"/>
    </row>
    <row r="6421" spans="35:39" x14ac:dyDescent="0.35">
      <c r="AI6421" s="84"/>
      <c r="AM6421" s="84"/>
    </row>
    <row r="6422" spans="35:39" x14ac:dyDescent="0.35">
      <c r="AI6422" s="84"/>
      <c r="AM6422" s="84"/>
    </row>
    <row r="6423" spans="35:39" x14ac:dyDescent="0.35">
      <c r="AI6423" s="84"/>
      <c r="AM6423" s="84"/>
    </row>
    <row r="6424" spans="35:39" x14ac:dyDescent="0.35">
      <c r="AI6424" s="84"/>
      <c r="AM6424" s="84"/>
    </row>
    <row r="6425" spans="35:39" x14ac:dyDescent="0.35">
      <c r="AI6425" s="84"/>
      <c r="AM6425" s="84"/>
    </row>
    <row r="6426" spans="35:39" x14ac:dyDescent="0.35">
      <c r="AI6426" s="84"/>
      <c r="AM6426" s="84"/>
    </row>
    <row r="6427" spans="35:39" x14ac:dyDescent="0.35">
      <c r="AI6427" s="84"/>
      <c r="AM6427" s="84"/>
    </row>
    <row r="6428" spans="35:39" x14ac:dyDescent="0.35">
      <c r="AI6428" s="84"/>
      <c r="AM6428" s="84"/>
    </row>
    <row r="6429" spans="35:39" x14ac:dyDescent="0.35">
      <c r="AI6429" s="84"/>
      <c r="AM6429" s="84"/>
    </row>
    <row r="6430" spans="35:39" x14ac:dyDescent="0.35">
      <c r="AI6430" s="84"/>
      <c r="AM6430" s="84"/>
    </row>
    <row r="6431" spans="35:39" x14ac:dyDescent="0.35">
      <c r="AI6431" s="84"/>
      <c r="AM6431" s="84"/>
    </row>
    <row r="6432" spans="35:39" x14ac:dyDescent="0.35">
      <c r="AI6432" s="84"/>
      <c r="AM6432" s="84"/>
    </row>
    <row r="6433" spans="35:39" x14ac:dyDescent="0.35">
      <c r="AI6433" s="84"/>
      <c r="AM6433" s="84"/>
    </row>
    <row r="6434" spans="35:39" x14ac:dyDescent="0.35">
      <c r="AI6434" s="84"/>
      <c r="AM6434" s="84"/>
    </row>
    <row r="6435" spans="35:39" x14ac:dyDescent="0.35">
      <c r="AI6435" s="84"/>
      <c r="AM6435" s="84"/>
    </row>
    <row r="6436" spans="35:39" x14ac:dyDescent="0.35">
      <c r="AI6436" s="84"/>
      <c r="AM6436" s="84"/>
    </row>
    <row r="6437" spans="35:39" x14ac:dyDescent="0.35">
      <c r="AI6437" s="84"/>
      <c r="AM6437" s="84"/>
    </row>
    <row r="6438" spans="35:39" x14ac:dyDescent="0.35">
      <c r="AI6438" s="84"/>
      <c r="AM6438" s="84"/>
    </row>
    <row r="6439" spans="35:39" x14ac:dyDescent="0.35">
      <c r="AI6439" s="84"/>
      <c r="AM6439" s="84"/>
    </row>
    <row r="6440" spans="35:39" x14ac:dyDescent="0.35">
      <c r="AI6440" s="84"/>
      <c r="AM6440" s="84"/>
    </row>
    <row r="6441" spans="35:39" x14ac:dyDescent="0.35">
      <c r="AI6441" s="84"/>
      <c r="AM6441" s="84"/>
    </row>
    <row r="6442" spans="35:39" x14ac:dyDescent="0.35">
      <c r="AI6442" s="84"/>
      <c r="AM6442" s="84"/>
    </row>
    <row r="6443" spans="35:39" x14ac:dyDescent="0.35">
      <c r="AI6443" s="84"/>
      <c r="AM6443" s="84"/>
    </row>
    <row r="6444" spans="35:39" x14ac:dyDescent="0.35">
      <c r="AI6444" s="84"/>
      <c r="AM6444" s="84"/>
    </row>
    <row r="6445" spans="35:39" x14ac:dyDescent="0.35">
      <c r="AI6445" s="84"/>
      <c r="AM6445" s="84"/>
    </row>
    <row r="6446" spans="35:39" x14ac:dyDescent="0.35">
      <c r="AI6446" s="84"/>
      <c r="AM6446" s="84"/>
    </row>
    <row r="6447" spans="35:39" x14ac:dyDescent="0.35">
      <c r="AI6447" s="84"/>
      <c r="AM6447" s="84"/>
    </row>
    <row r="6448" spans="35:39" x14ac:dyDescent="0.35">
      <c r="AI6448" s="84"/>
      <c r="AM6448" s="84"/>
    </row>
    <row r="6449" spans="35:39" x14ac:dyDescent="0.35">
      <c r="AI6449" s="84"/>
      <c r="AM6449" s="84"/>
    </row>
    <row r="6450" spans="35:39" x14ac:dyDescent="0.35">
      <c r="AI6450" s="84"/>
      <c r="AM6450" s="84"/>
    </row>
    <row r="6451" spans="35:39" x14ac:dyDescent="0.35">
      <c r="AI6451" s="84"/>
      <c r="AM6451" s="84"/>
    </row>
    <row r="6452" spans="35:39" x14ac:dyDescent="0.35">
      <c r="AI6452" s="84"/>
      <c r="AM6452" s="84"/>
    </row>
    <row r="6453" spans="35:39" x14ac:dyDescent="0.35">
      <c r="AI6453" s="84"/>
      <c r="AM6453" s="84"/>
    </row>
    <row r="6454" spans="35:39" x14ac:dyDescent="0.35">
      <c r="AI6454" s="84"/>
      <c r="AM6454" s="84"/>
    </row>
    <row r="6455" spans="35:39" x14ac:dyDescent="0.35">
      <c r="AI6455" s="84"/>
      <c r="AM6455" s="84"/>
    </row>
    <row r="6456" spans="35:39" x14ac:dyDescent="0.35">
      <c r="AI6456" s="84"/>
      <c r="AM6456" s="84"/>
    </row>
    <row r="6457" spans="35:39" x14ac:dyDescent="0.35">
      <c r="AI6457" s="84"/>
      <c r="AM6457" s="84"/>
    </row>
    <row r="6458" spans="35:39" x14ac:dyDescent="0.35">
      <c r="AI6458" s="84"/>
      <c r="AM6458" s="84"/>
    </row>
    <row r="6459" spans="35:39" x14ac:dyDescent="0.35">
      <c r="AI6459" s="84"/>
      <c r="AM6459" s="84"/>
    </row>
    <row r="6460" spans="35:39" x14ac:dyDescent="0.35">
      <c r="AI6460" s="84"/>
      <c r="AM6460" s="84"/>
    </row>
    <row r="6461" spans="35:39" x14ac:dyDescent="0.35">
      <c r="AI6461" s="84"/>
      <c r="AM6461" s="84"/>
    </row>
    <row r="6462" spans="35:39" x14ac:dyDescent="0.35">
      <c r="AI6462" s="84"/>
      <c r="AM6462" s="84"/>
    </row>
    <row r="6463" spans="35:39" x14ac:dyDescent="0.35">
      <c r="AI6463" s="84"/>
      <c r="AM6463" s="84"/>
    </row>
    <row r="6464" spans="35:39" x14ac:dyDescent="0.35">
      <c r="AI6464" s="84"/>
      <c r="AM6464" s="84"/>
    </row>
    <row r="6465" spans="35:39" x14ac:dyDescent="0.35">
      <c r="AI6465" s="84"/>
      <c r="AM6465" s="84"/>
    </row>
    <row r="6466" spans="35:39" x14ac:dyDescent="0.35">
      <c r="AI6466" s="84"/>
      <c r="AM6466" s="84"/>
    </row>
    <row r="6467" spans="35:39" x14ac:dyDescent="0.35">
      <c r="AI6467" s="84"/>
      <c r="AM6467" s="84"/>
    </row>
    <row r="6468" spans="35:39" x14ac:dyDescent="0.35">
      <c r="AI6468" s="84"/>
      <c r="AM6468" s="84"/>
    </row>
    <row r="6469" spans="35:39" x14ac:dyDescent="0.35">
      <c r="AI6469" s="84"/>
      <c r="AM6469" s="84"/>
    </row>
    <row r="6470" spans="35:39" x14ac:dyDescent="0.35">
      <c r="AI6470" s="84"/>
      <c r="AM6470" s="84"/>
    </row>
    <row r="6471" spans="35:39" x14ac:dyDescent="0.35">
      <c r="AI6471" s="84"/>
      <c r="AM6471" s="84"/>
    </row>
    <row r="6472" spans="35:39" x14ac:dyDescent="0.35">
      <c r="AI6472" s="84"/>
      <c r="AM6472" s="84"/>
    </row>
    <row r="6473" spans="35:39" x14ac:dyDescent="0.35">
      <c r="AI6473" s="84"/>
      <c r="AM6473" s="84"/>
    </row>
    <row r="6474" spans="35:39" x14ac:dyDescent="0.35">
      <c r="AI6474" s="84"/>
      <c r="AM6474" s="84"/>
    </row>
    <row r="6475" spans="35:39" x14ac:dyDescent="0.35">
      <c r="AI6475" s="84"/>
      <c r="AM6475" s="84"/>
    </row>
    <row r="6476" spans="35:39" x14ac:dyDescent="0.35">
      <c r="AI6476" s="84"/>
      <c r="AM6476" s="84"/>
    </row>
    <row r="6477" spans="35:39" x14ac:dyDescent="0.35">
      <c r="AI6477" s="84"/>
      <c r="AM6477" s="84"/>
    </row>
    <row r="6478" spans="35:39" x14ac:dyDescent="0.35">
      <c r="AI6478" s="84"/>
      <c r="AM6478" s="84"/>
    </row>
    <row r="6479" spans="35:39" x14ac:dyDescent="0.35">
      <c r="AI6479" s="84"/>
      <c r="AM6479" s="84"/>
    </row>
    <row r="6480" spans="35:39" x14ac:dyDescent="0.35">
      <c r="AI6480" s="84"/>
      <c r="AM6480" s="84"/>
    </row>
    <row r="6481" spans="35:39" x14ac:dyDescent="0.35">
      <c r="AI6481" s="84"/>
      <c r="AM6481" s="84"/>
    </row>
    <row r="6482" spans="35:39" x14ac:dyDescent="0.35">
      <c r="AI6482" s="84"/>
      <c r="AM6482" s="84"/>
    </row>
    <row r="6483" spans="35:39" x14ac:dyDescent="0.35">
      <c r="AI6483" s="84"/>
      <c r="AM6483" s="84"/>
    </row>
    <row r="6484" spans="35:39" x14ac:dyDescent="0.35">
      <c r="AI6484" s="84"/>
      <c r="AM6484" s="84"/>
    </row>
    <row r="6485" spans="35:39" x14ac:dyDescent="0.35">
      <c r="AI6485" s="84"/>
      <c r="AM6485" s="84"/>
    </row>
    <row r="6486" spans="35:39" x14ac:dyDescent="0.35">
      <c r="AI6486" s="84"/>
      <c r="AM6486" s="84"/>
    </row>
    <row r="6487" spans="35:39" x14ac:dyDescent="0.35">
      <c r="AI6487" s="84"/>
      <c r="AM6487" s="84"/>
    </row>
    <row r="6488" spans="35:39" x14ac:dyDescent="0.35">
      <c r="AI6488" s="84"/>
      <c r="AM6488" s="84"/>
    </row>
    <row r="6489" spans="35:39" x14ac:dyDescent="0.35">
      <c r="AI6489" s="84"/>
      <c r="AM6489" s="84"/>
    </row>
    <row r="6490" spans="35:39" x14ac:dyDescent="0.35">
      <c r="AI6490" s="84"/>
      <c r="AM6490" s="84"/>
    </row>
    <row r="6491" spans="35:39" x14ac:dyDescent="0.35">
      <c r="AI6491" s="84"/>
      <c r="AM6491" s="84"/>
    </row>
    <row r="6492" spans="35:39" x14ac:dyDescent="0.35">
      <c r="AI6492" s="84"/>
      <c r="AM6492" s="84"/>
    </row>
    <row r="6493" spans="35:39" x14ac:dyDescent="0.35">
      <c r="AI6493" s="84"/>
      <c r="AM6493" s="84"/>
    </row>
    <row r="6494" spans="35:39" x14ac:dyDescent="0.35">
      <c r="AI6494" s="84"/>
      <c r="AM6494" s="84"/>
    </row>
    <row r="6495" spans="35:39" x14ac:dyDescent="0.35">
      <c r="AI6495" s="84"/>
      <c r="AM6495" s="84"/>
    </row>
    <row r="6496" spans="35:39" x14ac:dyDescent="0.35">
      <c r="AI6496" s="84"/>
      <c r="AM6496" s="84"/>
    </row>
    <row r="6497" spans="35:39" x14ac:dyDescent="0.35">
      <c r="AI6497" s="84"/>
      <c r="AM6497" s="84"/>
    </row>
    <row r="6498" spans="35:39" x14ac:dyDescent="0.35">
      <c r="AI6498" s="84"/>
      <c r="AM6498" s="84"/>
    </row>
    <row r="6499" spans="35:39" x14ac:dyDescent="0.35">
      <c r="AI6499" s="84"/>
      <c r="AM6499" s="84"/>
    </row>
    <row r="6500" spans="35:39" x14ac:dyDescent="0.35">
      <c r="AI6500" s="84"/>
      <c r="AM6500" s="84"/>
    </row>
    <row r="6501" spans="35:39" x14ac:dyDescent="0.35">
      <c r="AI6501" s="84"/>
      <c r="AM6501" s="84"/>
    </row>
    <row r="6502" spans="35:39" x14ac:dyDescent="0.35">
      <c r="AI6502" s="84"/>
      <c r="AM6502" s="84"/>
    </row>
    <row r="6503" spans="35:39" x14ac:dyDescent="0.35">
      <c r="AI6503" s="84"/>
      <c r="AM6503" s="84"/>
    </row>
    <row r="6504" spans="35:39" x14ac:dyDescent="0.35">
      <c r="AI6504" s="84"/>
      <c r="AM6504" s="84"/>
    </row>
    <row r="6505" spans="35:39" x14ac:dyDescent="0.35">
      <c r="AI6505" s="84"/>
      <c r="AM6505" s="84"/>
    </row>
    <row r="6506" spans="35:39" x14ac:dyDescent="0.35">
      <c r="AI6506" s="84"/>
      <c r="AM6506" s="84"/>
    </row>
    <row r="6507" spans="35:39" x14ac:dyDescent="0.35">
      <c r="AI6507" s="84"/>
      <c r="AM6507" s="84"/>
    </row>
    <row r="6508" spans="35:39" x14ac:dyDescent="0.35">
      <c r="AI6508" s="84"/>
      <c r="AM6508" s="84"/>
    </row>
    <row r="6509" spans="35:39" x14ac:dyDescent="0.35">
      <c r="AI6509" s="84"/>
      <c r="AM6509" s="84"/>
    </row>
    <row r="6510" spans="35:39" x14ac:dyDescent="0.35">
      <c r="AI6510" s="84"/>
      <c r="AM6510" s="84"/>
    </row>
    <row r="6511" spans="35:39" x14ac:dyDescent="0.35">
      <c r="AI6511" s="84"/>
      <c r="AM6511" s="84"/>
    </row>
    <row r="6512" spans="35:39" x14ac:dyDescent="0.35">
      <c r="AI6512" s="84"/>
      <c r="AM6512" s="84"/>
    </row>
    <row r="6513" spans="35:39" x14ac:dyDescent="0.35">
      <c r="AI6513" s="84"/>
      <c r="AM6513" s="84"/>
    </row>
    <row r="6514" spans="35:39" x14ac:dyDescent="0.35">
      <c r="AI6514" s="84"/>
      <c r="AM6514" s="84"/>
    </row>
    <row r="6515" spans="35:39" x14ac:dyDescent="0.35">
      <c r="AI6515" s="84"/>
      <c r="AM6515" s="84"/>
    </row>
    <row r="6516" spans="35:39" x14ac:dyDescent="0.35">
      <c r="AI6516" s="84"/>
      <c r="AM6516" s="84"/>
    </row>
    <row r="6517" spans="35:39" x14ac:dyDescent="0.35">
      <c r="AI6517" s="84"/>
      <c r="AM6517" s="84"/>
    </row>
    <row r="6518" spans="35:39" x14ac:dyDescent="0.35">
      <c r="AI6518" s="84"/>
      <c r="AM6518" s="84"/>
    </row>
    <row r="6519" spans="35:39" x14ac:dyDescent="0.35">
      <c r="AI6519" s="84"/>
      <c r="AM6519" s="84"/>
    </row>
    <row r="6520" spans="35:39" x14ac:dyDescent="0.35">
      <c r="AI6520" s="84"/>
      <c r="AM6520" s="84"/>
    </row>
    <row r="6521" spans="35:39" x14ac:dyDescent="0.35">
      <c r="AI6521" s="84"/>
      <c r="AM6521" s="84"/>
    </row>
    <row r="6522" spans="35:39" x14ac:dyDescent="0.35">
      <c r="AI6522" s="84"/>
      <c r="AM6522" s="84"/>
    </row>
    <row r="6523" spans="35:39" x14ac:dyDescent="0.35">
      <c r="AI6523" s="84"/>
      <c r="AM6523" s="84"/>
    </row>
    <row r="6524" spans="35:39" x14ac:dyDescent="0.35">
      <c r="AI6524" s="84"/>
      <c r="AM6524" s="84"/>
    </row>
    <row r="6525" spans="35:39" x14ac:dyDescent="0.35">
      <c r="AI6525" s="84"/>
      <c r="AM6525" s="84"/>
    </row>
    <row r="6526" spans="35:39" x14ac:dyDescent="0.35">
      <c r="AI6526" s="84"/>
      <c r="AM6526" s="84"/>
    </row>
    <row r="6527" spans="35:39" x14ac:dyDescent="0.35">
      <c r="AI6527" s="84"/>
      <c r="AM6527" s="84"/>
    </row>
    <row r="6528" spans="35:39" x14ac:dyDescent="0.35">
      <c r="AI6528" s="84"/>
      <c r="AM6528" s="84"/>
    </row>
    <row r="6529" spans="35:39" x14ac:dyDescent="0.35">
      <c r="AI6529" s="84"/>
      <c r="AM6529" s="84"/>
    </row>
    <row r="6530" spans="35:39" x14ac:dyDescent="0.35">
      <c r="AI6530" s="84"/>
      <c r="AM6530" s="84"/>
    </row>
    <row r="6531" spans="35:39" x14ac:dyDescent="0.35">
      <c r="AI6531" s="84"/>
      <c r="AM6531" s="84"/>
    </row>
    <row r="6532" spans="35:39" x14ac:dyDescent="0.35">
      <c r="AI6532" s="84"/>
      <c r="AM6532" s="84"/>
    </row>
    <row r="6533" spans="35:39" x14ac:dyDescent="0.35">
      <c r="AI6533" s="84"/>
      <c r="AM6533" s="84"/>
    </row>
    <row r="6534" spans="35:39" x14ac:dyDescent="0.35">
      <c r="AI6534" s="84"/>
      <c r="AM6534" s="84"/>
    </row>
    <row r="6535" spans="35:39" x14ac:dyDescent="0.35">
      <c r="AI6535" s="84"/>
      <c r="AM6535" s="84"/>
    </row>
    <row r="6536" spans="35:39" x14ac:dyDescent="0.35">
      <c r="AI6536" s="84"/>
      <c r="AM6536" s="84"/>
    </row>
    <row r="6537" spans="35:39" x14ac:dyDescent="0.35">
      <c r="AI6537" s="84"/>
      <c r="AM6537" s="84"/>
    </row>
    <row r="6538" spans="35:39" x14ac:dyDescent="0.35">
      <c r="AI6538" s="84"/>
      <c r="AM6538" s="84"/>
    </row>
    <row r="6539" spans="35:39" x14ac:dyDescent="0.35">
      <c r="AI6539" s="84"/>
      <c r="AM6539" s="84"/>
    </row>
    <row r="6540" spans="35:39" x14ac:dyDescent="0.35">
      <c r="AI6540" s="84"/>
      <c r="AM6540" s="84"/>
    </row>
    <row r="6541" spans="35:39" x14ac:dyDescent="0.35">
      <c r="AI6541" s="84"/>
      <c r="AM6541" s="84"/>
    </row>
    <row r="6542" spans="35:39" x14ac:dyDescent="0.35">
      <c r="AI6542" s="84"/>
      <c r="AM6542" s="84"/>
    </row>
    <row r="6543" spans="35:39" x14ac:dyDescent="0.35">
      <c r="AI6543" s="84"/>
      <c r="AM6543" s="84"/>
    </row>
    <row r="6544" spans="35:39" x14ac:dyDescent="0.35">
      <c r="AI6544" s="84"/>
      <c r="AM6544" s="84"/>
    </row>
    <row r="6545" spans="35:39" x14ac:dyDescent="0.35">
      <c r="AI6545" s="84"/>
      <c r="AM6545" s="84"/>
    </row>
    <row r="6546" spans="35:39" x14ac:dyDescent="0.35">
      <c r="AI6546" s="84"/>
      <c r="AM6546" s="84"/>
    </row>
    <row r="6547" spans="35:39" x14ac:dyDescent="0.35">
      <c r="AI6547" s="84"/>
      <c r="AM6547" s="84"/>
    </row>
    <row r="6548" spans="35:39" x14ac:dyDescent="0.35">
      <c r="AI6548" s="84"/>
      <c r="AM6548" s="84"/>
    </row>
    <row r="6549" spans="35:39" x14ac:dyDescent="0.35">
      <c r="AI6549" s="84"/>
      <c r="AM6549" s="84"/>
    </row>
    <row r="6550" spans="35:39" x14ac:dyDescent="0.35">
      <c r="AI6550" s="84"/>
      <c r="AM6550" s="84"/>
    </row>
    <row r="6551" spans="35:39" x14ac:dyDescent="0.35">
      <c r="AI6551" s="84"/>
      <c r="AM6551" s="84"/>
    </row>
    <row r="6552" spans="35:39" x14ac:dyDescent="0.35">
      <c r="AI6552" s="84"/>
      <c r="AM6552" s="84"/>
    </row>
    <row r="6553" spans="35:39" x14ac:dyDescent="0.35">
      <c r="AI6553" s="84"/>
      <c r="AM6553" s="84"/>
    </row>
    <row r="6554" spans="35:39" x14ac:dyDescent="0.35">
      <c r="AI6554" s="84"/>
      <c r="AM6554" s="84"/>
    </row>
    <row r="6555" spans="35:39" x14ac:dyDescent="0.35">
      <c r="AI6555" s="84"/>
      <c r="AM6555" s="84"/>
    </row>
    <row r="6556" spans="35:39" x14ac:dyDescent="0.35">
      <c r="AI6556" s="84"/>
      <c r="AM6556" s="84"/>
    </row>
    <row r="6557" spans="35:39" x14ac:dyDescent="0.35">
      <c r="AI6557" s="84"/>
      <c r="AM6557" s="84"/>
    </row>
    <row r="6558" spans="35:39" x14ac:dyDescent="0.35">
      <c r="AI6558" s="84"/>
      <c r="AM6558" s="84"/>
    </row>
    <row r="6559" spans="35:39" x14ac:dyDescent="0.35">
      <c r="AI6559" s="84"/>
      <c r="AM6559" s="84"/>
    </row>
    <row r="6560" spans="35:39" x14ac:dyDescent="0.35">
      <c r="AI6560" s="84"/>
      <c r="AM6560" s="84"/>
    </row>
    <row r="6561" spans="35:39" x14ac:dyDescent="0.35">
      <c r="AI6561" s="84"/>
      <c r="AM6561" s="84"/>
    </row>
    <row r="6562" spans="35:39" x14ac:dyDescent="0.35">
      <c r="AI6562" s="84"/>
      <c r="AM6562" s="84"/>
    </row>
    <row r="6563" spans="35:39" x14ac:dyDescent="0.35">
      <c r="AI6563" s="84"/>
      <c r="AM6563" s="84"/>
    </row>
    <row r="6564" spans="35:39" x14ac:dyDescent="0.35">
      <c r="AI6564" s="84"/>
      <c r="AM6564" s="84"/>
    </row>
    <row r="6565" spans="35:39" x14ac:dyDescent="0.35">
      <c r="AI6565" s="84"/>
      <c r="AM6565" s="84"/>
    </row>
    <row r="6566" spans="35:39" x14ac:dyDescent="0.35">
      <c r="AI6566" s="84"/>
      <c r="AM6566" s="84"/>
    </row>
    <row r="6567" spans="35:39" x14ac:dyDescent="0.35">
      <c r="AI6567" s="84"/>
      <c r="AM6567" s="84"/>
    </row>
    <row r="6568" spans="35:39" x14ac:dyDescent="0.35">
      <c r="AI6568" s="84"/>
      <c r="AM6568" s="84"/>
    </row>
    <row r="6569" spans="35:39" x14ac:dyDescent="0.35">
      <c r="AI6569" s="84"/>
      <c r="AM6569" s="84"/>
    </row>
    <row r="6570" spans="35:39" x14ac:dyDescent="0.35">
      <c r="AI6570" s="84"/>
      <c r="AM6570" s="84"/>
    </row>
    <row r="6571" spans="35:39" x14ac:dyDescent="0.35">
      <c r="AI6571" s="84"/>
      <c r="AM6571" s="84"/>
    </row>
    <row r="6572" spans="35:39" x14ac:dyDescent="0.35">
      <c r="AI6572" s="84"/>
      <c r="AM6572" s="84"/>
    </row>
    <row r="6573" spans="35:39" x14ac:dyDescent="0.35">
      <c r="AI6573" s="84"/>
      <c r="AM6573" s="84"/>
    </row>
    <row r="6574" spans="35:39" x14ac:dyDescent="0.35">
      <c r="AI6574" s="84"/>
      <c r="AM6574" s="84"/>
    </row>
    <row r="6575" spans="35:39" x14ac:dyDescent="0.35">
      <c r="AI6575" s="84"/>
      <c r="AM6575" s="84"/>
    </row>
    <row r="6576" spans="35:39" x14ac:dyDescent="0.35">
      <c r="AI6576" s="84"/>
      <c r="AM6576" s="84"/>
    </row>
    <row r="6577" spans="35:39" x14ac:dyDescent="0.35">
      <c r="AI6577" s="84"/>
      <c r="AM6577" s="84"/>
    </row>
    <row r="6578" spans="35:39" x14ac:dyDescent="0.35">
      <c r="AI6578" s="84"/>
      <c r="AM6578" s="84"/>
    </row>
    <row r="6579" spans="35:39" x14ac:dyDescent="0.35">
      <c r="AI6579" s="84"/>
      <c r="AM6579" s="84"/>
    </row>
    <row r="6580" spans="35:39" x14ac:dyDescent="0.35">
      <c r="AI6580" s="84"/>
      <c r="AM6580" s="84"/>
    </row>
    <row r="6581" spans="35:39" x14ac:dyDescent="0.35">
      <c r="AI6581" s="84"/>
      <c r="AM6581" s="84"/>
    </row>
    <row r="6582" spans="35:39" x14ac:dyDescent="0.35">
      <c r="AI6582" s="84"/>
      <c r="AM6582" s="84"/>
    </row>
    <row r="6583" spans="35:39" x14ac:dyDescent="0.35">
      <c r="AI6583" s="84"/>
      <c r="AM6583" s="84"/>
    </row>
    <row r="6584" spans="35:39" x14ac:dyDescent="0.35">
      <c r="AI6584" s="84"/>
      <c r="AM6584" s="84"/>
    </row>
    <row r="6585" spans="35:39" x14ac:dyDescent="0.35">
      <c r="AI6585" s="84"/>
      <c r="AM6585" s="84"/>
    </row>
    <row r="6586" spans="35:39" x14ac:dyDescent="0.35">
      <c r="AI6586" s="84"/>
      <c r="AM6586" s="84"/>
    </row>
    <row r="6587" spans="35:39" x14ac:dyDescent="0.35">
      <c r="AI6587" s="84"/>
      <c r="AM6587" s="84"/>
    </row>
    <row r="6588" spans="35:39" x14ac:dyDescent="0.35">
      <c r="AI6588" s="84"/>
      <c r="AM6588" s="84"/>
    </row>
    <row r="6589" spans="35:39" x14ac:dyDescent="0.35">
      <c r="AI6589" s="84"/>
      <c r="AM6589" s="84"/>
    </row>
    <row r="6590" spans="35:39" x14ac:dyDescent="0.35">
      <c r="AI6590" s="84"/>
      <c r="AM6590" s="84"/>
    </row>
    <row r="6591" spans="35:39" x14ac:dyDescent="0.35">
      <c r="AI6591" s="84"/>
      <c r="AM6591" s="84"/>
    </row>
    <row r="6592" spans="35:39" x14ac:dyDescent="0.35">
      <c r="AI6592" s="84"/>
      <c r="AM6592" s="84"/>
    </row>
    <row r="6593" spans="35:39" x14ac:dyDescent="0.35">
      <c r="AI6593" s="84"/>
      <c r="AM6593" s="84"/>
    </row>
    <row r="6594" spans="35:39" x14ac:dyDescent="0.35">
      <c r="AI6594" s="84"/>
      <c r="AM6594" s="84"/>
    </row>
    <row r="6595" spans="35:39" x14ac:dyDescent="0.35">
      <c r="AI6595" s="84"/>
      <c r="AM6595" s="84"/>
    </row>
    <row r="6596" spans="35:39" x14ac:dyDescent="0.35">
      <c r="AI6596" s="84"/>
      <c r="AM6596" s="84"/>
    </row>
    <row r="6597" spans="35:39" x14ac:dyDescent="0.35">
      <c r="AI6597" s="84"/>
      <c r="AM6597" s="84"/>
    </row>
    <row r="6598" spans="35:39" x14ac:dyDescent="0.35">
      <c r="AI6598" s="84"/>
      <c r="AM6598" s="84"/>
    </row>
    <row r="6599" spans="35:39" x14ac:dyDescent="0.35">
      <c r="AI6599" s="84"/>
      <c r="AM6599" s="84"/>
    </row>
    <row r="6600" spans="35:39" x14ac:dyDescent="0.35">
      <c r="AI6600" s="84"/>
      <c r="AM6600" s="84"/>
    </row>
    <row r="6601" spans="35:39" x14ac:dyDescent="0.35">
      <c r="AI6601" s="84"/>
      <c r="AM6601" s="84"/>
    </row>
    <row r="6602" spans="35:39" x14ac:dyDescent="0.35">
      <c r="AI6602" s="84"/>
      <c r="AM6602" s="84"/>
    </row>
    <row r="6603" spans="35:39" x14ac:dyDescent="0.35">
      <c r="AI6603" s="84"/>
      <c r="AM6603" s="84"/>
    </row>
    <row r="6604" spans="35:39" x14ac:dyDescent="0.35">
      <c r="AI6604" s="84"/>
      <c r="AM6604" s="84"/>
    </row>
    <row r="6605" spans="35:39" x14ac:dyDescent="0.35">
      <c r="AI6605" s="84"/>
      <c r="AM6605" s="84"/>
    </row>
    <row r="6606" spans="35:39" x14ac:dyDescent="0.35">
      <c r="AI6606" s="84"/>
      <c r="AM6606" s="84"/>
    </row>
    <row r="6607" spans="35:39" x14ac:dyDescent="0.35">
      <c r="AI6607" s="84"/>
      <c r="AM6607" s="84"/>
    </row>
    <row r="6608" spans="35:39" x14ac:dyDescent="0.35">
      <c r="AI6608" s="84"/>
      <c r="AM6608" s="84"/>
    </row>
    <row r="6609" spans="35:39" x14ac:dyDescent="0.35">
      <c r="AI6609" s="84"/>
      <c r="AM6609" s="84"/>
    </row>
    <row r="6610" spans="35:39" x14ac:dyDescent="0.35">
      <c r="AI6610" s="84"/>
      <c r="AM6610" s="84"/>
    </row>
    <row r="6611" spans="35:39" x14ac:dyDescent="0.35">
      <c r="AI6611" s="84"/>
      <c r="AM6611" s="84"/>
    </row>
    <row r="6612" spans="35:39" x14ac:dyDescent="0.35">
      <c r="AI6612" s="84"/>
      <c r="AM6612" s="84"/>
    </row>
    <row r="6613" spans="35:39" x14ac:dyDescent="0.35">
      <c r="AI6613" s="84"/>
      <c r="AM6613" s="84"/>
    </row>
    <row r="6614" spans="35:39" x14ac:dyDescent="0.35">
      <c r="AI6614" s="84"/>
      <c r="AM6614" s="84"/>
    </row>
    <row r="6615" spans="35:39" x14ac:dyDescent="0.35">
      <c r="AI6615" s="84"/>
      <c r="AM6615" s="84"/>
    </row>
    <row r="6616" spans="35:39" x14ac:dyDescent="0.35">
      <c r="AI6616" s="84"/>
      <c r="AM6616" s="84"/>
    </row>
    <row r="6617" spans="35:39" x14ac:dyDescent="0.35">
      <c r="AI6617" s="84"/>
      <c r="AM6617" s="84"/>
    </row>
    <row r="6618" spans="35:39" x14ac:dyDescent="0.35">
      <c r="AI6618" s="84"/>
      <c r="AM6618" s="84"/>
    </row>
    <row r="6619" spans="35:39" x14ac:dyDescent="0.35">
      <c r="AI6619" s="84"/>
      <c r="AM6619" s="84"/>
    </row>
    <row r="6620" spans="35:39" x14ac:dyDescent="0.35">
      <c r="AI6620" s="84"/>
      <c r="AM6620" s="84"/>
    </row>
    <row r="6621" spans="35:39" x14ac:dyDescent="0.35">
      <c r="AI6621" s="84"/>
      <c r="AM6621" s="84"/>
    </row>
    <row r="6622" spans="35:39" x14ac:dyDescent="0.35">
      <c r="AI6622" s="84"/>
      <c r="AM6622" s="84"/>
    </row>
    <row r="6623" spans="35:39" x14ac:dyDescent="0.35">
      <c r="AI6623" s="84"/>
      <c r="AM6623" s="84"/>
    </row>
    <row r="6624" spans="35:39" x14ac:dyDescent="0.35">
      <c r="AI6624" s="84"/>
      <c r="AM6624" s="84"/>
    </row>
    <row r="6625" spans="35:39" x14ac:dyDescent="0.35">
      <c r="AI6625" s="84"/>
      <c r="AM6625" s="84"/>
    </row>
    <row r="6626" spans="35:39" x14ac:dyDescent="0.35">
      <c r="AI6626" s="84"/>
      <c r="AM6626" s="84"/>
    </row>
    <row r="6627" spans="35:39" x14ac:dyDescent="0.35">
      <c r="AI6627" s="84"/>
      <c r="AM6627" s="84"/>
    </row>
    <row r="6628" spans="35:39" x14ac:dyDescent="0.35">
      <c r="AI6628" s="84"/>
      <c r="AM6628" s="84"/>
    </row>
    <row r="6629" spans="35:39" x14ac:dyDescent="0.35">
      <c r="AI6629" s="84"/>
      <c r="AM6629" s="84"/>
    </row>
    <row r="6630" spans="35:39" x14ac:dyDescent="0.35">
      <c r="AI6630" s="84"/>
      <c r="AM6630" s="84"/>
    </row>
    <row r="6631" spans="35:39" x14ac:dyDescent="0.35">
      <c r="AI6631" s="84"/>
      <c r="AM6631" s="84"/>
    </row>
    <row r="6632" spans="35:39" x14ac:dyDescent="0.35">
      <c r="AI6632" s="84"/>
      <c r="AM6632" s="84"/>
    </row>
    <row r="6633" spans="35:39" x14ac:dyDescent="0.35">
      <c r="AI6633" s="84"/>
      <c r="AM6633" s="84"/>
    </row>
    <row r="6634" spans="35:39" x14ac:dyDescent="0.35">
      <c r="AI6634" s="84"/>
      <c r="AM6634" s="84"/>
    </row>
    <row r="6635" spans="35:39" x14ac:dyDescent="0.35">
      <c r="AI6635" s="84"/>
      <c r="AM6635" s="84"/>
    </row>
    <row r="6636" spans="35:39" x14ac:dyDescent="0.35">
      <c r="AI6636" s="84"/>
      <c r="AM6636" s="84"/>
    </row>
    <row r="6637" spans="35:39" x14ac:dyDescent="0.35">
      <c r="AI6637" s="84"/>
      <c r="AM6637" s="84"/>
    </row>
    <row r="6638" spans="35:39" x14ac:dyDescent="0.35">
      <c r="AI6638" s="84"/>
      <c r="AM6638" s="84"/>
    </row>
    <row r="6639" spans="35:39" x14ac:dyDescent="0.35">
      <c r="AI6639" s="84"/>
      <c r="AM6639" s="84"/>
    </row>
    <row r="6640" spans="35:39" x14ac:dyDescent="0.35">
      <c r="AI6640" s="84"/>
      <c r="AM6640" s="84"/>
    </row>
    <row r="6641" spans="35:39" x14ac:dyDescent="0.35">
      <c r="AI6641" s="84"/>
      <c r="AM6641" s="84"/>
    </row>
    <row r="6642" spans="35:39" x14ac:dyDescent="0.35">
      <c r="AI6642" s="84"/>
      <c r="AM6642" s="84"/>
    </row>
    <row r="6643" spans="35:39" x14ac:dyDescent="0.35">
      <c r="AI6643" s="84"/>
      <c r="AM6643" s="84"/>
    </row>
    <row r="6644" spans="35:39" x14ac:dyDescent="0.35">
      <c r="AI6644" s="84"/>
      <c r="AM6644" s="84"/>
    </row>
    <row r="6645" spans="35:39" x14ac:dyDescent="0.35">
      <c r="AI6645" s="84"/>
      <c r="AM6645" s="84"/>
    </row>
    <row r="6646" spans="35:39" x14ac:dyDescent="0.35">
      <c r="AI6646" s="84"/>
      <c r="AM6646" s="84"/>
    </row>
    <row r="6647" spans="35:39" x14ac:dyDescent="0.35">
      <c r="AI6647" s="84"/>
      <c r="AM6647" s="84"/>
    </row>
    <row r="6648" spans="35:39" x14ac:dyDescent="0.35">
      <c r="AI6648" s="84"/>
      <c r="AM6648" s="84"/>
    </row>
    <row r="6649" spans="35:39" x14ac:dyDescent="0.35">
      <c r="AI6649" s="84"/>
      <c r="AM6649" s="84"/>
    </row>
    <row r="6650" spans="35:39" x14ac:dyDescent="0.35">
      <c r="AI6650" s="84"/>
      <c r="AM6650" s="84"/>
    </row>
    <row r="6651" spans="35:39" x14ac:dyDescent="0.35">
      <c r="AI6651" s="84"/>
      <c r="AM6651" s="84"/>
    </row>
    <row r="6652" spans="35:39" x14ac:dyDescent="0.35">
      <c r="AI6652" s="84"/>
      <c r="AM6652" s="84"/>
    </row>
    <row r="6653" spans="35:39" x14ac:dyDescent="0.35">
      <c r="AI6653" s="84"/>
      <c r="AM6653" s="84"/>
    </row>
    <row r="6654" spans="35:39" x14ac:dyDescent="0.35">
      <c r="AI6654" s="84"/>
      <c r="AM6654" s="84"/>
    </row>
    <row r="6655" spans="35:39" x14ac:dyDescent="0.35">
      <c r="AI6655" s="84"/>
      <c r="AM6655" s="84"/>
    </row>
    <row r="6656" spans="35:39" x14ac:dyDescent="0.35">
      <c r="AI6656" s="84"/>
      <c r="AM6656" s="84"/>
    </row>
    <row r="6657" spans="35:39" x14ac:dyDescent="0.35">
      <c r="AI6657" s="84"/>
      <c r="AM6657" s="84"/>
    </row>
    <row r="6658" spans="35:39" x14ac:dyDescent="0.35">
      <c r="AI6658" s="84"/>
      <c r="AM6658" s="84"/>
    </row>
    <row r="6659" spans="35:39" x14ac:dyDescent="0.35">
      <c r="AI6659" s="84"/>
      <c r="AM6659" s="84"/>
    </row>
    <row r="6660" spans="35:39" x14ac:dyDescent="0.35">
      <c r="AI6660" s="84"/>
      <c r="AM6660" s="84"/>
    </row>
    <row r="6661" spans="35:39" x14ac:dyDescent="0.35">
      <c r="AI6661" s="84"/>
      <c r="AM6661" s="84"/>
    </row>
    <row r="6662" spans="35:39" x14ac:dyDescent="0.35">
      <c r="AI6662" s="84"/>
      <c r="AM6662" s="84"/>
    </row>
    <row r="6663" spans="35:39" x14ac:dyDescent="0.35">
      <c r="AI6663" s="84"/>
      <c r="AM6663" s="84"/>
    </row>
    <row r="6664" spans="35:39" x14ac:dyDescent="0.35">
      <c r="AI6664" s="84"/>
      <c r="AM6664" s="84"/>
    </row>
    <row r="6665" spans="35:39" x14ac:dyDescent="0.35">
      <c r="AI6665" s="84"/>
      <c r="AM6665" s="84"/>
    </row>
    <row r="6666" spans="35:39" x14ac:dyDescent="0.35">
      <c r="AI6666" s="84"/>
      <c r="AM6666" s="84"/>
    </row>
    <row r="6667" spans="35:39" x14ac:dyDescent="0.35">
      <c r="AI6667" s="84"/>
      <c r="AM6667" s="84"/>
    </row>
    <row r="6668" spans="35:39" x14ac:dyDescent="0.35">
      <c r="AI6668" s="84"/>
      <c r="AM6668" s="84"/>
    </row>
    <row r="6669" spans="35:39" x14ac:dyDescent="0.35">
      <c r="AI6669" s="84"/>
      <c r="AM6669" s="84"/>
    </row>
    <row r="6670" spans="35:39" x14ac:dyDescent="0.35">
      <c r="AI6670" s="84"/>
      <c r="AM6670" s="84"/>
    </row>
    <row r="6671" spans="35:39" x14ac:dyDescent="0.35">
      <c r="AI6671" s="84"/>
      <c r="AM6671" s="84"/>
    </row>
    <row r="6672" spans="35:39" x14ac:dyDescent="0.35">
      <c r="AI6672" s="84"/>
      <c r="AM6672" s="84"/>
    </row>
    <row r="6673" spans="35:39" x14ac:dyDescent="0.35">
      <c r="AI6673" s="84"/>
      <c r="AM6673" s="84"/>
    </row>
    <row r="6674" spans="35:39" x14ac:dyDescent="0.35">
      <c r="AI6674" s="84"/>
      <c r="AM6674" s="84"/>
    </row>
    <row r="6675" spans="35:39" x14ac:dyDescent="0.35">
      <c r="AI6675" s="84"/>
      <c r="AM6675" s="84"/>
    </row>
    <row r="6676" spans="35:39" x14ac:dyDescent="0.35">
      <c r="AI6676" s="84"/>
      <c r="AM6676" s="84"/>
    </row>
    <row r="6677" spans="35:39" x14ac:dyDescent="0.35">
      <c r="AI6677" s="84"/>
      <c r="AM6677" s="84"/>
    </row>
    <row r="6678" spans="35:39" x14ac:dyDescent="0.35">
      <c r="AI6678" s="84"/>
      <c r="AM6678" s="84"/>
    </row>
    <row r="6679" spans="35:39" x14ac:dyDescent="0.35">
      <c r="AI6679" s="84"/>
      <c r="AM6679" s="84"/>
    </row>
    <row r="6680" spans="35:39" x14ac:dyDescent="0.35">
      <c r="AI6680" s="84"/>
      <c r="AM6680" s="84"/>
    </row>
    <row r="6681" spans="35:39" x14ac:dyDescent="0.35">
      <c r="AI6681" s="84"/>
      <c r="AM6681" s="84"/>
    </row>
    <row r="6682" spans="35:39" x14ac:dyDescent="0.35">
      <c r="AI6682" s="84"/>
      <c r="AM6682" s="84"/>
    </row>
    <row r="6683" spans="35:39" x14ac:dyDescent="0.35">
      <c r="AI6683" s="84"/>
      <c r="AM6683" s="84"/>
    </row>
    <row r="6684" spans="35:39" x14ac:dyDescent="0.35">
      <c r="AI6684" s="84"/>
      <c r="AM6684" s="84"/>
    </row>
    <row r="6685" spans="35:39" x14ac:dyDescent="0.35">
      <c r="AI6685" s="84"/>
      <c r="AM6685" s="84"/>
    </row>
    <row r="6686" spans="35:39" x14ac:dyDescent="0.35">
      <c r="AI6686" s="84"/>
      <c r="AM6686" s="84"/>
    </row>
    <row r="6687" spans="35:39" x14ac:dyDescent="0.35">
      <c r="AI6687" s="84"/>
      <c r="AM6687" s="84"/>
    </row>
    <row r="6688" spans="35:39" x14ac:dyDescent="0.35">
      <c r="AI6688" s="84"/>
      <c r="AM6688" s="84"/>
    </row>
    <row r="6689" spans="35:39" x14ac:dyDescent="0.35">
      <c r="AI6689" s="84"/>
      <c r="AM6689" s="84"/>
    </row>
    <row r="6690" spans="35:39" x14ac:dyDescent="0.35">
      <c r="AI6690" s="84"/>
      <c r="AM6690" s="84"/>
    </row>
    <row r="6691" spans="35:39" x14ac:dyDescent="0.35">
      <c r="AI6691" s="84"/>
      <c r="AM6691" s="84"/>
    </row>
    <row r="6692" spans="35:39" x14ac:dyDescent="0.35">
      <c r="AI6692" s="84"/>
      <c r="AM6692" s="84"/>
    </row>
    <row r="6693" spans="35:39" x14ac:dyDescent="0.35">
      <c r="AI6693" s="84"/>
      <c r="AM6693" s="84"/>
    </row>
    <row r="6694" spans="35:39" x14ac:dyDescent="0.35">
      <c r="AI6694" s="84"/>
      <c r="AM6694" s="84"/>
    </row>
    <row r="6695" spans="35:39" x14ac:dyDescent="0.35">
      <c r="AI6695" s="84"/>
      <c r="AM6695" s="84"/>
    </row>
    <row r="6696" spans="35:39" x14ac:dyDescent="0.35">
      <c r="AI6696" s="84"/>
      <c r="AM6696" s="84"/>
    </row>
    <row r="6697" spans="35:39" x14ac:dyDescent="0.35">
      <c r="AI6697" s="84"/>
      <c r="AM6697" s="84"/>
    </row>
    <row r="6698" spans="35:39" x14ac:dyDescent="0.35">
      <c r="AI6698" s="84"/>
      <c r="AM6698" s="84"/>
    </row>
    <row r="6699" spans="35:39" x14ac:dyDescent="0.35">
      <c r="AI6699" s="84"/>
      <c r="AM6699" s="84"/>
    </row>
    <row r="6700" spans="35:39" x14ac:dyDescent="0.35">
      <c r="AI6700" s="84"/>
      <c r="AM6700" s="84"/>
    </row>
    <row r="6701" spans="35:39" x14ac:dyDescent="0.35">
      <c r="AI6701" s="84"/>
      <c r="AM6701" s="84"/>
    </row>
    <row r="6702" spans="35:39" x14ac:dyDescent="0.35">
      <c r="AI6702" s="84"/>
      <c r="AM6702" s="84"/>
    </row>
    <row r="6703" spans="35:39" x14ac:dyDescent="0.35">
      <c r="AI6703" s="84"/>
      <c r="AM6703" s="84"/>
    </row>
    <row r="6704" spans="35:39" x14ac:dyDescent="0.35">
      <c r="AI6704" s="84"/>
      <c r="AM6704" s="84"/>
    </row>
    <row r="6705" spans="35:39" x14ac:dyDescent="0.35">
      <c r="AI6705" s="84"/>
      <c r="AM6705" s="84"/>
    </row>
    <row r="6706" spans="35:39" x14ac:dyDescent="0.35">
      <c r="AI6706" s="84"/>
      <c r="AM6706" s="84"/>
    </row>
    <row r="6707" spans="35:39" x14ac:dyDescent="0.35">
      <c r="AI6707" s="84"/>
      <c r="AM6707" s="84"/>
    </row>
    <row r="6708" spans="35:39" x14ac:dyDescent="0.35">
      <c r="AI6708" s="84"/>
      <c r="AM6708" s="84"/>
    </row>
    <row r="6709" spans="35:39" x14ac:dyDescent="0.35">
      <c r="AI6709" s="84"/>
      <c r="AM6709" s="84"/>
    </row>
    <row r="6710" spans="35:39" x14ac:dyDescent="0.35">
      <c r="AI6710" s="84"/>
      <c r="AM6710" s="84"/>
    </row>
    <row r="6711" spans="35:39" x14ac:dyDescent="0.35">
      <c r="AI6711" s="84"/>
      <c r="AM6711" s="84"/>
    </row>
    <row r="6712" spans="35:39" x14ac:dyDescent="0.35">
      <c r="AI6712" s="84"/>
      <c r="AM6712" s="84"/>
    </row>
    <row r="6713" spans="35:39" x14ac:dyDescent="0.35">
      <c r="AI6713" s="84"/>
      <c r="AM6713" s="84"/>
    </row>
    <row r="6714" spans="35:39" x14ac:dyDescent="0.35">
      <c r="AI6714" s="84"/>
      <c r="AM6714" s="84"/>
    </row>
    <row r="6715" spans="35:39" x14ac:dyDescent="0.35">
      <c r="AI6715" s="84"/>
      <c r="AM6715" s="84"/>
    </row>
    <row r="6716" spans="35:39" x14ac:dyDescent="0.35">
      <c r="AI6716" s="84"/>
      <c r="AM6716" s="84"/>
    </row>
    <row r="6717" spans="35:39" x14ac:dyDescent="0.35">
      <c r="AI6717" s="84"/>
      <c r="AM6717" s="84"/>
    </row>
    <row r="6718" spans="35:39" x14ac:dyDescent="0.35">
      <c r="AI6718" s="84"/>
      <c r="AM6718" s="84"/>
    </row>
    <row r="6719" spans="35:39" x14ac:dyDescent="0.35">
      <c r="AI6719" s="84"/>
      <c r="AM6719" s="84"/>
    </row>
    <row r="6720" spans="35:39" x14ac:dyDescent="0.35">
      <c r="AI6720" s="84"/>
      <c r="AM6720" s="84"/>
    </row>
    <row r="6721" spans="35:39" x14ac:dyDescent="0.35">
      <c r="AI6721" s="84"/>
      <c r="AM6721" s="84"/>
    </row>
    <row r="6722" spans="35:39" x14ac:dyDescent="0.35">
      <c r="AI6722" s="84"/>
      <c r="AM6722" s="84"/>
    </row>
    <row r="6723" spans="35:39" x14ac:dyDescent="0.35">
      <c r="AI6723" s="84"/>
      <c r="AM6723" s="84"/>
    </row>
    <row r="6724" spans="35:39" x14ac:dyDescent="0.35">
      <c r="AI6724" s="84"/>
      <c r="AM6724" s="84"/>
    </row>
    <row r="6725" spans="35:39" x14ac:dyDescent="0.35">
      <c r="AI6725" s="84"/>
      <c r="AM6725" s="84"/>
    </row>
    <row r="6726" spans="35:39" x14ac:dyDescent="0.35">
      <c r="AI6726" s="84"/>
      <c r="AM6726" s="84"/>
    </row>
    <row r="6727" spans="35:39" x14ac:dyDescent="0.35">
      <c r="AI6727" s="84"/>
      <c r="AM6727" s="84"/>
    </row>
    <row r="6728" spans="35:39" x14ac:dyDescent="0.35">
      <c r="AI6728" s="84"/>
      <c r="AM6728" s="84"/>
    </row>
    <row r="6729" spans="35:39" x14ac:dyDescent="0.35">
      <c r="AI6729" s="84"/>
      <c r="AM6729" s="84"/>
    </row>
    <row r="6730" spans="35:39" x14ac:dyDescent="0.35">
      <c r="AI6730" s="84"/>
      <c r="AM6730" s="84"/>
    </row>
    <row r="6731" spans="35:39" x14ac:dyDescent="0.35">
      <c r="AI6731" s="84"/>
      <c r="AM6731" s="84"/>
    </row>
    <row r="6732" spans="35:39" x14ac:dyDescent="0.35">
      <c r="AI6732" s="84"/>
      <c r="AM6732" s="84"/>
    </row>
    <row r="6733" spans="35:39" x14ac:dyDescent="0.35">
      <c r="AI6733" s="84"/>
      <c r="AM6733" s="84"/>
    </row>
    <row r="6734" spans="35:39" x14ac:dyDescent="0.35">
      <c r="AI6734" s="84"/>
      <c r="AM6734" s="84"/>
    </row>
    <row r="6735" spans="35:39" x14ac:dyDescent="0.35">
      <c r="AI6735" s="84"/>
      <c r="AM6735" s="84"/>
    </row>
    <row r="6736" spans="35:39" x14ac:dyDescent="0.35">
      <c r="AI6736" s="84"/>
      <c r="AM6736" s="84"/>
    </row>
    <row r="6737" spans="35:39" x14ac:dyDescent="0.35">
      <c r="AI6737" s="84"/>
      <c r="AM6737" s="84"/>
    </row>
    <row r="6738" spans="35:39" x14ac:dyDescent="0.35">
      <c r="AI6738" s="84"/>
      <c r="AM6738" s="84"/>
    </row>
    <row r="6739" spans="35:39" x14ac:dyDescent="0.35">
      <c r="AI6739" s="84"/>
      <c r="AM6739" s="84"/>
    </row>
    <row r="6740" spans="35:39" x14ac:dyDescent="0.35">
      <c r="AI6740" s="84"/>
      <c r="AM6740" s="84"/>
    </row>
    <row r="6741" spans="35:39" x14ac:dyDescent="0.35">
      <c r="AI6741" s="84"/>
      <c r="AM6741" s="84"/>
    </row>
    <row r="6742" spans="35:39" x14ac:dyDescent="0.35">
      <c r="AI6742" s="84"/>
      <c r="AM6742" s="84"/>
    </row>
    <row r="6743" spans="35:39" x14ac:dyDescent="0.35">
      <c r="AI6743" s="84"/>
      <c r="AM6743" s="84"/>
    </row>
    <row r="6744" spans="35:39" x14ac:dyDescent="0.35">
      <c r="AI6744" s="84"/>
      <c r="AM6744" s="84"/>
    </row>
    <row r="6745" spans="35:39" x14ac:dyDescent="0.35">
      <c r="AI6745" s="84"/>
      <c r="AM6745" s="84"/>
    </row>
    <row r="6746" spans="35:39" x14ac:dyDescent="0.35">
      <c r="AI6746" s="84"/>
      <c r="AM6746" s="84"/>
    </row>
    <row r="6747" spans="35:39" x14ac:dyDescent="0.35">
      <c r="AI6747" s="84"/>
      <c r="AM6747" s="84"/>
    </row>
    <row r="6748" spans="35:39" x14ac:dyDescent="0.35">
      <c r="AI6748" s="84"/>
      <c r="AM6748" s="84"/>
    </row>
    <row r="6749" spans="35:39" x14ac:dyDescent="0.35">
      <c r="AI6749" s="84"/>
      <c r="AM6749" s="84"/>
    </row>
    <row r="6750" spans="35:39" x14ac:dyDescent="0.35">
      <c r="AI6750" s="84"/>
      <c r="AM6750" s="84"/>
    </row>
    <row r="6751" spans="35:39" x14ac:dyDescent="0.35">
      <c r="AI6751" s="84"/>
      <c r="AM6751" s="84"/>
    </row>
    <row r="6752" spans="35:39" x14ac:dyDescent="0.35">
      <c r="AI6752" s="84"/>
      <c r="AM6752" s="84"/>
    </row>
    <row r="6753" spans="35:39" x14ac:dyDescent="0.35">
      <c r="AI6753" s="84"/>
      <c r="AM6753" s="84"/>
    </row>
    <row r="6754" spans="35:39" x14ac:dyDescent="0.35">
      <c r="AI6754" s="84"/>
      <c r="AM6754" s="84"/>
    </row>
    <row r="6755" spans="35:39" x14ac:dyDescent="0.35">
      <c r="AI6755" s="84"/>
      <c r="AM6755" s="84"/>
    </row>
    <row r="6756" spans="35:39" x14ac:dyDescent="0.35">
      <c r="AI6756" s="84"/>
      <c r="AM6756" s="84"/>
    </row>
    <row r="6757" spans="35:39" x14ac:dyDescent="0.35">
      <c r="AI6757" s="84"/>
      <c r="AM6757" s="84"/>
    </row>
    <row r="6758" spans="35:39" x14ac:dyDescent="0.35">
      <c r="AI6758" s="84"/>
      <c r="AM6758" s="84"/>
    </row>
    <row r="6759" spans="35:39" x14ac:dyDescent="0.35">
      <c r="AI6759" s="84"/>
      <c r="AM6759" s="84"/>
    </row>
    <row r="6760" spans="35:39" x14ac:dyDescent="0.35">
      <c r="AI6760" s="84"/>
      <c r="AM6760" s="84"/>
    </row>
    <row r="6761" spans="35:39" x14ac:dyDescent="0.35">
      <c r="AI6761" s="84"/>
      <c r="AM6761" s="84"/>
    </row>
    <row r="6762" spans="35:39" x14ac:dyDescent="0.35">
      <c r="AI6762" s="84"/>
      <c r="AM6762" s="84"/>
    </row>
    <row r="6763" spans="35:39" x14ac:dyDescent="0.35">
      <c r="AI6763" s="84"/>
      <c r="AM6763" s="84"/>
    </row>
    <row r="6764" spans="35:39" x14ac:dyDescent="0.35">
      <c r="AI6764" s="84"/>
      <c r="AM6764" s="84"/>
    </row>
    <row r="6765" spans="35:39" x14ac:dyDescent="0.35">
      <c r="AI6765" s="84"/>
      <c r="AM6765" s="84"/>
    </row>
    <row r="6766" spans="35:39" x14ac:dyDescent="0.35">
      <c r="AI6766" s="84"/>
      <c r="AM6766" s="84"/>
    </row>
    <row r="6767" spans="35:39" x14ac:dyDescent="0.35">
      <c r="AI6767" s="84"/>
      <c r="AM6767" s="84"/>
    </row>
    <row r="6768" spans="35:39" x14ac:dyDescent="0.35">
      <c r="AI6768" s="84"/>
      <c r="AM6768" s="84"/>
    </row>
    <row r="6769" spans="35:39" x14ac:dyDescent="0.35">
      <c r="AI6769" s="84"/>
      <c r="AM6769" s="84"/>
    </row>
    <row r="6770" spans="35:39" x14ac:dyDescent="0.35">
      <c r="AI6770" s="84"/>
      <c r="AM6770" s="84"/>
    </row>
    <row r="6771" spans="35:39" x14ac:dyDescent="0.35">
      <c r="AI6771" s="84"/>
      <c r="AM6771" s="84"/>
    </row>
    <row r="6772" spans="35:39" x14ac:dyDescent="0.35">
      <c r="AI6772" s="84"/>
      <c r="AM6772" s="84"/>
    </row>
    <row r="6773" spans="35:39" x14ac:dyDescent="0.35">
      <c r="AI6773" s="84"/>
      <c r="AM6773" s="84"/>
    </row>
    <row r="6774" spans="35:39" x14ac:dyDescent="0.35">
      <c r="AI6774" s="84"/>
      <c r="AM6774" s="84"/>
    </row>
    <row r="6775" spans="35:39" x14ac:dyDescent="0.35">
      <c r="AI6775" s="84"/>
      <c r="AM6775" s="84"/>
    </row>
    <row r="6776" spans="35:39" x14ac:dyDescent="0.35">
      <c r="AI6776" s="84"/>
      <c r="AM6776" s="84"/>
    </row>
    <row r="6777" spans="35:39" x14ac:dyDescent="0.35">
      <c r="AI6777" s="84"/>
      <c r="AM6777" s="84"/>
    </row>
    <row r="6778" spans="35:39" x14ac:dyDescent="0.35">
      <c r="AI6778" s="84"/>
      <c r="AM6778" s="84"/>
    </row>
    <row r="6779" spans="35:39" x14ac:dyDescent="0.35">
      <c r="AI6779" s="84"/>
      <c r="AM6779" s="84"/>
    </row>
    <row r="6780" spans="35:39" x14ac:dyDescent="0.35">
      <c r="AI6780" s="84"/>
      <c r="AM6780" s="84"/>
    </row>
    <row r="6781" spans="35:39" x14ac:dyDescent="0.35">
      <c r="AI6781" s="84"/>
      <c r="AM6781" s="84"/>
    </row>
    <row r="6782" spans="35:39" x14ac:dyDescent="0.35">
      <c r="AI6782" s="84"/>
      <c r="AM6782" s="84"/>
    </row>
    <row r="6783" spans="35:39" x14ac:dyDescent="0.35">
      <c r="AI6783" s="84"/>
      <c r="AM6783" s="84"/>
    </row>
    <row r="6784" spans="35:39" x14ac:dyDescent="0.35">
      <c r="AI6784" s="84"/>
      <c r="AM6784" s="84"/>
    </row>
    <row r="6785" spans="35:39" x14ac:dyDescent="0.35">
      <c r="AI6785" s="84"/>
      <c r="AM6785" s="84"/>
    </row>
    <row r="6786" spans="35:39" x14ac:dyDescent="0.35">
      <c r="AI6786" s="84"/>
      <c r="AM6786" s="84"/>
    </row>
    <row r="6787" spans="35:39" x14ac:dyDescent="0.35">
      <c r="AI6787" s="84"/>
      <c r="AM6787" s="84"/>
    </row>
    <row r="6788" spans="35:39" x14ac:dyDescent="0.35">
      <c r="AI6788" s="84"/>
      <c r="AM6788" s="84"/>
    </row>
    <row r="6789" spans="35:39" x14ac:dyDescent="0.35">
      <c r="AI6789" s="84"/>
      <c r="AM6789" s="84"/>
    </row>
    <row r="6790" spans="35:39" x14ac:dyDescent="0.35">
      <c r="AI6790" s="84"/>
      <c r="AM6790" s="84"/>
    </row>
    <row r="6791" spans="35:39" x14ac:dyDescent="0.35">
      <c r="AI6791" s="84"/>
      <c r="AM6791" s="84"/>
    </row>
    <row r="6792" spans="35:39" x14ac:dyDescent="0.35">
      <c r="AI6792" s="84"/>
      <c r="AM6792" s="84"/>
    </row>
    <row r="6793" spans="35:39" x14ac:dyDescent="0.35">
      <c r="AI6793" s="84"/>
      <c r="AM6793" s="84"/>
    </row>
    <row r="6794" spans="35:39" x14ac:dyDescent="0.35">
      <c r="AI6794" s="84"/>
      <c r="AM6794" s="84"/>
    </row>
    <row r="6795" spans="35:39" x14ac:dyDescent="0.35">
      <c r="AI6795" s="84"/>
      <c r="AM6795" s="84"/>
    </row>
    <row r="6796" spans="35:39" x14ac:dyDescent="0.35">
      <c r="AI6796" s="84"/>
      <c r="AM6796" s="84"/>
    </row>
    <row r="6797" spans="35:39" x14ac:dyDescent="0.35">
      <c r="AI6797" s="84"/>
      <c r="AM6797" s="84"/>
    </row>
    <row r="6798" spans="35:39" x14ac:dyDescent="0.35">
      <c r="AI6798" s="84"/>
      <c r="AM6798" s="84"/>
    </row>
    <row r="6799" spans="35:39" x14ac:dyDescent="0.35">
      <c r="AI6799" s="84"/>
      <c r="AM6799" s="84"/>
    </row>
    <row r="6800" spans="35:39" x14ac:dyDescent="0.35">
      <c r="AI6800" s="84"/>
      <c r="AM6800" s="84"/>
    </row>
    <row r="6801" spans="35:39" x14ac:dyDescent="0.35">
      <c r="AI6801" s="84"/>
      <c r="AM6801" s="84"/>
    </row>
    <row r="6802" spans="35:39" x14ac:dyDescent="0.35">
      <c r="AI6802" s="84"/>
      <c r="AM6802" s="84"/>
    </row>
    <row r="6803" spans="35:39" x14ac:dyDescent="0.35">
      <c r="AI6803" s="84"/>
      <c r="AM6803" s="84"/>
    </row>
    <row r="6804" spans="35:39" x14ac:dyDescent="0.35">
      <c r="AI6804" s="84"/>
      <c r="AM6804" s="84"/>
    </row>
    <row r="6805" spans="35:39" x14ac:dyDescent="0.35">
      <c r="AI6805" s="84"/>
      <c r="AM6805" s="84"/>
    </row>
    <row r="6806" spans="35:39" x14ac:dyDescent="0.35">
      <c r="AI6806" s="84"/>
      <c r="AM6806" s="84"/>
    </row>
    <row r="6807" spans="35:39" x14ac:dyDescent="0.35">
      <c r="AI6807" s="84"/>
      <c r="AM6807" s="84"/>
    </row>
    <row r="6808" spans="35:39" x14ac:dyDescent="0.35">
      <c r="AI6808" s="84"/>
      <c r="AM6808" s="84"/>
    </row>
    <row r="6809" spans="35:39" x14ac:dyDescent="0.35">
      <c r="AI6809" s="84"/>
      <c r="AM6809" s="84"/>
    </row>
    <row r="6810" spans="35:39" x14ac:dyDescent="0.35">
      <c r="AI6810" s="84"/>
      <c r="AM6810" s="84"/>
    </row>
    <row r="6811" spans="35:39" x14ac:dyDescent="0.35">
      <c r="AI6811" s="84"/>
      <c r="AM6811" s="84"/>
    </row>
    <row r="6812" spans="35:39" x14ac:dyDescent="0.35">
      <c r="AI6812" s="84"/>
      <c r="AM6812" s="84"/>
    </row>
    <row r="6813" spans="35:39" x14ac:dyDescent="0.35">
      <c r="AI6813" s="84"/>
      <c r="AM6813" s="84"/>
    </row>
    <row r="6814" spans="35:39" x14ac:dyDescent="0.35">
      <c r="AI6814" s="84"/>
      <c r="AM6814" s="84"/>
    </row>
    <row r="6815" spans="35:39" x14ac:dyDescent="0.35">
      <c r="AI6815" s="84"/>
      <c r="AM6815" s="84"/>
    </row>
    <row r="6816" spans="35:39" x14ac:dyDescent="0.35">
      <c r="AI6816" s="84"/>
      <c r="AM6816" s="84"/>
    </row>
    <row r="6817" spans="35:39" x14ac:dyDescent="0.35">
      <c r="AI6817" s="84"/>
      <c r="AM6817" s="84"/>
    </row>
    <row r="6818" spans="35:39" x14ac:dyDescent="0.35">
      <c r="AI6818" s="84"/>
      <c r="AM6818" s="84"/>
    </row>
    <row r="6819" spans="35:39" x14ac:dyDescent="0.35">
      <c r="AI6819" s="84"/>
      <c r="AM6819" s="84"/>
    </row>
    <row r="6820" spans="35:39" x14ac:dyDescent="0.35">
      <c r="AI6820" s="84"/>
      <c r="AM6820" s="84"/>
    </row>
    <row r="6821" spans="35:39" x14ac:dyDescent="0.35">
      <c r="AI6821" s="84"/>
      <c r="AM6821" s="84"/>
    </row>
    <row r="6822" spans="35:39" x14ac:dyDescent="0.35">
      <c r="AI6822" s="84"/>
      <c r="AM6822" s="84"/>
    </row>
    <row r="6823" spans="35:39" x14ac:dyDescent="0.35">
      <c r="AI6823" s="84"/>
      <c r="AM6823" s="84"/>
    </row>
    <row r="6824" spans="35:39" x14ac:dyDescent="0.35">
      <c r="AI6824" s="84"/>
      <c r="AM6824" s="84"/>
    </row>
    <row r="6825" spans="35:39" x14ac:dyDescent="0.35">
      <c r="AI6825" s="84"/>
      <c r="AM6825" s="84"/>
    </row>
    <row r="6826" spans="35:39" x14ac:dyDescent="0.35">
      <c r="AI6826" s="84"/>
      <c r="AM6826" s="84"/>
    </row>
    <row r="6827" spans="35:39" x14ac:dyDescent="0.35">
      <c r="AI6827" s="84"/>
      <c r="AM6827" s="84"/>
    </row>
    <row r="6828" spans="35:39" x14ac:dyDescent="0.35">
      <c r="AI6828" s="84"/>
      <c r="AM6828" s="84"/>
    </row>
    <row r="6829" spans="35:39" x14ac:dyDescent="0.35">
      <c r="AI6829" s="84"/>
      <c r="AM6829" s="84"/>
    </row>
    <row r="6830" spans="35:39" x14ac:dyDescent="0.35">
      <c r="AI6830" s="84"/>
      <c r="AM6830" s="84"/>
    </row>
    <row r="6831" spans="35:39" x14ac:dyDescent="0.35">
      <c r="AI6831" s="84"/>
      <c r="AM6831" s="84"/>
    </row>
    <row r="6832" spans="35:39" x14ac:dyDescent="0.35">
      <c r="AI6832" s="84"/>
      <c r="AM6832" s="84"/>
    </row>
    <row r="6833" spans="35:39" x14ac:dyDescent="0.35">
      <c r="AI6833" s="84"/>
      <c r="AM6833" s="84"/>
    </row>
    <row r="6834" spans="35:39" x14ac:dyDescent="0.35">
      <c r="AI6834" s="84"/>
      <c r="AM6834" s="84"/>
    </row>
    <row r="6835" spans="35:39" x14ac:dyDescent="0.35">
      <c r="AI6835" s="84"/>
      <c r="AM6835" s="84"/>
    </row>
    <row r="6836" spans="35:39" x14ac:dyDescent="0.35">
      <c r="AI6836" s="84"/>
      <c r="AM6836" s="84"/>
    </row>
    <row r="6837" spans="35:39" x14ac:dyDescent="0.35">
      <c r="AI6837" s="84"/>
      <c r="AM6837" s="84"/>
    </row>
    <row r="6838" spans="35:39" x14ac:dyDescent="0.35">
      <c r="AI6838" s="84"/>
      <c r="AM6838" s="84"/>
    </row>
    <row r="6839" spans="35:39" x14ac:dyDescent="0.35">
      <c r="AI6839" s="84"/>
      <c r="AM6839" s="84"/>
    </row>
    <row r="6840" spans="35:39" x14ac:dyDescent="0.35">
      <c r="AI6840" s="84"/>
      <c r="AM6840" s="84"/>
    </row>
    <row r="6841" spans="35:39" x14ac:dyDescent="0.35">
      <c r="AI6841" s="84"/>
      <c r="AM6841" s="84"/>
    </row>
    <row r="6842" spans="35:39" x14ac:dyDescent="0.35">
      <c r="AI6842" s="84"/>
      <c r="AM6842" s="84"/>
    </row>
    <row r="6843" spans="35:39" x14ac:dyDescent="0.35">
      <c r="AI6843" s="84"/>
      <c r="AM6843" s="84"/>
    </row>
    <row r="6844" spans="35:39" x14ac:dyDescent="0.35">
      <c r="AI6844" s="84"/>
      <c r="AM6844" s="84"/>
    </row>
    <row r="6845" spans="35:39" x14ac:dyDescent="0.35">
      <c r="AI6845" s="84"/>
      <c r="AM6845" s="84"/>
    </row>
    <row r="6846" spans="35:39" x14ac:dyDescent="0.35">
      <c r="AI6846" s="84"/>
      <c r="AM6846" s="84"/>
    </row>
    <row r="6847" spans="35:39" x14ac:dyDescent="0.35">
      <c r="AI6847" s="84"/>
      <c r="AM6847" s="84"/>
    </row>
    <row r="6848" spans="35:39" x14ac:dyDescent="0.35">
      <c r="AI6848" s="84"/>
      <c r="AM6848" s="84"/>
    </row>
    <row r="6849" spans="35:39" x14ac:dyDescent="0.35">
      <c r="AI6849" s="84"/>
      <c r="AM6849" s="84"/>
    </row>
    <row r="6850" spans="35:39" x14ac:dyDescent="0.35">
      <c r="AI6850" s="84"/>
      <c r="AM6850" s="84"/>
    </row>
    <row r="6851" spans="35:39" x14ac:dyDescent="0.35">
      <c r="AI6851" s="84"/>
      <c r="AM6851" s="84"/>
    </row>
    <row r="6852" spans="35:39" x14ac:dyDescent="0.35">
      <c r="AI6852" s="84"/>
      <c r="AM6852" s="84"/>
    </row>
    <row r="6853" spans="35:39" x14ac:dyDescent="0.35">
      <c r="AI6853" s="84"/>
      <c r="AM6853" s="84"/>
    </row>
    <row r="6854" spans="35:39" x14ac:dyDescent="0.35">
      <c r="AI6854" s="84"/>
      <c r="AM6854" s="84"/>
    </row>
    <row r="6855" spans="35:39" x14ac:dyDescent="0.35">
      <c r="AI6855" s="84"/>
      <c r="AM6855" s="84"/>
    </row>
    <row r="6856" spans="35:39" x14ac:dyDescent="0.35">
      <c r="AI6856" s="84"/>
      <c r="AM6856" s="84"/>
    </row>
    <row r="6857" spans="35:39" x14ac:dyDescent="0.35">
      <c r="AI6857" s="84"/>
      <c r="AM6857" s="84"/>
    </row>
    <row r="6858" spans="35:39" x14ac:dyDescent="0.35">
      <c r="AI6858" s="84"/>
      <c r="AM6858" s="84"/>
    </row>
    <row r="6859" spans="35:39" x14ac:dyDescent="0.35">
      <c r="AI6859" s="84"/>
      <c r="AM6859" s="84"/>
    </row>
    <row r="6860" spans="35:39" x14ac:dyDescent="0.35">
      <c r="AI6860" s="84"/>
      <c r="AM6860" s="84"/>
    </row>
    <row r="6861" spans="35:39" x14ac:dyDescent="0.35">
      <c r="AI6861" s="84"/>
      <c r="AM6861" s="84"/>
    </row>
    <row r="6862" spans="35:39" x14ac:dyDescent="0.35">
      <c r="AI6862" s="84"/>
      <c r="AM6862" s="84"/>
    </row>
    <row r="6863" spans="35:39" x14ac:dyDescent="0.35">
      <c r="AI6863" s="84"/>
      <c r="AM6863" s="84"/>
    </row>
    <row r="6864" spans="35:39" x14ac:dyDescent="0.35">
      <c r="AI6864" s="84"/>
      <c r="AM6864" s="84"/>
    </row>
    <row r="6865" spans="35:39" x14ac:dyDescent="0.35">
      <c r="AI6865" s="84"/>
      <c r="AM6865" s="84"/>
    </row>
    <row r="6866" spans="35:39" x14ac:dyDescent="0.35">
      <c r="AI6866" s="84"/>
      <c r="AM6866" s="84"/>
    </row>
    <row r="6867" spans="35:39" x14ac:dyDescent="0.35">
      <c r="AI6867" s="84"/>
      <c r="AM6867" s="84"/>
    </row>
    <row r="6868" spans="35:39" x14ac:dyDescent="0.35">
      <c r="AI6868" s="84"/>
      <c r="AM6868" s="84"/>
    </row>
    <row r="6869" spans="35:39" x14ac:dyDescent="0.35">
      <c r="AI6869" s="84"/>
      <c r="AM6869" s="84"/>
    </row>
    <row r="6870" spans="35:39" x14ac:dyDescent="0.35">
      <c r="AI6870" s="84"/>
      <c r="AM6870" s="84"/>
    </row>
    <row r="6871" spans="35:39" x14ac:dyDescent="0.35">
      <c r="AI6871" s="84"/>
      <c r="AM6871" s="84"/>
    </row>
    <row r="6872" spans="35:39" x14ac:dyDescent="0.35">
      <c r="AI6872" s="84"/>
      <c r="AM6872" s="84"/>
    </row>
    <row r="6873" spans="35:39" x14ac:dyDescent="0.35">
      <c r="AI6873" s="84"/>
      <c r="AM6873" s="84"/>
    </row>
    <row r="6874" spans="35:39" x14ac:dyDescent="0.35">
      <c r="AI6874" s="84"/>
      <c r="AM6874" s="84"/>
    </row>
    <row r="6875" spans="35:39" x14ac:dyDescent="0.35">
      <c r="AI6875" s="84"/>
      <c r="AM6875" s="84"/>
    </row>
    <row r="6876" spans="35:39" x14ac:dyDescent="0.35">
      <c r="AI6876" s="84"/>
      <c r="AM6876" s="84"/>
    </row>
    <row r="6877" spans="35:39" x14ac:dyDescent="0.35">
      <c r="AI6877" s="84"/>
      <c r="AM6877" s="84"/>
    </row>
    <row r="6878" spans="35:39" x14ac:dyDescent="0.35">
      <c r="AI6878" s="84"/>
      <c r="AM6878" s="84"/>
    </row>
    <row r="6879" spans="35:39" x14ac:dyDescent="0.35">
      <c r="AI6879" s="84"/>
      <c r="AM6879" s="84"/>
    </row>
    <row r="6880" spans="35:39" x14ac:dyDescent="0.35">
      <c r="AI6880" s="84"/>
      <c r="AM6880" s="84"/>
    </row>
    <row r="6881" spans="35:39" x14ac:dyDescent="0.35">
      <c r="AI6881" s="84"/>
      <c r="AM6881" s="84"/>
    </row>
    <row r="6882" spans="35:39" x14ac:dyDescent="0.35">
      <c r="AI6882" s="84"/>
      <c r="AM6882" s="84"/>
    </row>
    <row r="6883" spans="35:39" x14ac:dyDescent="0.35">
      <c r="AI6883" s="84"/>
      <c r="AM6883" s="84"/>
    </row>
    <row r="6884" spans="35:39" x14ac:dyDescent="0.35">
      <c r="AI6884" s="84"/>
      <c r="AM6884" s="84"/>
    </row>
    <row r="6885" spans="35:39" x14ac:dyDescent="0.35">
      <c r="AI6885" s="84"/>
      <c r="AM6885" s="84"/>
    </row>
    <row r="6886" spans="35:39" x14ac:dyDescent="0.35">
      <c r="AI6886" s="84"/>
      <c r="AM6886" s="84"/>
    </row>
    <row r="6887" spans="35:39" x14ac:dyDescent="0.35">
      <c r="AI6887" s="84"/>
      <c r="AM6887" s="84"/>
    </row>
    <row r="6888" spans="35:39" x14ac:dyDescent="0.35">
      <c r="AI6888" s="84"/>
      <c r="AM6888" s="84"/>
    </row>
    <row r="6889" spans="35:39" x14ac:dyDescent="0.35">
      <c r="AI6889" s="84"/>
      <c r="AM6889" s="84"/>
    </row>
    <row r="6890" spans="35:39" x14ac:dyDescent="0.35">
      <c r="AI6890" s="84"/>
      <c r="AM6890" s="84"/>
    </row>
    <row r="6891" spans="35:39" x14ac:dyDescent="0.35">
      <c r="AI6891" s="84"/>
      <c r="AM6891" s="84"/>
    </row>
    <row r="6892" spans="35:39" x14ac:dyDescent="0.35">
      <c r="AI6892" s="84"/>
      <c r="AM6892" s="84"/>
    </row>
    <row r="6893" spans="35:39" x14ac:dyDescent="0.35">
      <c r="AI6893" s="84"/>
      <c r="AM6893" s="84"/>
    </row>
    <row r="6894" spans="35:39" x14ac:dyDescent="0.35">
      <c r="AI6894" s="84"/>
      <c r="AM6894" s="84"/>
    </row>
    <row r="6895" spans="35:39" x14ac:dyDescent="0.35">
      <c r="AI6895" s="84"/>
      <c r="AM6895" s="84"/>
    </row>
    <row r="6896" spans="35:39" x14ac:dyDescent="0.35">
      <c r="AI6896" s="84"/>
      <c r="AM6896" s="84"/>
    </row>
    <row r="6897" spans="35:39" x14ac:dyDescent="0.35">
      <c r="AI6897" s="84"/>
      <c r="AM6897" s="84"/>
    </row>
    <row r="6898" spans="35:39" x14ac:dyDescent="0.35">
      <c r="AI6898" s="84"/>
      <c r="AM6898" s="84"/>
    </row>
    <row r="6899" spans="35:39" x14ac:dyDescent="0.35">
      <c r="AI6899" s="84"/>
      <c r="AM6899" s="84"/>
    </row>
    <row r="6900" spans="35:39" x14ac:dyDescent="0.35">
      <c r="AI6900" s="84"/>
      <c r="AM6900" s="84"/>
    </row>
    <row r="6901" spans="35:39" x14ac:dyDescent="0.35">
      <c r="AI6901" s="84"/>
      <c r="AM6901" s="84"/>
    </row>
    <row r="6902" spans="35:39" x14ac:dyDescent="0.35">
      <c r="AI6902" s="84"/>
      <c r="AM6902" s="84"/>
    </row>
    <row r="6903" spans="35:39" x14ac:dyDescent="0.35">
      <c r="AI6903" s="84"/>
      <c r="AM6903" s="84"/>
    </row>
    <row r="6904" spans="35:39" x14ac:dyDescent="0.35">
      <c r="AI6904" s="84"/>
      <c r="AM6904" s="84"/>
    </row>
    <row r="6905" spans="35:39" x14ac:dyDescent="0.35">
      <c r="AI6905" s="84"/>
      <c r="AM6905" s="84"/>
    </row>
    <row r="6906" spans="35:39" x14ac:dyDescent="0.35">
      <c r="AI6906" s="84"/>
      <c r="AM6906" s="84"/>
    </row>
    <row r="6907" spans="35:39" x14ac:dyDescent="0.35">
      <c r="AI6907" s="84"/>
      <c r="AM6907" s="84"/>
    </row>
    <row r="6908" spans="35:39" x14ac:dyDescent="0.35">
      <c r="AI6908" s="84"/>
      <c r="AM6908" s="84"/>
    </row>
    <row r="6909" spans="35:39" x14ac:dyDescent="0.35">
      <c r="AI6909" s="84"/>
      <c r="AM6909" s="84"/>
    </row>
    <row r="6910" spans="35:39" x14ac:dyDescent="0.35">
      <c r="AI6910" s="84"/>
      <c r="AM6910" s="84"/>
    </row>
    <row r="6911" spans="35:39" x14ac:dyDescent="0.35">
      <c r="AI6911" s="84"/>
      <c r="AM6911" s="84"/>
    </row>
    <row r="6912" spans="35:39" x14ac:dyDescent="0.35">
      <c r="AI6912" s="84"/>
      <c r="AM6912" s="84"/>
    </row>
    <row r="6913" spans="35:39" x14ac:dyDescent="0.35">
      <c r="AI6913" s="84"/>
      <c r="AM6913" s="84"/>
    </row>
    <row r="6914" spans="35:39" x14ac:dyDescent="0.35">
      <c r="AI6914" s="84"/>
      <c r="AM6914" s="84"/>
    </row>
    <row r="6915" spans="35:39" x14ac:dyDescent="0.35">
      <c r="AI6915" s="84"/>
      <c r="AM6915" s="84"/>
    </row>
    <row r="6916" spans="35:39" x14ac:dyDescent="0.35">
      <c r="AI6916" s="84"/>
      <c r="AM6916" s="84"/>
    </row>
    <row r="6917" spans="35:39" x14ac:dyDescent="0.35">
      <c r="AI6917" s="84"/>
      <c r="AM6917" s="84"/>
    </row>
    <row r="6918" spans="35:39" x14ac:dyDescent="0.35">
      <c r="AI6918" s="84"/>
      <c r="AM6918" s="84"/>
    </row>
    <row r="6919" spans="35:39" x14ac:dyDescent="0.35">
      <c r="AI6919" s="84"/>
      <c r="AM6919" s="84"/>
    </row>
    <row r="6920" spans="35:39" x14ac:dyDescent="0.35">
      <c r="AI6920" s="84"/>
      <c r="AM6920" s="84"/>
    </row>
    <row r="6921" spans="35:39" x14ac:dyDescent="0.35">
      <c r="AI6921" s="84"/>
      <c r="AM6921" s="84"/>
    </row>
    <row r="6922" spans="35:39" x14ac:dyDescent="0.35">
      <c r="AI6922" s="84"/>
      <c r="AM6922" s="84"/>
    </row>
    <row r="6923" spans="35:39" x14ac:dyDescent="0.35">
      <c r="AI6923" s="84"/>
      <c r="AM6923" s="84"/>
    </row>
    <row r="6924" spans="35:39" x14ac:dyDescent="0.35">
      <c r="AI6924" s="84"/>
      <c r="AM6924" s="84"/>
    </row>
    <row r="6925" spans="35:39" x14ac:dyDescent="0.35">
      <c r="AI6925" s="84"/>
      <c r="AM6925" s="84"/>
    </row>
    <row r="6926" spans="35:39" x14ac:dyDescent="0.35">
      <c r="AI6926" s="84"/>
      <c r="AM6926" s="84"/>
    </row>
    <row r="6927" spans="35:39" x14ac:dyDescent="0.35">
      <c r="AI6927" s="84"/>
      <c r="AM6927" s="84"/>
    </row>
    <row r="6928" spans="35:39" x14ac:dyDescent="0.35">
      <c r="AI6928" s="84"/>
      <c r="AM6928" s="84"/>
    </row>
    <row r="6929" spans="35:39" x14ac:dyDescent="0.35">
      <c r="AI6929" s="84"/>
      <c r="AM6929" s="84"/>
    </row>
    <row r="6930" spans="35:39" x14ac:dyDescent="0.35">
      <c r="AI6930" s="84"/>
      <c r="AM6930" s="84"/>
    </row>
    <row r="6931" spans="35:39" x14ac:dyDescent="0.35">
      <c r="AI6931" s="84"/>
      <c r="AM6931" s="84"/>
    </row>
    <row r="6932" spans="35:39" x14ac:dyDescent="0.35">
      <c r="AI6932" s="84"/>
      <c r="AM6932" s="84"/>
    </row>
    <row r="6933" spans="35:39" x14ac:dyDescent="0.35">
      <c r="AI6933" s="84"/>
      <c r="AM6933" s="84"/>
    </row>
    <row r="6934" spans="35:39" x14ac:dyDescent="0.35">
      <c r="AI6934" s="84"/>
      <c r="AM6934" s="84"/>
    </row>
    <row r="6935" spans="35:39" x14ac:dyDescent="0.35">
      <c r="AI6935" s="84"/>
      <c r="AM6935" s="84"/>
    </row>
    <row r="6936" spans="35:39" x14ac:dyDescent="0.35">
      <c r="AI6936" s="84"/>
      <c r="AM6936" s="84"/>
    </row>
    <row r="6937" spans="35:39" x14ac:dyDescent="0.35">
      <c r="AI6937" s="84"/>
      <c r="AM6937" s="84"/>
    </row>
    <row r="6938" spans="35:39" x14ac:dyDescent="0.35">
      <c r="AI6938" s="84"/>
      <c r="AM6938" s="84"/>
    </row>
    <row r="6939" spans="35:39" x14ac:dyDescent="0.35">
      <c r="AI6939" s="84"/>
      <c r="AM6939" s="84"/>
    </row>
    <row r="6940" spans="35:39" x14ac:dyDescent="0.35">
      <c r="AI6940" s="84"/>
      <c r="AM6940" s="84"/>
    </row>
    <row r="6941" spans="35:39" x14ac:dyDescent="0.35">
      <c r="AI6941" s="84"/>
      <c r="AM6941" s="84"/>
    </row>
    <row r="6942" spans="35:39" x14ac:dyDescent="0.35">
      <c r="AI6942" s="84"/>
      <c r="AM6942" s="84"/>
    </row>
    <row r="6943" spans="35:39" x14ac:dyDescent="0.35">
      <c r="AI6943" s="84"/>
      <c r="AM6943" s="84"/>
    </row>
    <row r="6944" spans="35:39" x14ac:dyDescent="0.35">
      <c r="AI6944" s="84"/>
      <c r="AM6944" s="84"/>
    </row>
    <row r="6945" spans="35:39" x14ac:dyDescent="0.35">
      <c r="AI6945" s="84"/>
      <c r="AM6945" s="84"/>
    </row>
    <row r="6946" spans="35:39" x14ac:dyDescent="0.35">
      <c r="AI6946" s="84"/>
      <c r="AM6946" s="84"/>
    </row>
    <row r="6947" spans="35:39" x14ac:dyDescent="0.35">
      <c r="AI6947" s="84"/>
      <c r="AM6947" s="84"/>
    </row>
    <row r="6948" spans="35:39" x14ac:dyDescent="0.35">
      <c r="AI6948" s="84"/>
      <c r="AM6948" s="84"/>
    </row>
    <row r="6949" spans="35:39" x14ac:dyDescent="0.35">
      <c r="AI6949" s="84"/>
      <c r="AM6949" s="84"/>
    </row>
    <row r="6950" spans="35:39" x14ac:dyDescent="0.35">
      <c r="AI6950" s="84"/>
      <c r="AM6950" s="84"/>
    </row>
    <row r="6951" spans="35:39" x14ac:dyDescent="0.35">
      <c r="AI6951" s="84"/>
      <c r="AM6951" s="84"/>
    </row>
    <row r="6952" spans="35:39" x14ac:dyDescent="0.35">
      <c r="AI6952" s="84"/>
      <c r="AM6952" s="84"/>
    </row>
    <row r="6953" spans="35:39" x14ac:dyDescent="0.35">
      <c r="AI6953" s="84"/>
      <c r="AM6953" s="84"/>
    </row>
    <row r="6954" spans="35:39" x14ac:dyDescent="0.35">
      <c r="AI6954" s="84"/>
      <c r="AM6954" s="84"/>
    </row>
    <row r="6955" spans="35:39" x14ac:dyDescent="0.35">
      <c r="AI6955" s="84"/>
      <c r="AM6955" s="84"/>
    </row>
    <row r="6956" spans="35:39" x14ac:dyDescent="0.35">
      <c r="AI6956" s="84"/>
      <c r="AM6956" s="84"/>
    </row>
    <row r="6957" spans="35:39" x14ac:dyDescent="0.35">
      <c r="AI6957" s="84"/>
      <c r="AM6957" s="84"/>
    </row>
    <row r="6958" spans="35:39" x14ac:dyDescent="0.35">
      <c r="AI6958" s="84"/>
      <c r="AM6958" s="84"/>
    </row>
    <row r="6959" spans="35:39" x14ac:dyDescent="0.35">
      <c r="AI6959" s="84"/>
      <c r="AM6959" s="84"/>
    </row>
    <row r="6960" spans="35:39" x14ac:dyDescent="0.35">
      <c r="AI6960" s="84"/>
      <c r="AM6960" s="84"/>
    </row>
    <row r="6961" spans="35:39" x14ac:dyDescent="0.35">
      <c r="AI6961" s="84"/>
      <c r="AM6961" s="84"/>
    </row>
    <row r="6962" spans="35:39" x14ac:dyDescent="0.35">
      <c r="AI6962" s="84"/>
      <c r="AM6962" s="84"/>
    </row>
    <row r="6963" spans="35:39" x14ac:dyDescent="0.35">
      <c r="AI6963" s="84"/>
      <c r="AM6963" s="84"/>
    </row>
    <row r="6964" spans="35:39" x14ac:dyDescent="0.35">
      <c r="AI6964" s="84"/>
      <c r="AM6964" s="84"/>
    </row>
    <row r="6965" spans="35:39" x14ac:dyDescent="0.35">
      <c r="AI6965" s="84"/>
      <c r="AM6965" s="84"/>
    </row>
    <row r="6966" spans="35:39" x14ac:dyDescent="0.35">
      <c r="AI6966" s="84"/>
      <c r="AM6966" s="84"/>
    </row>
    <row r="6967" spans="35:39" x14ac:dyDescent="0.35">
      <c r="AI6967" s="84"/>
      <c r="AM6967" s="84"/>
    </row>
    <row r="6968" spans="35:39" x14ac:dyDescent="0.35">
      <c r="AI6968" s="84"/>
      <c r="AM6968" s="84"/>
    </row>
    <row r="6969" spans="35:39" x14ac:dyDescent="0.35">
      <c r="AI6969" s="84"/>
      <c r="AM6969" s="84"/>
    </row>
    <row r="6970" spans="35:39" x14ac:dyDescent="0.35">
      <c r="AI6970" s="84"/>
      <c r="AM6970" s="84"/>
    </row>
    <row r="6971" spans="35:39" x14ac:dyDescent="0.35">
      <c r="AI6971" s="84"/>
      <c r="AM6971" s="84"/>
    </row>
    <row r="6972" spans="35:39" x14ac:dyDescent="0.35">
      <c r="AI6972" s="84"/>
      <c r="AM6972" s="84"/>
    </row>
    <row r="6973" spans="35:39" x14ac:dyDescent="0.35">
      <c r="AI6973" s="84"/>
      <c r="AM6973" s="84"/>
    </row>
    <row r="6974" spans="35:39" x14ac:dyDescent="0.35">
      <c r="AI6974" s="84"/>
      <c r="AM6974" s="84"/>
    </row>
    <row r="6975" spans="35:39" x14ac:dyDescent="0.35">
      <c r="AI6975" s="84"/>
      <c r="AM6975" s="84"/>
    </row>
    <row r="6976" spans="35:39" x14ac:dyDescent="0.35">
      <c r="AI6976" s="84"/>
      <c r="AM6976" s="84"/>
    </row>
    <row r="6977" spans="35:39" x14ac:dyDescent="0.35">
      <c r="AI6977" s="84"/>
      <c r="AM6977" s="84"/>
    </row>
    <row r="6978" spans="35:39" x14ac:dyDescent="0.35">
      <c r="AI6978" s="84"/>
      <c r="AM6978" s="84"/>
    </row>
    <row r="6979" spans="35:39" x14ac:dyDescent="0.35">
      <c r="AI6979" s="84"/>
      <c r="AM6979" s="84"/>
    </row>
    <row r="6980" spans="35:39" x14ac:dyDescent="0.35">
      <c r="AI6980" s="84"/>
      <c r="AM6980" s="84"/>
    </row>
    <row r="6981" spans="35:39" x14ac:dyDescent="0.35">
      <c r="AI6981" s="84"/>
      <c r="AM6981" s="84"/>
    </row>
    <row r="6982" spans="35:39" x14ac:dyDescent="0.35">
      <c r="AI6982" s="84"/>
      <c r="AM6982" s="84"/>
    </row>
    <row r="6983" spans="35:39" x14ac:dyDescent="0.35">
      <c r="AI6983" s="84"/>
      <c r="AM6983" s="84"/>
    </row>
    <row r="6984" spans="35:39" x14ac:dyDescent="0.35">
      <c r="AI6984" s="84"/>
      <c r="AM6984" s="84"/>
    </row>
    <row r="6985" spans="35:39" x14ac:dyDescent="0.35">
      <c r="AI6985" s="84"/>
      <c r="AM6985" s="84"/>
    </row>
    <row r="6986" spans="35:39" x14ac:dyDescent="0.35">
      <c r="AI6986" s="84"/>
      <c r="AM6986" s="84"/>
    </row>
    <row r="6987" spans="35:39" x14ac:dyDescent="0.35">
      <c r="AI6987" s="84"/>
      <c r="AM6987" s="84"/>
    </row>
    <row r="6988" spans="35:39" x14ac:dyDescent="0.35">
      <c r="AI6988" s="84"/>
      <c r="AM6988" s="84"/>
    </row>
    <row r="6989" spans="35:39" x14ac:dyDescent="0.35">
      <c r="AI6989" s="84"/>
      <c r="AM6989" s="84"/>
    </row>
    <row r="6990" spans="35:39" x14ac:dyDescent="0.35">
      <c r="AI6990" s="84"/>
      <c r="AM6990" s="84"/>
    </row>
    <row r="6991" spans="35:39" x14ac:dyDescent="0.35">
      <c r="AI6991" s="84"/>
      <c r="AM6991" s="84"/>
    </row>
    <row r="6992" spans="35:39" x14ac:dyDescent="0.35">
      <c r="AI6992" s="84"/>
      <c r="AM6992" s="84"/>
    </row>
    <row r="6993" spans="35:39" x14ac:dyDescent="0.35">
      <c r="AI6993" s="84"/>
      <c r="AM6993" s="84"/>
    </row>
    <row r="6994" spans="35:39" x14ac:dyDescent="0.35">
      <c r="AI6994" s="84"/>
      <c r="AM6994" s="84"/>
    </row>
    <row r="6995" spans="35:39" x14ac:dyDescent="0.35">
      <c r="AI6995" s="84"/>
      <c r="AM6995" s="84"/>
    </row>
    <row r="6996" spans="35:39" x14ac:dyDescent="0.35">
      <c r="AI6996" s="84"/>
      <c r="AM6996" s="84"/>
    </row>
    <row r="6997" spans="35:39" x14ac:dyDescent="0.35">
      <c r="AI6997" s="84"/>
      <c r="AM6997" s="84"/>
    </row>
    <row r="6998" spans="35:39" x14ac:dyDescent="0.35">
      <c r="AI6998" s="84"/>
      <c r="AM6998" s="84"/>
    </row>
    <row r="6999" spans="35:39" x14ac:dyDescent="0.35">
      <c r="AI6999" s="84"/>
      <c r="AM6999" s="84"/>
    </row>
    <row r="7000" spans="35:39" x14ac:dyDescent="0.35">
      <c r="AI7000" s="84"/>
      <c r="AM7000" s="84"/>
    </row>
    <row r="7001" spans="35:39" x14ac:dyDescent="0.35">
      <c r="AI7001" s="84"/>
      <c r="AM7001" s="84"/>
    </row>
    <row r="7002" spans="35:39" x14ac:dyDescent="0.35">
      <c r="AI7002" s="84"/>
      <c r="AM7002" s="84"/>
    </row>
    <row r="7003" spans="35:39" x14ac:dyDescent="0.35">
      <c r="AI7003" s="84"/>
      <c r="AM7003" s="84"/>
    </row>
    <row r="7004" spans="35:39" x14ac:dyDescent="0.35">
      <c r="AI7004" s="84"/>
      <c r="AM7004" s="84"/>
    </row>
    <row r="7005" spans="35:39" x14ac:dyDescent="0.35">
      <c r="AI7005" s="84"/>
      <c r="AM7005" s="84"/>
    </row>
    <row r="7006" spans="35:39" x14ac:dyDescent="0.35">
      <c r="AI7006" s="84"/>
      <c r="AM7006" s="84"/>
    </row>
    <row r="7007" spans="35:39" x14ac:dyDescent="0.35">
      <c r="AI7007" s="84"/>
      <c r="AM7007" s="84"/>
    </row>
    <row r="7008" spans="35:39" x14ac:dyDescent="0.35">
      <c r="AI7008" s="84"/>
      <c r="AM7008" s="84"/>
    </row>
    <row r="7009" spans="35:39" x14ac:dyDescent="0.35">
      <c r="AI7009" s="84"/>
      <c r="AM7009" s="84"/>
    </row>
    <row r="7010" spans="35:39" x14ac:dyDescent="0.35">
      <c r="AI7010" s="84"/>
      <c r="AM7010" s="84"/>
    </row>
    <row r="7011" spans="35:39" x14ac:dyDescent="0.35">
      <c r="AI7011" s="84"/>
      <c r="AM7011" s="84"/>
    </row>
    <row r="7012" spans="35:39" x14ac:dyDescent="0.35">
      <c r="AI7012" s="84"/>
      <c r="AM7012" s="84"/>
    </row>
    <row r="7013" spans="35:39" x14ac:dyDescent="0.35">
      <c r="AI7013" s="84"/>
      <c r="AM7013" s="84"/>
    </row>
    <row r="7014" spans="35:39" x14ac:dyDescent="0.35">
      <c r="AI7014" s="84"/>
      <c r="AM7014" s="84"/>
    </row>
    <row r="7015" spans="35:39" x14ac:dyDescent="0.35">
      <c r="AI7015" s="84"/>
      <c r="AM7015" s="84"/>
    </row>
    <row r="7016" spans="35:39" x14ac:dyDescent="0.35">
      <c r="AI7016" s="84"/>
      <c r="AM7016" s="84"/>
    </row>
    <row r="7017" spans="35:39" x14ac:dyDescent="0.35">
      <c r="AI7017" s="84"/>
      <c r="AM7017" s="84"/>
    </row>
    <row r="7018" spans="35:39" x14ac:dyDescent="0.35">
      <c r="AI7018" s="84"/>
      <c r="AM7018" s="84"/>
    </row>
    <row r="7019" spans="35:39" x14ac:dyDescent="0.35">
      <c r="AI7019" s="84"/>
      <c r="AM7019" s="84"/>
    </row>
    <row r="7020" spans="35:39" x14ac:dyDescent="0.35">
      <c r="AI7020" s="84"/>
      <c r="AM7020" s="84"/>
    </row>
    <row r="7021" spans="35:39" x14ac:dyDescent="0.35">
      <c r="AI7021" s="84"/>
      <c r="AM7021" s="84"/>
    </row>
    <row r="7022" spans="35:39" x14ac:dyDescent="0.35">
      <c r="AI7022" s="84"/>
      <c r="AM7022" s="84"/>
    </row>
    <row r="7023" spans="35:39" x14ac:dyDescent="0.35">
      <c r="AI7023" s="84"/>
      <c r="AM7023" s="84"/>
    </row>
    <row r="7024" spans="35:39" x14ac:dyDescent="0.35">
      <c r="AI7024" s="84"/>
      <c r="AM7024" s="84"/>
    </row>
    <row r="7025" spans="35:39" x14ac:dyDescent="0.35">
      <c r="AI7025" s="84"/>
      <c r="AM7025" s="84"/>
    </row>
    <row r="7026" spans="35:39" x14ac:dyDescent="0.35">
      <c r="AI7026" s="84"/>
      <c r="AM7026" s="84"/>
    </row>
    <row r="7027" spans="35:39" x14ac:dyDescent="0.35">
      <c r="AI7027" s="84"/>
      <c r="AM7027" s="84"/>
    </row>
    <row r="7028" spans="35:39" x14ac:dyDescent="0.35">
      <c r="AI7028" s="84"/>
      <c r="AM7028" s="84"/>
    </row>
    <row r="7029" spans="35:39" x14ac:dyDescent="0.35">
      <c r="AI7029" s="84"/>
      <c r="AM7029" s="84"/>
    </row>
    <row r="7030" spans="35:39" x14ac:dyDescent="0.35">
      <c r="AI7030" s="84"/>
      <c r="AM7030" s="84"/>
    </row>
    <row r="7031" spans="35:39" x14ac:dyDescent="0.35">
      <c r="AI7031" s="84"/>
      <c r="AM7031" s="84"/>
    </row>
    <row r="7032" spans="35:39" x14ac:dyDescent="0.35">
      <c r="AI7032" s="84"/>
      <c r="AM7032" s="84"/>
    </row>
    <row r="7033" spans="35:39" x14ac:dyDescent="0.35">
      <c r="AI7033" s="84"/>
      <c r="AM7033" s="84"/>
    </row>
    <row r="7034" spans="35:39" x14ac:dyDescent="0.35">
      <c r="AI7034" s="84"/>
      <c r="AM7034" s="84"/>
    </row>
    <row r="7035" spans="35:39" x14ac:dyDescent="0.35">
      <c r="AI7035" s="84"/>
      <c r="AM7035" s="84"/>
    </row>
    <row r="7036" spans="35:39" x14ac:dyDescent="0.35">
      <c r="AI7036" s="84"/>
      <c r="AM7036" s="84"/>
    </row>
    <row r="7037" spans="35:39" x14ac:dyDescent="0.35">
      <c r="AI7037" s="84"/>
      <c r="AM7037" s="84"/>
    </row>
    <row r="7038" spans="35:39" x14ac:dyDescent="0.35">
      <c r="AI7038" s="84"/>
      <c r="AM7038" s="84"/>
    </row>
    <row r="7039" spans="35:39" x14ac:dyDescent="0.35">
      <c r="AI7039" s="84"/>
      <c r="AM7039" s="84"/>
    </row>
    <row r="7040" spans="35:39" x14ac:dyDescent="0.35">
      <c r="AI7040" s="84"/>
      <c r="AM7040" s="84"/>
    </row>
    <row r="7041" spans="35:39" x14ac:dyDescent="0.35">
      <c r="AI7041" s="84"/>
      <c r="AM7041" s="84"/>
    </row>
    <row r="7042" spans="35:39" x14ac:dyDescent="0.35">
      <c r="AI7042" s="84"/>
      <c r="AM7042" s="84"/>
    </row>
    <row r="7043" spans="35:39" x14ac:dyDescent="0.35">
      <c r="AI7043" s="84"/>
      <c r="AM7043" s="84"/>
    </row>
    <row r="7044" spans="35:39" x14ac:dyDescent="0.35">
      <c r="AI7044" s="84"/>
      <c r="AM7044" s="84"/>
    </row>
    <row r="7045" spans="35:39" x14ac:dyDescent="0.35">
      <c r="AI7045" s="84"/>
      <c r="AM7045" s="84"/>
    </row>
    <row r="7046" spans="35:39" x14ac:dyDescent="0.35">
      <c r="AI7046" s="84"/>
      <c r="AM7046" s="84"/>
    </row>
    <row r="7047" spans="35:39" x14ac:dyDescent="0.35">
      <c r="AI7047" s="84"/>
      <c r="AM7047" s="84"/>
    </row>
    <row r="7048" spans="35:39" x14ac:dyDescent="0.35">
      <c r="AI7048" s="84"/>
      <c r="AM7048" s="84"/>
    </row>
    <row r="7049" spans="35:39" x14ac:dyDescent="0.35">
      <c r="AI7049" s="84"/>
      <c r="AM7049" s="84"/>
    </row>
    <row r="7050" spans="35:39" x14ac:dyDescent="0.35">
      <c r="AI7050" s="84"/>
      <c r="AM7050" s="84"/>
    </row>
    <row r="7051" spans="35:39" x14ac:dyDescent="0.35">
      <c r="AI7051" s="84"/>
      <c r="AM7051" s="84"/>
    </row>
    <row r="7052" spans="35:39" x14ac:dyDescent="0.35">
      <c r="AI7052" s="84"/>
      <c r="AM7052" s="84"/>
    </row>
    <row r="7053" spans="35:39" x14ac:dyDescent="0.35">
      <c r="AI7053" s="84"/>
      <c r="AM7053" s="84"/>
    </row>
    <row r="7054" spans="35:39" x14ac:dyDescent="0.35">
      <c r="AI7054" s="84"/>
      <c r="AM7054" s="84"/>
    </row>
    <row r="7055" spans="35:39" x14ac:dyDescent="0.35">
      <c r="AI7055" s="84"/>
      <c r="AM7055" s="84"/>
    </row>
    <row r="7056" spans="35:39" x14ac:dyDescent="0.35">
      <c r="AI7056" s="84"/>
      <c r="AM7056" s="84"/>
    </row>
    <row r="7057" spans="35:39" x14ac:dyDescent="0.35">
      <c r="AI7057" s="84"/>
      <c r="AM7057" s="84"/>
    </row>
    <row r="7058" spans="35:39" x14ac:dyDescent="0.35">
      <c r="AI7058" s="84"/>
      <c r="AM7058" s="84"/>
    </row>
    <row r="7059" spans="35:39" x14ac:dyDescent="0.35">
      <c r="AI7059" s="84"/>
      <c r="AM7059" s="84"/>
    </row>
    <row r="7060" spans="35:39" x14ac:dyDescent="0.35">
      <c r="AI7060" s="84"/>
      <c r="AM7060" s="84"/>
    </row>
    <row r="7061" spans="35:39" x14ac:dyDescent="0.35">
      <c r="AI7061" s="84"/>
      <c r="AM7061" s="84"/>
    </row>
    <row r="7062" spans="35:39" x14ac:dyDescent="0.35">
      <c r="AI7062" s="84"/>
      <c r="AM7062" s="84"/>
    </row>
    <row r="7063" spans="35:39" x14ac:dyDescent="0.35">
      <c r="AI7063" s="84"/>
      <c r="AM7063" s="84"/>
    </row>
    <row r="7064" spans="35:39" x14ac:dyDescent="0.35">
      <c r="AI7064" s="84"/>
      <c r="AM7064" s="84"/>
    </row>
    <row r="7065" spans="35:39" x14ac:dyDescent="0.35">
      <c r="AI7065" s="84"/>
      <c r="AM7065" s="84"/>
    </row>
    <row r="7066" spans="35:39" x14ac:dyDescent="0.35">
      <c r="AI7066" s="84"/>
      <c r="AM7066" s="84"/>
    </row>
    <row r="7067" spans="35:39" x14ac:dyDescent="0.35">
      <c r="AI7067" s="84"/>
      <c r="AM7067" s="84"/>
    </row>
    <row r="7068" spans="35:39" x14ac:dyDescent="0.35">
      <c r="AI7068" s="84"/>
      <c r="AM7068" s="84"/>
    </row>
    <row r="7069" spans="35:39" x14ac:dyDescent="0.35">
      <c r="AI7069" s="84"/>
      <c r="AM7069" s="84"/>
    </row>
    <row r="7070" spans="35:39" x14ac:dyDescent="0.35">
      <c r="AI7070" s="84"/>
      <c r="AM7070" s="84"/>
    </row>
    <row r="7071" spans="35:39" x14ac:dyDescent="0.35">
      <c r="AI7071" s="84"/>
      <c r="AM7071" s="84"/>
    </row>
    <row r="7072" spans="35:39" x14ac:dyDescent="0.35">
      <c r="AI7072" s="84"/>
      <c r="AM7072" s="84"/>
    </row>
    <row r="7073" spans="35:39" x14ac:dyDescent="0.35">
      <c r="AI7073" s="84"/>
      <c r="AM7073" s="84"/>
    </row>
    <row r="7074" spans="35:39" x14ac:dyDescent="0.35">
      <c r="AI7074" s="84"/>
      <c r="AM7074" s="84"/>
    </row>
    <row r="7075" spans="35:39" x14ac:dyDescent="0.35">
      <c r="AI7075" s="84"/>
      <c r="AM7075" s="84"/>
    </row>
    <row r="7076" spans="35:39" x14ac:dyDescent="0.35">
      <c r="AI7076" s="84"/>
      <c r="AM7076" s="84"/>
    </row>
    <row r="7077" spans="35:39" x14ac:dyDescent="0.35">
      <c r="AI7077" s="84"/>
      <c r="AM7077" s="84"/>
    </row>
    <row r="7078" spans="35:39" x14ac:dyDescent="0.35">
      <c r="AI7078" s="84"/>
      <c r="AM7078" s="84"/>
    </row>
    <row r="7079" spans="35:39" x14ac:dyDescent="0.35">
      <c r="AI7079" s="84"/>
      <c r="AM7079" s="84"/>
    </row>
    <row r="7080" spans="35:39" x14ac:dyDescent="0.35">
      <c r="AI7080" s="84"/>
      <c r="AM7080" s="84"/>
    </row>
    <row r="7081" spans="35:39" x14ac:dyDescent="0.35">
      <c r="AI7081" s="84"/>
      <c r="AM7081" s="84"/>
    </row>
    <row r="7082" spans="35:39" x14ac:dyDescent="0.35">
      <c r="AI7082" s="84"/>
      <c r="AM7082" s="84"/>
    </row>
    <row r="7083" spans="35:39" x14ac:dyDescent="0.35">
      <c r="AI7083" s="84"/>
      <c r="AM7083" s="84"/>
    </row>
    <row r="7084" spans="35:39" x14ac:dyDescent="0.35">
      <c r="AI7084" s="84"/>
      <c r="AM7084" s="84"/>
    </row>
    <row r="7085" spans="35:39" x14ac:dyDescent="0.35">
      <c r="AI7085" s="84"/>
      <c r="AM7085" s="84"/>
    </row>
    <row r="7086" spans="35:39" x14ac:dyDescent="0.35">
      <c r="AI7086" s="84"/>
      <c r="AM7086" s="84"/>
    </row>
    <row r="7087" spans="35:39" x14ac:dyDescent="0.35">
      <c r="AI7087" s="84"/>
      <c r="AM7087" s="84"/>
    </row>
    <row r="7088" spans="35:39" x14ac:dyDescent="0.35">
      <c r="AI7088" s="84"/>
      <c r="AM7088" s="84"/>
    </row>
    <row r="7089" spans="35:39" x14ac:dyDescent="0.35">
      <c r="AI7089" s="84"/>
      <c r="AM7089" s="84"/>
    </row>
    <row r="7090" spans="35:39" x14ac:dyDescent="0.35">
      <c r="AI7090" s="84"/>
      <c r="AM7090" s="84"/>
    </row>
    <row r="7091" spans="35:39" x14ac:dyDescent="0.35">
      <c r="AI7091" s="84"/>
      <c r="AM7091" s="84"/>
    </row>
    <row r="7092" spans="35:39" x14ac:dyDescent="0.35">
      <c r="AI7092" s="84"/>
      <c r="AM7092" s="84"/>
    </row>
    <row r="7093" spans="35:39" x14ac:dyDescent="0.35">
      <c r="AI7093" s="84"/>
      <c r="AM7093" s="84"/>
    </row>
    <row r="7094" spans="35:39" x14ac:dyDescent="0.35">
      <c r="AI7094" s="84"/>
      <c r="AM7094" s="84"/>
    </row>
    <row r="7095" spans="35:39" x14ac:dyDescent="0.35">
      <c r="AI7095" s="84"/>
      <c r="AM7095" s="84"/>
    </row>
    <row r="7096" spans="35:39" x14ac:dyDescent="0.35">
      <c r="AI7096" s="84"/>
      <c r="AM7096" s="84"/>
    </row>
    <row r="7097" spans="35:39" x14ac:dyDescent="0.35">
      <c r="AI7097" s="84"/>
      <c r="AM7097" s="84"/>
    </row>
    <row r="7098" spans="35:39" x14ac:dyDescent="0.35">
      <c r="AI7098" s="84"/>
      <c r="AM7098" s="84"/>
    </row>
    <row r="7099" spans="35:39" x14ac:dyDescent="0.35">
      <c r="AI7099" s="84"/>
      <c r="AM7099" s="84"/>
    </row>
    <row r="7100" spans="35:39" x14ac:dyDescent="0.35">
      <c r="AI7100" s="84"/>
      <c r="AM7100" s="84"/>
    </row>
    <row r="7101" spans="35:39" x14ac:dyDescent="0.35">
      <c r="AI7101" s="84"/>
      <c r="AM7101" s="84"/>
    </row>
    <row r="7102" spans="35:39" x14ac:dyDescent="0.35">
      <c r="AI7102" s="84"/>
      <c r="AM7102" s="84"/>
    </row>
    <row r="7103" spans="35:39" x14ac:dyDescent="0.35">
      <c r="AI7103" s="84"/>
      <c r="AM7103" s="84"/>
    </row>
    <row r="7104" spans="35:39" x14ac:dyDescent="0.35">
      <c r="AI7104" s="84"/>
      <c r="AM7104" s="84"/>
    </row>
    <row r="7105" spans="35:39" x14ac:dyDescent="0.35">
      <c r="AI7105" s="84"/>
      <c r="AM7105" s="84"/>
    </row>
    <row r="7106" spans="35:39" x14ac:dyDescent="0.35">
      <c r="AI7106" s="84"/>
      <c r="AM7106" s="84"/>
    </row>
    <row r="7107" spans="35:39" x14ac:dyDescent="0.35">
      <c r="AI7107" s="84"/>
      <c r="AM7107" s="84"/>
    </row>
    <row r="7108" spans="35:39" x14ac:dyDescent="0.35">
      <c r="AI7108" s="84"/>
      <c r="AM7108" s="84"/>
    </row>
    <row r="7109" spans="35:39" x14ac:dyDescent="0.35">
      <c r="AI7109" s="84"/>
      <c r="AM7109" s="84"/>
    </row>
    <row r="7110" spans="35:39" x14ac:dyDescent="0.35">
      <c r="AI7110" s="84"/>
      <c r="AM7110" s="84"/>
    </row>
    <row r="7111" spans="35:39" x14ac:dyDescent="0.35">
      <c r="AI7111" s="84"/>
      <c r="AM7111" s="84"/>
    </row>
    <row r="7112" spans="35:39" x14ac:dyDescent="0.35">
      <c r="AI7112" s="84"/>
      <c r="AM7112" s="84"/>
    </row>
    <row r="7113" spans="35:39" x14ac:dyDescent="0.35">
      <c r="AI7113" s="84"/>
      <c r="AM7113" s="84"/>
    </row>
    <row r="7114" spans="35:39" x14ac:dyDescent="0.35">
      <c r="AI7114" s="84"/>
      <c r="AM7114" s="84"/>
    </row>
    <row r="7115" spans="35:39" x14ac:dyDescent="0.35">
      <c r="AI7115" s="84"/>
      <c r="AM7115" s="84"/>
    </row>
    <row r="7116" spans="35:39" x14ac:dyDescent="0.35">
      <c r="AI7116" s="84"/>
      <c r="AM7116" s="84"/>
    </row>
    <row r="7117" spans="35:39" x14ac:dyDescent="0.35">
      <c r="AI7117" s="84"/>
      <c r="AM7117" s="84"/>
    </row>
    <row r="7118" spans="35:39" x14ac:dyDescent="0.35">
      <c r="AI7118" s="84"/>
      <c r="AM7118" s="84"/>
    </row>
    <row r="7119" spans="35:39" x14ac:dyDescent="0.35">
      <c r="AI7119" s="84"/>
      <c r="AM7119" s="84"/>
    </row>
    <row r="7120" spans="35:39" x14ac:dyDescent="0.35">
      <c r="AI7120" s="84"/>
      <c r="AM7120" s="84"/>
    </row>
    <row r="7121" spans="35:39" x14ac:dyDescent="0.35">
      <c r="AI7121" s="84"/>
      <c r="AM7121" s="84"/>
    </row>
    <row r="7122" spans="35:39" x14ac:dyDescent="0.35">
      <c r="AI7122" s="84"/>
      <c r="AM7122" s="84"/>
    </row>
    <row r="7123" spans="35:39" x14ac:dyDescent="0.35">
      <c r="AI7123" s="84"/>
      <c r="AM7123" s="84"/>
    </row>
    <row r="7124" spans="35:39" x14ac:dyDescent="0.35">
      <c r="AI7124" s="84"/>
      <c r="AM7124" s="84"/>
    </row>
    <row r="7125" spans="35:39" x14ac:dyDescent="0.35">
      <c r="AI7125" s="84"/>
      <c r="AM7125" s="84"/>
    </row>
    <row r="7126" spans="35:39" x14ac:dyDescent="0.35">
      <c r="AI7126" s="84"/>
      <c r="AM7126" s="84"/>
    </row>
    <row r="7127" spans="35:39" x14ac:dyDescent="0.35">
      <c r="AI7127" s="84"/>
      <c r="AM7127" s="84"/>
    </row>
    <row r="7128" spans="35:39" x14ac:dyDescent="0.35">
      <c r="AI7128" s="84"/>
      <c r="AM7128" s="84"/>
    </row>
    <row r="7129" spans="35:39" x14ac:dyDescent="0.35">
      <c r="AI7129" s="84"/>
      <c r="AM7129" s="84"/>
    </row>
    <row r="7130" spans="35:39" x14ac:dyDescent="0.35">
      <c r="AI7130" s="84"/>
      <c r="AM7130" s="84"/>
    </row>
    <row r="7131" spans="35:39" x14ac:dyDescent="0.35">
      <c r="AI7131" s="84"/>
      <c r="AM7131" s="84"/>
    </row>
    <row r="7132" spans="35:39" x14ac:dyDescent="0.35">
      <c r="AI7132" s="84"/>
      <c r="AM7132" s="84"/>
    </row>
    <row r="7133" spans="35:39" x14ac:dyDescent="0.35">
      <c r="AI7133" s="84"/>
      <c r="AM7133" s="84"/>
    </row>
    <row r="7134" spans="35:39" x14ac:dyDescent="0.35">
      <c r="AI7134" s="84"/>
      <c r="AM7134" s="84"/>
    </row>
    <row r="7135" spans="35:39" x14ac:dyDescent="0.35">
      <c r="AI7135" s="84"/>
      <c r="AM7135" s="84"/>
    </row>
    <row r="7136" spans="35:39" x14ac:dyDescent="0.35">
      <c r="AI7136" s="84"/>
      <c r="AM7136" s="84"/>
    </row>
    <row r="7137" spans="35:39" x14ac:dyDescent="0.35">
      <c r="AI7137" s="84"/>
      <c r="AM7137" s="84"/>
    </row>
    <row r="7138" spans="35:39" x14ac:dyDescent="0.35">
      <c r="AI7138" s="84"/>
      <c r="AM7138" s="84"/>
    </row>
    <row r="7139" spans="35:39" x14ac:dyDescent="0.35">
      <c r="AI7139" s="84"/>
      <c r="AM7139" s="84"/>
    </row>
    <row r="7140" spans="35:39" x14ac:dyDescent="0.35">
      <c r="AI7140" s="84"/>
      <c r="AM7140" s="84"/>
    </row>
    <row r="7141" spans="35:39" x14ac:dyDescent="0.35">
      <c r="AI7141" s="84"/>
      <c r="AM7141" s="84"/>
    </row>
    <row r="7142" spans="35:39" x14ac:dyDescent="0.35">
      <c r="AI7142" s="84"/>
      <c r="AM7142" s="84"/>
    </row>
    <row r="7143" spans="35:39" x14ac:dyDescent="0.35">
      <c r="AI7143" s="84"/>
      <c r="AM7143" s="84"/>
    </row>
    <row r="7144" spans="35:39" x14ac:dyDescent="0.35">
      <c r="AI7144" s="84"/>
      <c r="AM7144" s="84"/>
    </row>
    <row r="7145" spans="35:39" x14ac:dyDescent="0.35">
      <c r="AI7145" s="84"/>
      <c r="AM7145" s="84"/>
    </row>
    <row r="7146" spans="35:39" x14ac:dyDescent="0.35">
      <c r="AI7146" s="84"/>
      <c r="AM7146" s="84"/>
    </row>
    <row r="7147" spans="35:39" x14ac:dyDescent="0.35">
      <c r="AI7147" s="84"/>
      <c r="AM7147" s="84"/>
    </row>
    <row r="7148" spans="35:39" x14ac:dyDescent="0.35">
      <c r="AI7148" s="84"/>
      <c r="AM7148" s="84"/>
    </row>
    <row r="7149" spans="35:39" x14ac:dyDescent="0.35">
      <c r="AI7149" s="84"/>
      <c r="AM7149" s="84"/>
    </row>
    <row r="7150" spans="35:39" x14ac:dyDescent="0.35">
      <c r="AI7150" s="84"/>
      <c r="AM7150" s="84"/>
    </row>
    <row r="7151" spans="35:39" x14ac:dyDescent="0.35">
      <c r="AI7151" s="84"/>
      <c r="AM7151" s="84"/>
    </row>
    <row r="7152" spans="35:39" x14ac:dyDescent="0.35">
      <c r="AI7152" s="84"/>
      <c r="AM7152" s="84"/>
    </row>
    <row r="7153" spans="35:39" x14ac:dyDescent="0.35">
      <c r="AI7153" s="84"/>
      <c r="AM7153" s="84"/>
    </row>
    <row r="7154" spans="35:39" x14ac:dyDescent="0.35">
      <c r="AI7154" s="84"/>
      <c r="AM7154" s="84"/>
    </row>
    <row r="7155" spans="35:39" x14ac:dyDescent="0.35">
      <c r="AI7155" s="84"/>
      <c r="AM7155" s="84"/>
    </row>
    <row r="7156" spans="35:39" x14ac:dyDescent="0.35">
      <c r="AI7156" s="84"/>
      <c r="AM7156" s="84"/>
    </row>
    <row r="7157" spans="35:39" x14ac:dyDescent="0.35">
      <c r="AI7157" s="84"/>
      <c r="AM7157" s="84"/>
    </row>
    <row r="7158" spans="35:39" x14ac:dyDescent="0.35">
      <c r="AI7158" s="84"/>
      <c r="AM7158" s="84"/>
    </row>
    <row r="7159" spans="35:39" x14ac:dyDescent="0.35">
      <c r="AI7159" s="84"/>
      <c r="AM7159" s="84"/>
    </row>
    <row r="7160" spans="35:39" x14ac:dyDescent="0.35">
      <c r="AI7160" s="84"/>
      <c r="AM7160" s="84"/>
    </row>
    <row r="7161" spans="35:39" x14ac:dyDescent="0.35">
      <c r="AI7161" s="84"/>
      <c r="AM7161" s="84"/>
    </row>
    <row r="7162" spans="35:39" x14ac:dyDescent="0.35">
      <c r="AI7162" s="84"/>
      <c r="AM7162" s="84"/>
    </row>
    <row r="7163" spans="35:39" x14ac:dyDescent="0.35">
      <c r="AI7163" s="84"/>
      <c r="AM7163" s="84"/>
    </row>
    <row r="7164" spans="35:39" x14ac:dyDescent="0.35">
      <c r="AI7164" s="84"/>
      <c r="AM7164" s="84"/>
    </row>
    <row r="7165" spans="35:39" x14ac:dyDescent="0.35">
      <c r="AI7165" s="84"/>
      <c r="AM7165" s="84"/>
    </row>
    <row r="7166" spans="35:39" x14ac:dyDescent="0.35">
      <c r="AI7166" s="84"/>
      <c r="AM7166" s="84"/>
    </row>
    <row r="7167" spans="35:39" x14ac:dyDescent="0.35">
      <c r="AI7167" s="84"/>
      <c r="AM7167" s="84"/>
    </row>
    <row r="7168" spans="35:39" x14ac:dyDescent="0.35">
      <c r="AI7168" s="84"/>
      <c r="AM7168" s="84"/>
    </row>
    <row r="7169" spans="35:39" x14ac:dyDescent="0.35">
      <c r="AI7169" s="84"/>
      <c r="AM7169" s="84"/>
    </row>
    <row r="7170" spans="35:39" x14ac:dyDescent="0.35">
      <c r="AI7170" s="84"/>
      <c r="AM7170" s="84"/>
    </row>
    <row r="7171" spans="35:39" x14ac:dyDescent="0.35">
      <c r="AI7171" s="84"/>
      <c r="AM7171" s="84"/>
    </row>
    <row r="7172" spans="35:39" x14ac:dyDescent="0.35">
      <c r="AI7172" s="84"/>
      <c r="AM7172" s="84"/>
    </row>
    <row r="7173" spans="35:39" x14ac:dyDescent="0.35">
      <c r="AI7173" s="84"/>
      <c r="AM7173" s="84"/>
    </row>
    <row r="7174" spans="35:39" x14ac:dyDescent="0.35">
      <c r="AI7174" s="84"/>
      <c r="AM7174" s="84"/>
    </row>
    <row r="7175" spans="35:39" x14ac:dyDescent="0.35">
      <c r="AI7175" s="84"/>
      <c r="AM7175" s="84"/>
    </row>
    <row r="7176" spans="35:39" x14ac:dyDescent="0.35">
      <c r="AI7176" s="84"/>
      <c r="AM7176" s="84"/>
    </row>
    <row r="7177" spans="35:39" x14ac:dyDescent="0.35">
      <c r="AI7177" s="84"/>
      <c r="AM7177" s="84"/>
    </row>
    <row r="7178" spans="35:39" x14ac:dyDescent="0.35">
      <c r="AI7178" s="84"/>
      <c r="AM7178" s="84"/>
    </row>
    <row r="7179" spans="35:39" x14ac:dyDescent="0.35">
      <c r="AI7179" s="84"/>
      <c r="AM7179" s="84"/>
    </row>
    <row r="7180" spans="35:39" x14ac:dyDescent="0.35">
      <c r="AI7180" s="84"/>
      <c r="AM7180" s="84"/>
    </row>
    <row r="7181" spans="35:39" x14ac:dyDescent="0.35">
      <c r="AI7181" s="84"/>
      <c r="AM7181" s="84"/>
    </row>
    <row r="7182" spans="35:39" x14ac:dyDescent="0.35">
      <c r="AI7182" s="84"/>
      <c r="AM7182" s="84"/>
    </row>
    <row r="7183" spans="35:39" x14ac:dyDescent="0.35">
      <c r="AI7183" s="84"/>
      <c r="AM7183" s="84"/>
    </row>
    <row r="7184" spans="35:39" x14ac:dyDescent="0.35">
      <c r="AI7184" s="84"/>
      <c r="AM7184" s="84"/>
    </row>
    <row r="7185" spans="35:39" x14ac:dyDescent="0.35">
      <c r="AI7185" s="84"/>
      <c r="AM7185" s="84"/>
    </row>
    <row r="7186" spans="35:39" x14ac:dyDescent="0.35">
      <c r="AI7186" s="84"/>
      <c r="AM7186" s="84"/>
    </row>
    <row r="7187" spans="35:39" x14ac:dyDescent="0.35">
      <c r="AI7187" s="84"/>
      <c r="AM7187" s="84"/>
    </row>
    <row r="7188" spans="35:39" x14ac:dyDescent="0.35">
      <c r="AI7188" s="84"/>
      <c r="AM7188" s="84"/>
    </row>
    <row r="7189" spans="35:39" x14ac:dyDescent="0.35">
      <c r="AI7189" s="84"/>
      <c r="AM7189" s="84"/>
    </row>
    <row r="7190" spans="35:39" x14ac:dyDescent="0.35">
      <c r="AI7190" s="84"/>
      <c r="AM7190" s="84"/>
    </row>
    <row r="7191" spans="35:39" x14ac:dyDescent="0.35">
      <c r="AI7191" s="84"/>
      <c r="AM7191" s="84"/>
    </row>
    <row r="7192" spans="35:39" x14ac:dyDescent="0.35">
      <c r="AI7192" s="84"/>
      <c r="AM7192" s="84"/>
    </row>
    <row r="7193" spans="35:39" x14ac:dyDescent="0.35">
      <c r="AI7193" s="84"/>
      <c r="AM7193" s="84"/>
    </row>
    <row r="7194" spans="35:39" x14ac:dyDescent="0.35">
      <c r="AI7194" s="84"/>
      <c r="AM7194" s="84"/>
    </row>
    <row r="7195" spans="35:39" x14ac:dyDescent="0.35">
      <c r="AI7195" s="84"/>
      <c r="AM7195" s="84"/>
    </row>
    <row r="7196" spans="35:39" x14ac:dyDescent="0.35">
      <c r="AI7196" s="84"/>
      <c r="AM7196" s="84"/>
    </row>
    <row r="7197" spans="35:39" x14ac:dyDescent="0.35">
      <c r="AI7197" s="84"/>
      <c r="AM7197" s="84"/>
    </row>
    <row r="7198" spans="35:39" x14ac:dyDescent="0.35">
      <c r="AI7198" s="84"/>
      <c r="AM7198" s="84"/>
    </row>
    <row r="7199" spans="35:39" x14ac:dyDescent="0.35">
      <c r="AI7199" s="84"/>
      <c r="AM7199" s="84"/>
    </row>
    <row r="7200" spans="35:39" x14ac:dyDescent="0.35">
      <c r="AI7200" s="84"/>
      <c r="AM7200" s="84"/>
    </row>
    <row r="7201" spans="35:39" x14ac:dyDescent="0.35">
      <c r="AI7201" s="84"/>
      <c r="AM7201" s="84"/>
    </row>
    <row r="7202" spans="35:39" x14ac:dyDescent="0.35">
      <c r="AI7202" s="84"/>
      <c r="AM7202" s="84"/>
    </row>
    <row r="7203" spans="35:39" x14ac:dyDescent="0.35">
      <c r="AI7203" s="84"/>
      <c r="AM7203" s="84"/>
    </row>
    <row r="7204" spans="35:39" x14ac:dyDescent="0.35">
      <c r="AI7204" s="84"/>
      <c r="AM7204" s="84"/>
    </row>
    <row r="7205" spans="35:39" x14ac:dyDescent="0.35">
      <c r="AI7205" s="84"/>
      <c r="AM7205" s="84"/>
    </row>
    <row r="7206" spans="35:39" x14ac:dyDescent="0.35">
      <c r="AI7206" s="84"/>
      <c r="AM7206" s="84"/>
    </row>
    <row r="7207" spans="35:39" x14ac:dyDescent="0.35">
      <c r="AI7207" s="84"/>
      <c r="AM7207" s="84"/>
    </row>
    <row r="7208" spans="35:39" x14ac:dyDescent="0.35">
      <c r="AI7208" s="84"/>
      <c r="AM7208" s="84"/>
    </row>
    <row r="7209" spans="35:39" x14ac:dyDescent="0.35">
      <c r="AI7209" s="84"/>
      <c r="AM7209" s="84"/>
    </row>
    <row r="7210" spans="35:39" x14ac:dyDescent="0.35">
      <c r="AI7210" s="84"/>
      <c r="AM7210" s="84"/>
    </row>
    <row r="7211" spans="35:39" x14ac:dyDescent="0.35">
      <c r="AI7211" s="84"/>
      <c r="AM7211" s="84"/>
    </row>
    <row r="7212" spans="35:39" x14ac:dyDescent="0.35">
      <c r="AI7212" s="84"/>
      <c r="AM7212" s="84"/>
    </row>
    <row r="7213" spans="35:39" x14ac:dyDescent="0.35">
      <c r="AI7213" s="84"/>
      <c r="AM7213" s="84"/>
    </row>
    <row r="7214" spans="35:39" x14ac:dyDescent="0.35">
      <c r="AI7214" s="84"/>
      <c r="AM7214" s="84"/>
    </row>
    <row r="7215" spans="35:39" x14ac:dyDescent="0.35">
      <c r="AI7215" s="84"/>
      <c r="AM7215" s="84"/>
    </row>
    <row r="7216" spans="35:39" x14ac:dyDescent="0.35">
      <c r="AI7216" s="84"/>
      <c r="AM7216" s="84"/>
    </row>
    <row r="7217" spans="35:39" x14ac:dyDescent="0.35">
      <c r="AI7217" s="84"/>
      <c r="AM7217" s="84"/>
    </row>
    <row r="7218" spans="35:39" x14ac:dyDescent="0.35">
      <c r="AI7218" s="84"/>
      <c r="AM7218" s="84"/>
    </row>
    <row r="7219" spans="35:39" x14ac:dyDescent="0.35">
      <c r="AI7219" s="84"/>
      <c r="AM7219" s="84"/>
    </row>
    <row r="7220" spans="35:39" x14ac:dyDescent="0.35">
      <c r="AI7220" s="84"/>
      <c r="AM7220" s="84"/>
    </row>
    <row r="7221" spans="35:39" x14ac:dyDescent="0.35">
      <c r="AI7221" s="84"/>
      <c r="AM7221" s="84"/>
    </row>
    <row r="7222" spans="35:39" x14ac:dyDescent="0.35">
      <c r="AI7222" s="84"/>
      <c r="AM7222" s="84"/>
    </row>
    <row r="7223" spans="35:39" x14ac:dyDescent="0.35">
      <c r="AI7223" s="84"/>
      <c r="AM7223" s="84"/>
    </row>
    <row r="7224" spans="35:39" x14ac:dyDescent="0.35">
      <c r="AI7224" s="84"/>
      <c r="AM7224" s="84"/>
    </row>
    <row r="7225" spans="35:39" x14ac:dyDescent="0.35">
      <c r="AI7225" s="84"/>
      <c r="AM7225" s="84"/>
    </row>
    <row r="7226" spans="35:39" x14ac:dyDescent="0.35">
      <c r="AI7226" s="84"/>
      <c r="AM7226" s="84"/>
    </row>
    <row r="7227" spans="35:39" x14ac:dyDescent="0.35">
      <c r="AI7227" s="84"/>
      <c r="AM7227" s="84"/>
    </row>
    <row r="7228" spans="35:39" x14ac:dyDescent="0.35">
      <c r="AI7228" s="84"/>
      <c r="AM7228" s="84"/>
    </row>
    <row r="7229" spans="35:39" x14ac:dyDescent="0.35">
      <c r="AI7229" s="84"/>
      <c r="AM7229" s="84"/>
    </row>
    <row r="7230" spans="35:39" x14ac:dyDescent="0.35">
      <c r="AI7230" s="84"/>
      <c r="AM7230" s="84"/>
    </row>
    <row r="7231" spans="35:39" x14ac:dyDescent="0.35">
      <c r="AI7231" s="84"/>
      <c r="AM7231" s="84"/>
    </row>
    <row r="7232" spans="35:39" x14ac:dyDescent="0.35">
      <c r="AI7232" s="84"/>
      <c r="AM7232" s="84"/>
    </row>
    <row r="7233" spans="35:39" x14ac:dyDescent="0.35">
      <c r="AI7233" s="84"/>
      <c r="AM7233" s="84"/>
    </row>
    <row r="7234" spans="35:39" x14ac:dyDescent="0.35">
      <c r="AI7234" s="84"/>
      <c r="AM7234" s="84"/>
    </row>
    <row r="7235" spans="35:39" x14ac:dyDescent="0.35">
      <c r="AI7235" s="84"/>
      <c r="AM7235" s="84"/>
    </row>
    <row r="7236" spans="35:39" x14ac:dyDescent="0.35">
      <c r="AI7236" s="84"/>
      <c r="AM7236" s="84"/>
    </row>
    <row r="7237" spans="35:39" x14ac:dyDescent="0.35">
      <c r="AI7237" s="84"/>
      <c r="AM7237" s="84"/>
    </row>
    <row r="7238" spans="35:39" x14ac:dyDescent="0.35">
      <c r="AI7238" s="84"/>
      <c r="AM7238" s="84"/>
    </row>
    <row r="7239" spans="35:39" x14ac:dyDescent="0.35">
      <c r="AI7239" s="84"/>
      <c r="AM7239" s="84"/>
    </row>
    <row r="7240" spans="35:39" x14ac:dyDescent="0.35">
      <c r="AI7240" s="84"/>
      <c r="AM7240" s="84"/>
    </row>
    <row r="7241" spans="35:39" x14ac:dyDescent="0.35">
      <c r="AI7241" s="84"/>
      <c r="AM7241" s="84"/>
    </row>
    <row r="7242" spans="35:39" x14ac:dyDescent="0.35">
      <c r="AI7242" s="84"/>
      <c r="AM7242" s="84"/>
    </row>
    <row r="7243" spans="35:39" x14ac:dyDescent="0.35">
      <c r="AI7243" s="84"/>
      <c r="AM7243" s="84"/>
    </row>
    <row r="7244" spans="35:39" x14ac:dyDescent="0.35">
      <c r="AI7244" s="84"/>
      <c r="AM7244" s="84"/>
    </row>
    <row r="7245" spans="35:39" x14ac:dyDescent="0.35">
      <c r="AI7245" s="84"/>
      <c r="AM7245" s="84"/>
    </row>
    <row r="7246" spans="35:39" x14ac:dyDescent="0.35">
      <c r="AI7246" s="84"/>
      <c r="AM7246" s="84"/>
    </row>
    <row r="7247" spans="35:39" x14ac:dyDescent="0.35">
      <c r="AI7247" s="84"/>
      <c r="AM7247" s="84"/>
    </row>
    <row r="7248" spans="35:39" x14ac:dyDescent="0.35">
      <c r="AI7248" s="84"/>
      <c r="AM7248" s="84"/>
    </row>
    <row r="7249" spans="35:39" x14ac:dyDescent="0.35">
      <c r="AI7249" s="84"/>
      <c r="AM7249" s="84"/>
    </row>
    <row r="7250" spans="35:39" x14ac:dyDescent="0.35">
      <c r="AI7250" s="84"/>
      <c r="AM7250" s="84"/>
    </row>
    <row r="7251" spans="35:39" x14ac:dyDescent="0.35">
      <c r="AI7251" s="84"/>
      <c r="AM7251" s="84"/>
    </row>
    <row r="7252" spans="35:39" x14ac:dyDescent="0.35">
      <c r="AI7252" s="84"/>
      <c r="AM7252" s="84"/>
    </row>
    <row r="7253" spans="35:39" x14ac:dyDescent="0.35">
      <c r="AI7253" s="84"/>
      <c r="AM7253" s="84"/>
    </row>
    <row r="7254" spans="35:39" x14ac:dyDescent="0.35">
      <c r="AI7254" s="84"/>
      <c r="AM7254" s="84"/>
    </row>
    <row r="7255" spans="35:39" x14ac:dyDescent="0.35">
      <c r="AI7255" s="84"/>
      <c r="AM7255" s="84"/>
    </row>
    <row r="7256" spans="35:39" x14ac:dyDescent="0.35">
      <c r="AI7256" s="84"/>
      <c r="AM7256" s="84"/>
    </row>
    <row r="7257" spans="35:39" x14ac:dyDescent="0.35">
      <c r="AI7257" s="84"/>
      <c r="AM7257" s="84"/>
    </row>
    <row r="7258" spans="35:39" x14ac:dyDescent="0.35">
      <c r="AI7258" s="84"/>
      <c r="AM7258" s="84"/>
    </row>
    <row r="7259" spans="35:39" x14ac:dyDescent="0.35">
      <c r="AI7259" s="84"/>
      <c r="AM7259" s="84"/>
    </row>
    <row r="7260" spans="35:39" x14ac:dyDescent="0.35">
      <c r="AI7260" s="84"/>
      <c r="AM7260" s="84"/>
    </row>
    <row r="7261" spans="35:39" x14ac:dyDescent="0.35">
      <c r="AI7261" s="84"/>
      <c r="AM7261" s="84"/>
    </row>
    <row r="7262" spans="35:39" x14ac:dyDescent="0.35">
      <c r="AI7262" s="84"/>
      <c r="AM7262" s="84"/>
    </row>
    <row r="7263" spans="35:39" x14ac:dyDescent="0.35">
      <c r="AI7263" s="84"/>
      <c r="AM7263" s="84"/>
    </row>
    <row r="7264" spans="35:39" x14ac:dyDescent="0.35">
      <c r="AI7264" s="84"/>
      <c r="AM7264" s="84"/>
    </row>
    <row r="7265" spans="35:39" x14ac:dyDescent="0.35">
      <c r="AI7265" s="84"/>
      <c r="AM7265" s="84"/>
    </row>
    <row r="7266" spans="35:39" x14ac:dyDescent="0.35">
      <c r="AI7266" s="84"/>
      <c r="AM7266" s="84"/>
    </row>
    <row r="7267" spans="35:39" x14ac:dyDescent="0.35">
      <c r="AI7267" s="84"/>
      <c r="AM7267" s="84"/>
    </row>
    <row r="7268" spans="35:39" x14ac:dyDescent="0.35">
      <c r="AI7268" s="84"/>
      <c r="AM7268" s="84"/>
    </row>
    <row r="7269" spans="35:39" x14ac:dyDescent="0.35">
      <c r="AI7269" s="84"/>
      <c r="AM7269" s="84"/>
    </row>
    <row r="7270" spans="35:39" x14ac:dyDescent="0.35">
      <c r="AI7270" s="84"/>
      <c r="AM7270" s="84"/>
    </row>
    <row r="7271" spans="35:39" x14ac:dyDescent="0.35">
      <c r="AI7271" s="84"/>
      <c r="AM7271" s="84"/>
    </row>
    <row r="7272" spans="35:39" x14ac:dyDescent="0.35">
      <c r="AI7272" s="84"/>
      <c r="AM7272" s="84"/>
    </row>
    <row r="7273" spans="35:39" x14ac:dyDescent="0.35">
      <c r="AI7273" s="84"/>
      <c r="AM7273" s="84"/>
    </row>
    <row r="7274" spans="35:39" x14ac:dyDescent="0.35">
      <c r="AI7274" s="84"/>
      <c r="AM7274" s="84"/>
    </row>
    <row r="7275" spans="35:39" x14ac:dyDescent="0.35">
      <c r="AI7275" s="84"/>
      <c r="AM7275" s="84"/>
    </row>
    <row r="7276" spans="35:39" x14ac:dyDescent="0.35">
      <c r="AI7276" s="84"/>
      <c r="AM7276" s="84"/>
    </row>
    <row r="7277" spans="35:39" x14ac:dyDescent="0.35">
      <c r="AI7277" s="84"/>
      <c r="AM7277" s="84"/>
    </row>
    <row r="7278" spans="35:39" x14ac:dyDescent="0.35">
      <c r="AI7278" s="84"/>
      <c r="AM7278" s="84"/>
    </row>
    <row r="7279" spans="35:39" x14ac:dyDescent="0.35">
      <c r="AI7279" s="84"/>
      <c r="AM7279" s="84"/>
    </row>
    <row r="7280" spans="35:39" x14ac:dyDescent="0.35">
      <c r="AI7280" s="84"/>
      <c r="AM7280" s="84"/>
    </row>
    <row r="7281" spans="35:39" x14ac:dyDescent="0.35">
      <c r="AI7281" s="84"/>
      <c r="AM7281" s="84"/>
    </row>
    <row r="7282" spans="35:39" x14ac:dyDescent="0.35">
      <c r="AI7282" s="84"/>
      <c r="AM7282" s="84"/>
    </row>
    <row r="7283" spans="35:39" x14ac:dyDescent="0.35">
      <c r="AI7283" s="84"/>
      <c r="AM7283" s="84"/>
    </row>
    <row r="7284" spans="35:39" x14ac:dyDescent="0.35">
      <c r="AI7284" s="84"/>
      <c r="AM7284" s="84"/>
    </row>
    <row r="7285" spans="35:39" x14ac:dyDescent="0.35">
      <c r="AI7285" s="84"/>
      <c r="AM7285" s="84"/>
    </row>
    <row r="7286" spans="35:39" x14ac:dyDescent="0.35">
      <c r="AI7286" s="84"/>
      <c r="AM7286" s="84"/>
    </row>
    <row r="7287" spans="35:39" x14ac:dyDescent="0.35">
      <c r="AI7287" s="84"/>
      <c r="AM7287" s="84"/>
    </row>
    <row r="7288" spans="35:39" x14ac:dyDescent="0.35">
      <c r="AI7288" s="84"/>
      <c r="AM7288" s="84"/>
    </row>
    <row r="7289" spans="35:39" x14ac:dyDescent="0.35">
      <c r="AI7289" s="84"/>
      <c r="AM7289" s="84"/>
    </row>
    <row r="7290" spans="35:39" x14ac:dyDescent="0.35">
      <c r="AI7290" s="84"/>
      <c r="AM7290" s="84"/>
    </row>
    <row r="7291" spans="35:39" x14ac:dyDescent="0.35">
      <c r="AI7291" s="84"/>
      <c r="AM7291" s="84"/>
    </row>
    <row r="7292" spans="35:39" x14ac:dyDescent="0.35">
      <c r="AI7292" s="84"/>
      <c r="AM7292" s="84"/>
    </row>
    <row r="7293" spans="35:39" x14ac:dyDescent="0.35">
      <c r="AI7293" s="84"/>
      <c r="AM7293" s="84"/>
    </row>
    <row r="7294" spans="35:39" x14ac:dyDescent="0.35">
      <c r="AI7294" s="84"/>
      <c r="AM7294" s="84"/>
    </row>
    <row r="7295" spans="35:39" x14ac:dyDescent="0.35">
      <c r="AI7295" s="84"/>
      <c r="AM7295" s="84"/>
    </row>
    <row r="7296" spans="35:39" x14ac:dyDescent="0.35">
      <c r="AI7296" s="84"/>
      <c r="AM7296" s="84"/>
    </row>
    <row r="7297" spans="35:39" x14ac:dyDescent="0.35">
      <c r="AI7297" s="84"/>
      <c r="AM7297" s="84"/>
    </row>
    <row r="7298" spans="35:39" x14ac:dyDescent="0.35">
      <c r="AI7298" s="84"/>
      <c r="AM7298" s="84"/>
    </row>
    <row r="7299" spans="35:39" x14ac:dyDescent="0.35">
      <c r="AI7299" s="84"/>
      <c r="AM7299" s="84"/>
    </row>
    <row r="7300" spans="35:39" x14ac:dyDescent="0.35">
      <c r="AI7300" s="84"/>
      <c r="AM7300" s="84"/>
    </row>
    <row r="7301" spans="35:39" x14ac:dyDescent="0.35">
      <c r="AI7301" s="84"/>
      <c r="AM7301" s="84"/>
    </row>
    <row r="7302" spans="35:39" x14ac:dyDescent="0.35">
      <c r="AI7302" s="84"/>
      <c r="AM7302" s="84"/>
    </row>
    <row r="7303" spans="35:39" x14ac:dyDescent="0.35">
      <c r="AI7303" s="84"/>
      <c r="AM7303" s="84"/>
    </row>
    <row r="7304" spans="35:39" x14ac:dyDescent="0.35">
      <c r="AI7304" s="84"/>
      <c r="AM7304" s="84"/>
    </row>
    <row r="7305" spans="35:39" x14ac:dyDescent="0.35">
      <c r="AI7305" s="84"/>
      <c r="AM7305" s="84"/>
    </row>
    <row r="7306" spans="35:39" x14ac:dyDescent="0.35">
      <c r="AI7306" s="84"/>
      <c r="AM7306" s="84"/>
    </row>
    <row r="7307" spans="35:39" x14ac:dyDescent="0.35">
      <c r="AI7307" s="84"/>
      <c r="AM7307" s="84"/>
    </row>
    <row r="7308" spans="35:39" x14ac:dyDescent="0.35">
      <c r="AI7308" s="84"/>
      <c r="AM7308" s="84"/>
    </row>
    <row r="7309" spans="35:39" x14ac:dyDescent="0.35">
      <c r="AI7309" s="84"/>
      <c r="AM7309" s="84"/>
    </row>
    <row r="7310" spans="35:39" x14ac:dyDescent="0.35">
      <c r="AI7310" s="84"/>
      <c r="AM7310" s="84"/>
    </row>
    <row r="7311" spans="35:39" x14ac:dyDescent="0.35">
      <c r="AI7311" s="84"/>
      <c r="AM7311" s="84"/>
    </row>
    <row r="7312" spans="35:39" x14ac:dyDescent="0.35">
      <c r="AI7312" s="84"/>
      <c r="AM7312" s="84"/>
    </row>
    <row r="7313" spans="35:39" x14ac:dyDescent="0.35">
      <c r="AI7313" s="84"/>
      <c r="AM7313" s="84"/>
    </row>
    <row r="7314" spans="35:39" x14ac:dyDescent="0.35">
      <c r="AI7314" s="84"/>
      <c r="AM7314" s="84"/>
    </row>
    <row r="7315" spans="35:39" x14ac:dyDescent="0.35">
      <c r="AI7315" s="84"/>
      <c r="AM7315" s="84"/>
    </row>
    <row r="7316" spans="35:39" x14ac:dyDescent="0.35">
      <c r="AI7316" s="84"/>
      <c r="AM7316" s="84"/>
    </row>
    <row r="7317" spans="35:39" x14ac:dyDescent="0.35">
      <c r="AI7317" s="84"/>
      <c r="AM7317" s="84"/>
    </row>
    <row r="7318" spans="35:39" x14ac:dyDescent="0.35">
      <c r="AI7318" s="84"/>
      <c r="AM7318" s="84"/>
    </row>
    <row r="7319" spans="35:39" x14ac:dyDescent="0.35">
      <c r="AI7319" s="84"/>
      <c r="AM7319" s="84"/>
    </row>
    <row r="7320" spans="35:39" x14ac:dyDescent="0.35">
      <c r="AI7320" s="84"/>
      <c r="AM7320" s="84"/>
    </row>
    <row r="7321" spans="35:39" x14ac:dyDescent="0.35">
      <c r="AI7321" s="84"/>
      <c r="AM7321" s="84"/>
    </row>
    <row r="7322" spans="35:39" x14ac:dyDescent="0.35">
      <c r="AI7322" s="84"/>
      <c r="AM7322" s="84"/>
    </row>
    <row r="7323" spans="35:39" x14ac:dyDescent="0.35">
      <c r="AI7323" s="84"/>
      <c r="AM7323" s="84"/>
    </row>
    <row r="7324" spans="35:39" x14ac:dyDescent="0.35">
      <c r="AI7324" s="84"/>
      <c r="AM7324" s="84"/>
    </row>
    <row r="7325" spans="35:39" x14ac:dyDescent="0.35">
      <c r="AI7325" s="84"/>
      <c r="AM7325" s="84"/>
    </row>
    <row r="7326" spans="35:39" x14ac:dyDescent="0.35">
      <c r="AI7326" s="84"/>
      <c r="AM7326" s="84"/>
    </row>
    <row r="7327" spans="35:39" x14ac:dyDescent="0.35">
      <c r="AI7327" s="84"/>
      <c r="AM7327" s="84"/>
    </row>
    <row r="7328" spans="35:39" x14ac:dyDescent="0.35">
      <c r="AI7328" s="84"/>
      <c r="AM7328" s="84"/>
    </row>
    <row r="7329" spans="35:39" x14ac:dyDescent="0.35">
      <c r="AI7329" s="84"/>
      <c r="AM7329" s="84"/>
    </row>
    <row r="7330" spans="35:39" x14ac:dyDescent="0.35">
      <c r="AI7330" s="84"/>
      <c r="AM7330" s="84"/>
    </row>
    <row r="7331" spans="35:39" x14ac:dyDescent="0.35">
      <c r="AI7331" s="84"/>
      <c r="AM7331" s="84"/>
    </row>
    <row r="7332" spans="35:39" x14ac:dyDescent="0.35">
      <c r="AI7332" s="84"/>
      <c r="AM7332" s="84"/>
    </row>
    <row r="7333" spans="35:39" x14ac:dyDescent="0.35">
      <c r="AI7333" s="84"/>
      <c r="AM7333" s="84"/>
    </row>
    <row r="7334" spans="35:39" x14ac:dyDescent="0.35">
      <c r="AI7334" s="84"/>
      <c r="AM7334" s="84"/>
    </row>
    <row r="7335" spans="35:39" x14ac:dyDescent="0.35">
      <c r="AI7335" s="84"/>
      <c r="AM7335" s="84"/>
    </row>
    <row r="7336" spans="35:39" x14ac:dyDescent="0.35">
      <c r="AI7336" s="84"/>
      <c r="AM7336" s="84"/>
    </row>
    <row r="7337" spans="35:39" x14ac:dyDescent="0.35">
      <c r="AI7337" s="84"/>
      <c r="AM7337" s="84"/>
    </row>
    <row r="7338" spans="35:39" x14ac:dyDescent="0.35">
      <c r="AI7338" s="84"/>
      <c r="AM7338" s="84"/>
    </row>
    <row r="7339" spans="35:39" x14ac:dyDescent="0.35">
      <c r="AI7339" s="84"/>
      <c r="AM7339" s="84"/>
    </row>
    <row r="7340" spans="35:39" x14ac:dyDescent="0.35">
      <c r="AI7340" s="84"/>
      <c r="AM7340" s="84"/>
    </row>
    <row r="7341" spans="35:39" x14ac:dyDescent="0.35">
      <c r="AI7341" s="84"/>
      <c r="AM7341" s="84"/>
    </row>
    <row r="7342" spans="35:39" x14ac:dyDescent="0.35">
      <c r="AI7342" s="84"/>
      <c r="AM7342" s="84"/>
    </row>
    <row r="7343" spans="35:39" x14ac:dyDescent="0.35">
      <c r="AI7343" s="84"/>
      <c r="AM7343" s="84"/>
    </row>
    <row r="7344" spans="35:39" x14ac:dyDescent="0.35">
      <c r="AI7344" s="84"/>
      <c r="AM7344" s="84"/>
    </row>
    <row r="7345" spans="35:39" x14ac:dyDescent="0.35">
      <c r="AI7345" s="84"/>
      <c r="AM7345" s="84"/>
    </row>
    <row r="7346" spans="35:39" x14ac:dyDescent="0.35">
      <c r="AI7346" s="84"/>
      <c r="AM7346" s="84"/>
    </row>
    <row r="7347" spans="35:39" x14ac:dyDescent="0.35">
      <c r="AI7347" s="84"/>
      <c r="AM7347" s="84"/>
    </row>
    <row r="7348" spans="35:39" x14ac:dyDescent="0.35">
      <c r="AI7348" s="84"/>
      <c r="AM7348" s="84"/>
    </row>
    <row r="7349" spans="35:39" x14ac:dyDescent="0.35">
      <c r="AI7349" s="84"/>
      <c r="AM7349" s="84"/>
    </row>
    <row r="7350" spans="35:39" x14ac:dyDescent="0.35">
      <c r="AI7350" s="84"/>
      <c r="AM7350" s="84"/>
    </row>
    <row r="7351" spans="35:39" x14ac:dyDescent="0.35">
      <c r="AI7351" s="84"/>
      <c r="AM7351" s="84"/>
    </row>
    <row r="7352" spans="35:39" x14ac:dyDescent="0.35">
      <c r="AI7352" s="84"/>
      <c r="AM7352" s="84"/>
    </row>
    <row r="7353" spans="35:39" x14ac:dyDescent="0.35">
      <c r="AI7353" s="84"/>
      <c r="AM7353" s="84"/>
    </row>
    <row r="7354" spans="35:39" x14ac:dyDescent="0.35">
      <c r="AI7354" s="84"/>
      <c r="AM7354" s="84"/>
    </row>
    <row r="7355" spans="35:39" x14ac:dyDescent="0.35">
      <c r="AI7355" s="84"/>
      <c r="AM7355" s="84"/>
    </row>
    <row r="7356" spans="35:39" x14ac:dyDescent="0.35">
      <c r="AI7356" s="84"/>
      <c r="AM7356" s="84"/>
    </row>
    <row r="7357" spans="35:39" x14ac:dyDescent="0.35">
      <c r="AI7357" s="84"/>
      <c r="AM7357" s="84"/>
    </row>
    <row r="7358" spans="35:39" x14ac:dyDescent="0.35">
      <c r="AI7358" s="84"/>
      <c r="AM7358" s="84"/>
    </row>
    <row r="7359" spans="35:39" x14ac:dyDescent="0.35">
      <c r="AI7359" s="84"/>
      <c r="AM7359" s="84"/>
    </row>
    <row r="7360" spans="35:39" x14ac:dyDescent="0.35">
      <c r="AI7360" s="84"/>
      <c r="AM7360" s="84"/>
    </row>
    <row r="7361" spans="35:39" x14ac:dyDescent="0.35">
      <c r="AI7361" s="84"/>
      <c r="AM7361" s="84"/>
    </row>
    <row r="7362" spans="35:39" x14ac:dyDescent="0.35">
      <c r="AI7362" s="84"/>
      <c r="AM7362" s="84"/>
    </row>
    <row r="7363" spans="35:39" x14ac:dyDescent="0.35">
      <c r="AI7363" s="84"/>
      <c r="AM7363" s="84"/>
    </row>
    <row r="7364" spans="35:39" x14ac:dyDescent="0.35">
      <c r="AI7364" s="84"/>
      <c r="AM7364" s="84"/>
    </row>
    <row r="7365" spans="35:39" x14ac:dyDescent="0.35">
      <c r="AI7365" s="84"/>
      <c r="AM7365" s="84"/>
    </row>
    <row r="7366" spans="35:39" x14ac:dyDescent="0.35">
      <c r="AI7366" s="84"/>
      <c r="AM7366" s="84"/>
    </row>
    <row r="7367" spans="35:39" x14ac:dyDescent="0.35">
      <c r="AI7367" s="84"/>
      <c r="AM7367" s="84"/>
    </row>
    <row r="7368" spans="35:39" x14ac:dyDescent="0.35">
      <c r="AI7368" s="84"/>
      <c r="AM7368" s="84"/>
    </row>
    <row r="7369" spans="35:39" x14ac:dyDescent="0.35">
      <c r="AI7369" s="84"/>
      <c r="AM7369" s="84"/>
    </row>
    <row r="7370" spans="35:39" x14ac:dyDescent="0.35">
      <c r="AI7370" s="84"/>
      <c r="AM7370" s="84"/>
    </row>
    <row r="7371" spans="35:39" x14ac:dyDescent="0.35">
      <c r="AI7371" s="84"/>
      <c r="AM7371" s="84"/>
    </row>
    <row r="7372" spans="35:39" x14ac:dyDescent="0.35">
      <c r="AI7372" s="84"/>
      <c r="AM7372" s="84"/>
    </row>
    <row r="7373" spans="35:39" x14ac:dyDescent="0.35">
      <c r="AI7373" s="84"/>
      <c r="AM7373" s="84"/>
    </row>
    <row r="7374" spans="35:39" x14ac:dyDescent="0.35">
      <c r="AI7374" s="84"/>
      <c r="AM7374" s="84"/>
    </row>
    <row r="7375" spans="35:39" x14ac:dyDescent="0.35">
      <c r="AI7375" s="84"/>
      <c r="AM7375" s="84"/>
    </row>
    <row r="7376" spans="35:39" x14ac:dyDescent="0.35">
      <c r="AI7376" s="84"/>
      <c r="AM7376" s="84"/>
    </row>
    <row r="7377" spans="35:39" x14ac:dyDescent="0.35">
      <c r="AI7377" s="84"/>
      <c r="AM7377" s="84"/>
    </row>
    <row r="7378" spans="35:39" x14ac:dyDescent="0.35">
      <c r="AI7378" s="84"/>
      <c r="AM7378" s="84"/>
    </row>
    <row r="7379" spans="35:39" x14ac:dyDescent="0.35">
      <c r="AI7379" s="84"/>
      <c r="AM7379" s="84"/>
    </row>
    <row r="7380" spans="35:39" x14ac:dyDescent="0.35">
      <c r="AI7380" s="84"/>
      <c r="AM7380" s="84"/>
    </row>
    <row r="7381" spans="35:39" x14ac:dyDescent="0.35">
      <c r="AI7381" s="84"/>
      <c r="AM7381" s="84"/>
    </row>
    <row r="7382" spans="35:39" x14ac:dyDescent="0.35">
      <c r="AI7382" s="84"/>
      <c r="AM7382" s="84"/>
    </row>
    <row r="7383" spans="35:39" x14ac:dyDescent="0.35">
      <c r="AI7383" s="84"/>
      <c r="AM7383" s="84"/>
    </row>
    <row r="7384" spans="35:39" x14ac:dyDescent="0.35">
      <c r="AI7384" s="84"/>
      <c r="AM7384" s="84"/>
    </row>
    <row r="7385" spans="35:39" x14ac:dyDescent="0.35">
      <c r="AI7385" s="84"/>
      <c r="AM7385" s="84"/>
    </row>
    <row r="7386" spans="35:39" x14ac:dyDescent="0.35">
      <c r="AI7386" s="84"/>
      <c r="AM7386" s="84"/>
    </row>
    <row r="7387" spans="35:39" x14ac:dyDescent="0.35">
      <c r="AI7387" s="84"/>
      <c r="AM7387" s="84"/>
    </row>
    <row r="7388" spans="35:39" x14ac:dyDescent="0.35">
      <c r="AI7388" s="84"/>
      <c r="AM7388" s="84"/>
    </row>
    <row r="7389" spans="35:39" x14ac:dyDescent="0.35">
      <c r="AI7389" s="84"/>
      <c r="AM7389" s="84"/>
    </row>
    <row r="7390" spans="35:39" x14ac:dyDescent="0.35">
      <c r="AI7390" s="84"/>
      <c r="AM7390" s="84"/>
    </row>
    <row r="7391" spans="35:39" x14ac:dyDescent="0.35">
      <c r="AI7391" s="84"/>
      <c r="AM7391" s="84"/>
    </row>
    <row r="7392" spans="35:39" x14ac:dyDescent="0.35">
      <c r="AI7392" s="84"/>
      <c r="AM7392" s="84"/>
    </row>
    <row r="7393" spans="35:39" x14ac:dyDescent="0.35">
      <c r="AI7393" s="84"/>
      <c r="AM7393" s="84"/>
    </row>
    <row r="7394" spans="35:39" x14ac:dyDescent="0.35">
      <c r="AI7394" s="84"/>
      <c r="AM7394" s="84"/>
    </row>
    <row r="7395" spans="35:39" x14ac:dyDescent="0.35">
      <c r="AI7395" s="84"/>
      <c r="AM7395" s="84"/>
    </row>
    <row r="7396" spans="35:39" x14ac:dyDescent="0.35">
      <c r="AI7396" s="84"/>
      <c r="AM7396" s="84"/>
    </row>
    <row r="7397" spans="35:39" x14ac:dyDescent="0.35">
      <c r="AI7397" s="84"/>
      <c r="AM7397" s="84"/>
    </row>
    <row r="7398" spans="35:39" x14ac:dyDescent="0.35">
      <c r="AI7398" s="84"/>
      <c r="AM7398" s="84"/>
    </row>
    <row r="7399" spans="35:39" x14ac:dyDescent="0.35">
      <c r="AI7399" s="84"/>
      <c r="AM7399" s="84"/>
    </row>
    <row r="7400" spans="35:39" x14ac:dyDescent="0.35">
      <c r="AI7400" s="84"/>
      <c r="AM7400" s="84"/>
    </row>
    <row r="7401" spans="35:39" x14ac:dyDescent="0.35">
      <c r="AI7401" s="84"/>
      <c r="AM7401" s="84"/>
    </row>
    <row r="7402" spans="35:39" x14ac:dyDescent="0.35">
      <c r="AI7402" s="84"/>
      <c r="AM7402" s="84"/>
    </row>
    <row r="7403" spans="35:39" x14ac:dyDescent="0.35">
      <c r="AI7403" s="84"/>
      <c r="AM7403" s="84"/>
    </row>
    <row r="7404" spans="35:39" x14ac:dyDescent="0.35">
      <c r="AI7404" s="84"/>
      <c r="AM7404" s="84"/>
    </row>
    <row r="7405" spans="35:39" x14ac:dyDescent="0.35">
      <c r="AI7405" s="84"/>
      <c r="AM7405" s="84"/>
    </row>
    <row r="7406" spans="35:39" x14ac:dyDescent="0.35">
      <c r="AI7406" s="84"/>
      <c r="AM7406" s="84"/>
    </row>
    <row r="7407" spans="35:39" x14ac:dyDescent="0.35">
      <c r="AI7407" s="84"/>
      <c r="AM7407" s="84"/>
    </row>
    <row r="7408" spans="35:39" x14ac:dyDescent="0.35">
      <c r="AI7408" s="84"/>
      <c r="AM7408" s="84"/>
    </row>
    <row r="7409" spans="35:39" x14ac:dyDescent="0.35">
      <c r="AI7409" s="84"/>
      <c r="AM7409" s="84"/>
    </row>
    <row r="7410" spans="35:39" x14ac:dyDescent="0.35">
      <c r="AI7410" s="84"/>
      <c r="AM7410" s="84"/>
    </row>
    <row r="7411" spans="35:39" x14ac:dyDescent="0.35">
      <c r="AI7411" s="84"/>
      <c r="AM7411" s="84"/>
    </row>
    <row r="7412" spans="35:39" x14ac:dyDescent="0.35">
      <c r="AI7412" s="84"/>
      <c r="AM7412" s="84"/>
    </row>
    <row r="7413" spans="35:39" x14ac:dyDescent="0.35">
      <c r="AI7413" s="84"/>
      <c r="AM7413" s="84"/>
    </row>
    <row r="7414" spans="35:39" x14ac:dyDescent="0.35">
      <c r="AI7414" s="84"/>
      <c r="AM7414" s="84"/>
    </row>
    <row r="7415" spans="35:39" x14ac:dyDescent="0.35">
      <c r="AI7415" s="84"/>
      <c r="AM7415" s="84"/>
    </row>
    <row r="7416" spans="35:39" x14ac:dyDescent="0.35">
      <c r="AI7416" s="84"/>
      <c r="AM7416" s="84"/>
    </row>
    <row r="7417" spans="35:39" x14ac:dyDescent="0.35">
      <c r="AI7417" s="84"/>
      <c r="AM7417" s="84"/>
    </row>
    <row r="7418" spans="35:39" x14ac:dyDescent="0.35">
      <c r="AI7418" s="84"/>
      <c r="AM7418" s="84"/>
    </row>
    <row r="7419" spans="35:39" x14ac:dyDescent="0.35">
      <c r="AI7419" s="84"/>
      <c r="AM7419" s="84"/>
    </row>
    <row r="7420" spans="35:39" x14ac:dyDescent="0.35">
      <c r="AI7420" s="84"/>
      <c r="AM7420" s="84"/>
    </row>
    <row r="7421" spans="35:39" x14ac:dyDescent="0.35">
      <c r="AI7421" s="84"/>
      <c r="AM7421" s="84"/>
    </row>
    <row r="7422" spans="35:39" x14ac:dyDescent="0.35">
      <c r="AI7422" s="84"/>
      <c r="AM7422" s="84"/>
    </row>
    <row r="7423" spans="35:39" x14ac:dyDescent="0.35">
      <c r="AI7423" s="84"/>
      <c r="AM7423" s="84"/>
    </row>
    <row r="7424" spans="35:39" x14ac:dyDescent="0.35">
      <c r="AI7424" s="84"/>
      <c r="AM7424" s="84"/>
    </row>
    <row r="7425" spans="35:39" x14ac:dyDescent="0.35">
      <c r="AI7425" s="84"/>
      <c r="AM7425" s="84"/>
    </row>
    <row r="7426" spans="35:39" x14ac:dyDescent="0.35">
      <c r="AI7426" s="84"/>
      <c r="AM7426" s="84"/>
    </row>
    <row r="7427" spans="35:39" x14ac:dyDescent="0.35">
      <c r="AI7427" s="84"/>
      <c r="AM7427" s="84"/>
    </row>
    <row r="7428" spans="35:39" x14ac:dyDescent="0.35">
      <c r="AI7428" s="84"/>
      <c r="AM7428" s="84"/>
    </row>
    <row r="7429" spans="35:39" x14ac:dyDescent="0.35">
      <c r="AI7429" s="84"/>
      <c r="AM7429" s="84"/>
    </row>
    <row r="7430" spans="35:39" x14ac:dyDescent="0.35">
      <c r="AI7430" s="84"/>
      <c r="AM7430" s="84"/>
    </row>
    <row r="7431" spans="35:39" x14ac:dyDescent="0.35">
      <c r="AI7431" s="84"/>
      <c r="AM7431" s="84"/>
    </row>
    <row r="7432" spans="35:39" x14ac:dyDescent="0.35">
      <c r="AI7432" s="84"/>
      <c r="AM7432" s="84"/>
    </row>
    <row r="7433" spans="35:39" x14ac:dyDescent="0.35">
      <c r="AI7433" s="84"/>
      <c r="AM7433" s="84"/>
    </row>
    <row r="7434" spans="35:39" x14ac:dyDescent="0.35">
      <c r="AI7434" s="84"/>
      <c r="AM7434" s="84"/>
    </row>
    <row r="7435" spans="35:39" x14ac:dyDescent="0.35">
      <c r="AI7435" s="84"/>
      <c r="AM7435" s="84"/>
    </row>
    <row r="7436" spans="35:39" x14ac:dyDescent="0.35">
      <c r="AI7436" s="84"/>
      <c r="AM7436" s="84"/>
    </row>
    <row r="7437" spans="35:39" x14ac:dyDescent="0.35">
      <c r="AI7437" s="84"/>
      <c r="AM7437" s="84"/>
    </row>
    <row r="7438" spans="35:39" x14ac:dyDescent="0.35">
      <c r="AI7438" s="84"/>
      <c r="AM7438" s="84"/>
    </row>
    <row r="7439" spans="35:39" x14ac:dyDescent="0.35">
      <c r="AI7439" s="84"/>
      <c r="AM7439" s="84"/>
    </row>
    <row r="7440" spans="35:39" x14ac:dyDescent="0.35">
      <c r="AI7440" s="84"/>
      <c r="AM7440" s="84"/>
    </row>
    <row r="7441" spans="35:39" x14ac:dyDescent="0.35">
      <c r="AI7441" s="84"/>
      <c r="AM7441" s="84"/>
    </row>
    <row r="7442" spans="35:39" x14ac:dyDescent="0.35">
      <c r="AI7442" s="84"/>
      <c r="AM7442" s="84"/>
    </row>
    <row r="7443" spans="35:39" x14ac:dyDescent="0.35">
      <c r="AI7443" s="84"/>
      <c r="AM7443" s="84"/>
    </row>
    <row r="7444" spans="35:39" x14ac:dyDescent="0.35">
      <c r="AI7444" s="84"/>
      <c r="AM7444" s="84"/>
    </row>
    <row r="7445" spans="35:39" x14ac:dyDescent="0.35">
      <c r="AI7445" s="84"/>
      <c r="AM7445" s="84"/>
    </row>
    <row r="7446" spans="35:39" x14ac:dyDescent="0.35">
      <c r="AI7446" s="84"/>
      <c r="AM7446" s="84"/>
    </row>
    <row r="7447" spans="35:39" x14ac:dyDescent="0.35">
      <c r="AI7447" s="84"/>
      <c r="AM7447" s="84"/>
    </row>
    <row r="7448" spans="35:39" x14ac:dyDescent="0.35">
      <c r="AI7448" s="84"/>
      <c r="AM7448" s="84"/>
    </row>
    <row r="7449" spans="35:39" x14ac:dyDescent="0.35">
      <c r="AI7449" s="84"/>
      <c r="AM7449" s="84"/>
    </row>
    <row r="7450" spans="35:39" x14ac:dyDescent="0.35">
      <c r="AI7450" s="84"/>
      <c r="AM7450" s="84"/>
    </row>
    <row r="7451" spans="35:39" x14ac:dyDescent="0.35">
      <c r="AI7451" s="84"/>
      <c r="AM7451" s="84"/>
    </row>
    <row r="7452" spans="35:39" x14ac:dyDescent="0.35">
      <c r="AI7452" s="84"/>
      <c r="AM7452" s="84"/>
    </row>
    <row r="7453" spans="35:39" x14ac:dyDescent="0.35">
      <c r="AI7453" s="84"/>
      <c r="AM7453" s="84"/>
    </row>
    <row r="7454" spans="35:39" x14ac:dyDescent="0.35">
      <c r="AI7454" s="84"/>
      <c r="AM7454" s="84"/>
    </row>
    <row r="7455" spans="35:39" x14ac:dyDescent="0.35">
      <c r="AI7455" s="84"/>
      <c r="AM7455" s="84"/>
    </row>
    <row r="7456" spans="35:39" x14ac:dyDescent="0.35">
      <c r="AI7456" s="84"/>
      <c r="AM7456" s="84"/>
    </row>
    <row r="7457" spans="35:39" x14ac:dyDescent="0.35">
      <c r="AI7457" s="84"/>
      <c r="AM7457" s="84"/>
    </row>
    <row r="7458" spans="35:39" x14ac:dyDescent="0.35">
      <c r="AI7458" s="84"/>
      <c r="AM7458" s="84"/>
    </row>
    <row r="7459" spans="35:39" x14ac:dyDescent="0.35">
      <c r="AI7459" s="84"/>
      <c r="AM7459" s="84"/>
    </row>
    <row r="7460" spans="35:39" x14ac:dyDescent="0.35">
      <c r="AI7460" s="84"/>
      <c r="AM7460" s="84"/>
    </row>
    <row r="7461" spans="35:39" x14ac:dyDescent="0.35">
      <c r="AI7461" s="84"/>
      <c r="AM7461" s="84"/>
    </row>
    <row r="7462" spans="35:39" x14ac:dyDescent="0.35">
      <c r="AI7462" s="84"/>
      <c r="AM7462" s="84"/>
    </row>
    <row r="7463" spans="35:39" x14ac:dyDescent="0.35">
      <c r="AI7463" s="84"/>
      <c r="AM7463" s="84"/>
    </row>
    <row r="7464" spans="35:39" x14ac:dyDescent="0.35">
      <c r="AI7464" s="84"/>
      <c r="AM7464" s="84"/>
    </row>
    <row r="7465" spans="35:39" x14ac:dyDescent="0.35">
      <c r="AI7465" s="84"/>
      <c r="AM7465" s="84"/>
    </row>
    <row r="7466" spans="35:39" x14ac:dyDescent="0.35">
      <c r="AI7466" s="84"/>
      <c r="AM7466" s="84"/>
    </row>
    <row r="7467" spans="35:39" x14ac:dyDescent="0.35">
      <c r="AI7467" s="84"/>
      <c r="AM7467" s="84"/>
    </row>
    <row r="7468" spans="35:39" x14ac:dyDescent="0.35">
      <c r="AI7468" s="84"/>
      <c r="AM7468" s="84"/>
    </row>
    <row r="7469" spans="35:39" x14ac:dyDescent="0.35">
      <c r="AI7469" s="84"/>
      <c r="AM7469" s="84"/>
    </row>
    <row r="7470" spans="35:39" x14ac:dyDescent="0.35">
      <c r="AI7470" s="84"/>
      <c r="AM7470" s="84"/>
    </row>
    <row r="7471" spans="35:39" x14ac:dyDescent="0.35">
      <c r="AI7471" s="84"/>
      <c r="AM7471" s="84"/>
    </row>
    <row r="7472" spans="35:39" x14ac:dyDescent="0.35">
      <c r="AI7472" s="84"/>
      <c r="AM7472" s="84"/>
    </row>
    <row r="7473" spans="35:39" x14ac:dyDescent="0.35">
      <c r="AI7473" s="84"/>
      <c r="AM7473" s="84"/>
    </row>
    <row r="7474" spans="35:39" x14ac:dyDescent="0.35">
      <c r="AI7474" s="84"/>
      <c r="AM7474" s="84"/>
    </row>
    <row r="7475" spans="35:39" x14ac:dyDescent="0.35">
      <c r="AI7475" s="84"/>
      <c r="AM7475" s="84"/>
    </row>
    <row r="7476" spans="35:39" x14ac:dyDescent="0.35">
      <c r="AI7476" s="84"/>
      <c r="AM7476" s="84"/>
    </row>
    <row r="7477" spans="35:39" x14ac:dyDescent="0.35">
      <c r="AI7477" s="84"/>
      <c r="AM7477" s="84"/>
    </row>
    <row r="7478" spans="35:39" x14ac:dyDescent="0.35">
      <c r="AI7478" s="84"/>
      <c r="AM7478" s="84"/>
    </row>
    <row r="7479" spans="35:39" x14ac:dyDescent="0.35">
      <c r="AI7479" s="84"/>
      <c r="AM7479" s="84"/>
    </row>
    <row r="7480" spans="35:39" x14ac:dyDescent="0.35">
      <c r="AI7480" s="84"/>
      <c r="AM7480" s="84"/>
    </row>
    <row r="7481" spans="35:39" x14ac:dyDescent="0.35">
      <c r="AI7481" s="84"/>
      <c r="AM7481" s="84"/>
    </row>
    <row r="7482" spans="35:39" x14ac:dyDescent="0.35">
      <c r="AI7482" s="84"/>
      <c r="AM7482" s="84"/>
    </row>
    <row r="7483" spans="35:39" x14ac:dyDescent="0.35">
      <c r="AI7483" s="84"/>
      <c r="AM7483" s="84"/>
    </row>
    <row r="7484" spans="35:39" x14ac:dyDescent="0.35">
      <c r="AI7484" s="84"/>
      <c r="AM7484" s="84"/>
    </row>
    <row r="7485" spans="35:39" x14ac:dyDescent="0.35">
      <c r="AI7485" s="84"/>
      <c r="AM7485" s="84"/>
    </row>
    <row r="7486" spans="35:39" x14ac:dyDescent="0.35">
      <c r="AI7486" s="84"/>
      <c r="AM7486" s="84"/>
    </row>
    <row r="7487" spans="35:39" x14ac:dyDescent="0.35">
      <c r="AI7487" s="84"/>
      <c r="AM7487" s="84"/>
    </row>
    <row r="7488" spans="35:39" x14ac:dyDescent="0.35">
      <c r="AI7488" s="84"/>
      <c r="AM7488" s="84"/>
    </row>
    <row r="7489" spans="35:39" x14ac:dyDescent="0.35">
      <c r="AI7489" s="84"/>
      <c r="AM7489" s="84"/>
    </row>
    <row r="7490" spans="35:39" x14ac:dyDescent="0.35">
      <c r="AI7490" s="84"/>
      <c r="AM7490" s="84"/>
    </row>
    <row r="7491" spans="35:39" x14ac:dyDescent="0.35">
      <c r="AI7491" s="84"/>
      <c r="AM7491" s="84"/>
    </row>
    <row r="7492" spans="35:39" x14ac:dyDescent="0.35">
      <c r="AI7492" s="84"/>
      <c r="AM7492" s="84"/>
    </row>
    <row r="7493" spans="35:39" x14ac:dyDescent="0.35">
      <c r="AI7493" s="84"/>
      <c r="AM7493" s="84"/>
    </row>
    <row r="7494" spans="35:39" x14ac:dyDescent="0.35">
      <c r="AI7494" s="84"/>
      <c r="AM7494" s="84"/>
    </row>
    <row r="7495" spans="35:39" x14ac:dyDescent="0.35">
      <c r="AI7495" s="84"/>
      <c r="AM7495" s="84"/>
    </row>
    <row r="7496" spans="35:39" x14ac:dyDescent="0.35">
      <c r="AI7496" s="84"/>
      <c r="AM7496" s="84"/>
    </row>
    <row r="7497" spans="35:39" x14ac:dyDescent="0.35">
      <c r="AI7497" s="84"/>
      <c r="AM7497" s="84"/>
    </row>
    <row r="7498" spans="35:39" x14ac:dyDescent="0.35">
      <c r="AI7498" s="84"/>
      <c r="AM7498" s="84"/>
    </row>
    <row r="7499" spans="35:39" x14ac:dyDescent="0.35">
      <c r="AI7499" s="84"/>
      <c r="AM7499" s="84"/>
    </row>
    <row r="7500" spans="35:39" x14ac:dyDescent="0.35">
      <c r="AI7500" s="84"/>
      <c r="AM7500" s="84"/>
    </row>
    <row r="7501" spans="35:39" x14ac:dyDescent="0.35">
      <c r="AI7501" s="84"/>
      <c r="AM7501" s="84"/>
    </row>
    <row r="7502" spans="35:39" x14ac:dyDescent="0.35">
      <c r="AI7502" s="84"/>
      <c r="AM7502" s="84"/>
    </row>
    <row r="7503" spans="35:39" x14ac:dyDescent="0.35">
      <c r="AI7503" s="84"/>
      <c r="AM7503" s="84"/>
    </row>
    <row r="7504" spans="35:39" x14ac:dyDescent="0.35">
      <c r="AI7504" s="84"/>
      <c r="AM7504" s="84"/>
    </row>
    <row r="7505" spans="35:39" x14ac:dyDescent="0.35">
      <c r="AI7505" s="84"/>
      <c r="AM7505" s="84"/>
    </row>
    <row r="7506" spans="35:39" x14ac:dyDescent="0.35">
      <c r="AI7506" s="84"/>
      <c r="AM7506" s="84"/>
    </row>
    <row r="7507" spans="35:39" x14ac:dyDescent="0.35">
      <c r="AI7507" s="84"/>
      <c r="AM7507" s="84"/>
    </row>
    <row r="7508" spans="35:39" x14ac:dyDescent="0.35">
      <c r="AI7508" s="84"/>
      <c r="AM7508" s="84"/>
    </row>
    <row r="7509" spans="35:39" x14ac:dyDescent="0.35">
      <c r="AI7509" s="84"/>
      <c r="AM7509" s="84"/>
    </row>
    <row r="7510" spans="35:39" x14ac:dyDescent="0.35">
      <c r="AI7510" s="84"/>
      <c r="AM7510" s="84"/>
    </row>
    <row r="7511" spans="35:39" x14ac:dyDescent="0.35">
      <c r="AI7511" s="84"/>
      <c r="AM7511" s="84"/>
    </row>
    <row r="7512" spans="35:39" x14ac:dyDescent="0.35">
      <c r="AI7512" s="84"/>
      <c r="AM7512" s="84"/>
    </row>
    <row r="7513" spans="35:39" x14ac:dyDescent="0.35">
      <c r="AI7513" s="84"/>
      <c r="AM7513" s="84"/>
    </row>
    <row r="7514" spans="35:39" x14ac:dyDescent="0.35">
      <c r="AI7514" s="84"/>
      <c r="AM7514" s="84"/>
    </row>
    <row r="7515" spans="35:39" x14ac:dyDescent="0.35">
      <c r="AI7515" s="84"/>
      <c r="AM7515" s="84"/>
    </row>
    <row r="7516" spans="35:39" x14ac:dyDescent="0.35">
      <c r="AI7516" s="84"/>
      <c r="AM7516" s="84"/>
    </row>
    <row r="7517" spans="35:39" x14ac:dyDescent="0.35">
      <c r="AI7517" s="84"/>
      <c r="AM7517" s="84"/>
    </row>
    <row r="7518" spans="35:39" x14ac:dyDescent="0.35">
      <c r="AI7518" s="84"/>
      <c r="AM7518" s="84"/>
    </row>
    <row r="7519" spans="35:39" x14ac:dyDescent="0.35">
      <c r="AI7519" s="84"/>
      <c r="AM7519" s="84"/>
    </row>
    <row r="7520" spans="35:39" x14ac:dyDescent="0.35">
      <c r="AI7520" s="84"/>
      <c r="AM7520" s="84"/>
    </row>
    <row r="7521" spans="35:39" x14ac:dyDescent="0.35">
      <c r="AI7521" s="84"/>
      <c r="AM7521" s="84"/>
    </row>
    <row r="7522" spans="35:39" x14ac:dyDescent="0.35">
      <c r="AI7522" s="84"/>
      <c r="AM7522" s="84"/>
    </row>
    <row r="7523" spans="35:39" x14ac:dyDescent="0.35">
      <c r="AI7523" s="84"/>
      <c r="AM7523" s="84"/>
    </row>
    <row r="7524" spans="35:39" x14ac:dyDescent="0.35">
      <c r="AI7524" s="84"/>
      <c r="AM7524" s="84"/>
    </row>
    <row r="7525" spans="35:39" x14ac:dyDescent="0.35">
      <c r="AI7525" s="84"/>
      <c r="AM7525" s="84"/>
    </row>
    <row r="7526" spans="35:39" x14ac:dyDescent="0.35">
      <c r="AI7526" s="84"/>
      <c r="AM7526" s="84"/>
    </row>
    <row r="7527" spans="35:39" x14ac:dyDescent="0.35">
      <c r="AI7527" s="84"/>
      <c r="AM7527" s="84"/>
    </row>
    <row r="7528" spans="35:39" x14ac:dyDescent="0.35">
      <c r="AI7528" s="84"/>
      <c r="AM7528" s="84"/>
    </row>
    <row r="7529" spans="35:39" x14ac:dyDescent="0.35">
      <c r="AI7529" s="84"/>
      <c r="AM7529" s="84"/>
    </row>
    <row r="7530" spans="35:39" x14ac:dyDescent="0.35">
      <c r="AI7530" s="84"/>
      <c r="AM7530" s="84"/>
    </row>
    <row r="7531" spans="35:39" x14ac:dyDescent="0.35">
      <c r="AI7531" s="84"/>
      <c r="AM7531" s="84"/>
    </row>
    <row r="7532" spans="35:39" x14ac:dyDescent="0.35">
      <c r="AI7532" s="84"/>
      <c r="AM7532" s="84"/>
    </row>
    <row r="7533" spans="35:39" x14ac:dyDescent="0.35">
      <c r="AI7533" s="84"/>
      <c r="AM7533" s="84"/>
    </row>
    <row r="7534" spans="35:39" x14ac:dyDescent="0.35">
      <c r="AI7534" s="84"/>
      <c r="AM7534" s="84"/>
    </row>
    <row r="7535" spans="35:39" x14ac:dyDescent="0.35">
      <c r="AI7535" s="84"/>
      <c r="AM7535" s="84"/>
    </row>
    <row r="7536" spans="35:39" x14ac:dyDescent="0.35">
      <c r="AI7536" s="84"/>
      <c r="AM7536" s="84"/>
    </row>
    <row r="7537" spans="35:39" x14ac:dyDescent="0.35">
      <c r="AI7537" s="84"/>
      <c r="AM7537" s="84"/>
    </row>
    <row r="7538" spans="35:39" x14ac:dyDescent="0.35">
      <c r="AI7538" s="84"/>
      <c r="AM7538" s="84"/>
    </row>
    <row r="7539" spans="35:39" x14ac:dyDescent="0.35">
      <c r="AI7539" s="84"/>
      <c r="AM7539" s="84"/>
    </row>
    <row r="7540" spans="35:39" x14ac:dyDescent="0.35">
      <c r="AI7540" s="84"/>
      <c r="AM7540" s="84"/>
    </row>
    <row r="7541" spans="35:39" x14ac:dyDescent="0.35">
      <c r="AI7541" s="84"/>
      <c r="AM7541" s="84"/>
    </row>
    <row r="7542" spans="35:39" x14ac:dyDescent="0.35">
      <c r="AI7542" s="84"/>
      <c r="AM7542" s="84"/>
    </row>
    <row r="7543" spans="35:39" x14ac:dyDescent="0.35">
      <c r="AI7543" s="84"/>
      <c r="AM7543" s="84"/>
    </row>
    <row r="7544" spans="35:39" x14ac:dyDescent="0.35">
      <c r="AI7544" s="84"/>
      <c r="AM7544" s="84"/>
    </row>
    <row r="7545" spans="35:39" x14ac:dyDescent="0.35">
      <c r="AI7545" s="84"/>
      <c r="AM7545" s="84"/>
    </row>
    <row r="7546" spans="35:39" x14ac:dyDescent="0.35">
      <c r="AI7546" s="84"/>
      <c r="AM7546" s="84"/>
    </row>
    <row r="7547" spans="35:39" x14ac:dyDescent="0.35">
      <c r="AI7547" s="84"/>
      <c r="AM7547" s="84"/>
    </row>
    <row r="7548" spans="35:39" x14ac:dyDescent="0.35">
      <c r="AI7548" s="84"/>
      <c r="AM7548" s="84"/>
    </row>
    <row r="7549" spans="35:39" x14ac:dyDescent="0.35">
      <c r="AI7549" s="84"/>
      <c r="AM7549" s="84"/>
    </row>
    <row r="7550" spans="35:39" x14ac:dyDescent="0.35">
      <c r="AI7550" s="84"/>
      <c r="AM7550" s="84"/>
    </row>
    <row r="7551" spans="35:39" x14ac:dyDescent="0.35">
      <c r="AI7551" s="84"/>
      <c r="AM7551" s="84"/>
    </row>
    <row r="7552" spans="35:39" x14ac:dyDescent="0.35">
      <c r="AI7552" s="84"/>
      <c r="AM7552" s="84"/>
    </row>
    <row r="7553" spans="35:39" x14ac:dyDescent="0.35">
      <c r="AI7553" s="84"/>
      <c r="AM7553" s="84"/>
    </row>
    <row r="7554" spans="35:39" x14ac:dyDescent="0.35">
      <c r="AI7554" s="84"/>
      <c r="AM7554" s="84"/>
    </row>
    <row r="7555" spans="35:39" x14ac:dyDescent="0.35">
      <c r="AI7555" s="84"/>
      <c r="AM7555" s="84"/>
    </row>
    <row r="7556" spans="35:39" x14ac:dyDescent="0.35">
      <c r="AI7556" s="84"/>
      <c r="AM7556" s="84"/>
    </row>
    <row r="7557" spans="35:39" x14ac:dyDescent="0.35">
      <c r="AI7557" s="84"/>
      <c r="AM7557" s="84"/>
    </row>
    <row r="7558" spans="35:39" x14ac:dyDescent="0.35">
      <c r="AI7558" s="84"/>
      <c r="AM7558" s="84"/>
    </row>
    <row r="7559" spans="35:39" x14ac:dyDescent="0.35">
      <c r="AI7559" s="84"/>
      <c r="AM7559" s="84"/>
    </row>
    <row r="7560" spans="35:39" x14ac:dyDescent="0.35">
      <c r="AI7560" s="84"/>
      <c r="AM7560" s="84"/>
    </row>
    <row r="7561" spans="35:39" x14ac:dyDescent="0.35">
      <c r="AI7561" s="84"/>
      <c r="AM7561" s="84"/>
    </row>
    <row r="7562" spans="35:39" x14ac:dyDescent="0.35">
      <c r="AI7562" s="84"/>
      <c r="AM7562" s="84"/>
    </row>
    <row r="7563" spans="35:39" x14ac:dyDescent="0.35">
      <c r="AI7563" s="84"/>
      <c r="AM7563" s="84"/>
    </row>
    <row r="7564" spans="35:39" x14ac:dyDescent="0.35">
      <c r="AI7564" s="84"/>
      <c r="AM7564" s="84"/>
    </row>
    <row r="7565" spans="35:39" x14ac:dyDescent="0.35">
      <c r="AI7565" s="84"/>
      <c r="AM7565" s="84"/>
    </row>
    <row r="7566" spans="35:39" x14ac:dyDescent="0.35">
      <c r="AI7566" s="84"/>
      <c r="AM7566" s="84"/>
    </row>
    <row r="7567" spans="35:39" x14ac:dyDescent="0.35">
      <c r="AI7567" s="84"/>
      <c r="AM7567" s="84"/>
    </row>
    <row r="7568" spans="35:39" x14ac:dyDescent="0.35">
      <c r="AI7568" s="84"/>
      <c r="AM7568" s="84"/>
    </row>
    <row r="7569" spans="35:39" x14ac:dyDescent="0.35">
      <c r="AI7569" s="84"/>
      <c r="AM7569" s="84"/>
    </row>
    <row r="7570" spans="35:39" x14ac:dyDescent="0.35">
      <c r="AI7570" s="84"/>
      <c r="AM7570" s="84"/>
    </row>
    <row r="7571" spans="35:39" x14ac:dyDescent="0.35">
      <c r="AI7571" s="84"/>
      <c r="AM7571" s="84"/>
    </row>
    <row r="7572" spans="35:39" x14ac:dyDescent="0.35">
      <c r="AI7572" s="84"/>
      <c r="AM7572" s="84"/>
    </row>
    <row r="7573" spans="35:39" x14ac:dyDescent="0.35">
      <c r="AI7573" s="84"/>
      <c r="AM7573" s="84"/>
    </row>
    <row r="7574" spans="35:39" x14ac:dyDescent="0.35">
      <c r="AI7574" s="84"/>
      <c r="AM7574" s="84"/>
    </row>
    <row r="7575" spans="35:39" x14ac:dyDescent="0.35">
      <c r="AI7575" s="84"/>
      <c r="AM7575" s="84"/>
    </row>
    <row r="7576" spans="35:39" x14ac:dyDescent="0.35">
      <c r="AI7576" s="84"/>
      <c r="AM7576" s="84"/>
    </row>
    <row r="7577" spans="35:39" x14ac:dyDescent="0.35">
      <c r="AI7577" s="84"/>
      <c r="AM7577" s="84"/>
    </row>
    <row r="7578" spans="35:39" x14ac:dyDescent="0.35">
      <c r="AI7578" s="84"/>
      <c r="AM7578" s="84"/>
    </row>
    <row r="7579" spans="35:39" x14ac:dyDescent="0.35">
      <c r="AI7579" s="84"/>
      <c r="AM7579" s="84"/>
    </row>
    <row r="7580" spans="35:39" x14ac:dyDescent="0.35">
      <c r="AI7580" s="84"/>
      <c r="AM7580" s="84"/>
    </row>
    <row r="7581" spans="35:39" x14ac:dyDescent="0.35">
      <c r="AI7581" s="84"/>
      <c r="AM7581" s="84"/>
    </row>
    <row r="7582" spans="35:39" x14ac:dyDescent="0.35">
      <c r="AI7582" s="84"/>
      <c r="AM7582" s="84"/>
    </row>
    <row r="7583" spans="35:39" x14ac:dyDescent="0.35">
      <c r="AI7583" s="84"/>
      <c r="AM7583" s="84"/>
    </row>
    <row r="7584" spans="35:39" x14ac:dyDescent="0.35">
      <c r="AI7584" s="84"/>
      <c r="AM7584" s="84"/>
    </row>
    <row r="7585" spans="35:39" x14ac:dyDescent="0.35">
      <c r="AI7585" s="84"/>
      <c r="AM7585" s="84"/>
    </row>
    <row r="7586" spans="35:39" x14ac:dyDescent="0.35">
      <c r="AI7586" s="84"/>
      <c r="AM7586" s="84"/>
    </row>
    <row r="7587" spans="35:39" x14ac:dyDescent="0.35">
      <c r="AI7587" s="84"/>
      <c r="AM7587" s="84"/>
    </row>
    <row r="7588" spans="35:39" x14ac:dyDescent="0.35">
      <c r="AI7588" s="84"/>
      <c r="AM7588" s="84"/>
    </row>
    <row r="7589" spans="35:39" x14ac:dyDescent="0.35">
      <c r="AI7589" s="84"/>
      <c r="AM7589" s="84"/>
    </row>
    <row r="7590" spans="35:39" x14ac:dyDescent="0.35">
      <c r="AI7590" s="84"/>
      <c r="AM7590" s="84"/>
    </row>
    <row r="7591" spans="35:39" x14ac:dyDescent="0.35">
      <c r="AI7591" s="84"/>
      <c r="AM7591" s="84"/>
    </row>
    <row r="7592" spans="35:39" x14ac:dyDescent="0.35">
      <c r="AI7592" s="84"/>
      <c r="AM7592" s="84"/>
    </row>
    <row r="7593" spans="35:39" x14ac:dyDescent="0.35">
      <c r="AI7593" s="84"/>
      <c r="AM7593" s="84"/>
    </row>
    <row r="7594" spans="35:39" x14ac:dyDescent="0.35">
      <c r="AI7594" s="84"/>
      <c r="AM7594" s="84"/>
    </row>
    <row r="7595" spans="35:39" x14ac:dyDescent="0.35">
      <c r="AI7595" s="84"/>
      <c r="AM7595" s="84"/>
    </row>
    <row r="7596" spans="35:39" x14ac:dyDescent="0.35">
      <c r="AI7596" s="84"/>
      <c r="AM7596" s="84"/>
    </row>
    <row r="7597" spans="35:39" x14ac:dyDescent="0.35">
      <c r="AI7597" s="84"/>
      <c r="AM7597" s="84"/>
    </row>
    <row r="7598" spans="35:39" x14ac:dyDescent="0.35">
      <c r="AI7598" s="84"/>
      <c r="AM7598" s="84"/>
    </row>
    <row r="7599" spans="35:39" x14ac:dyDescent="0.35">
      <c r="AI7599" s="84"/>
      <c r="AM7599" s="84"/>
    </row>
    <row r="7600" spans="35:39" x14ac:dyDescent="0.35">
      <c r="AI7600" s="84"/>
      <c r="AM7600" s="84"/>
    </row>
    <row r="7601" spans="35:39" x14ac:dyDescent="0.35">
      <c r="AI7601" s="84"/>
      <c r="AM7601" s="84"/>
    </row>
    <row r="7602" spans="35:39" x14ac:dyDescent="0.35">
      <c r="AI7602" s="84"/>
      <c r="AM7602" s="84"/>
    </row>
    <row r="7603" spans="35:39" x14ac:dyDescent="0.35">
      <c r="AI7603" s="84"/>
      <c r="AM7603" s="84"/>
    </row>
    <row r="7604" spans="35:39" x14ac:dyDescent="0.35">
      <c r="AI7604" s="84"/>
      <c r="AM7604" s="84"/>
    </row>
    <row r="7605" spans="35:39" x14ac:dyDescent="0.35">
      <c r="AI7605" s="84"/>
      <c r="AM7605" s="84"/>
    </row>
    <row r="7606" spans="35:39" x14ac:dyDescent="0.35">
      <c r="AI7606" s="84"/>
      <c r="AM7606" s="84"/>
    </row>
    <row r="7607" spans="35:39" x14ac:dyDescent="0.35">
      <c r="AI7607" s="84"/>
      <c r="AM7607" s="84"/>
    </row>
    <row r="7608" spans="35:39" x14ac:dyDescent="0.35">
      <c r="AI7608" s="84"/>
      <c r="AM7608" s="84"/>
    </row>
    <row r="7609" spans="35:39" x14ac:dyDescent="0.35">
      <c r="AI7609" s="84"/>
      <c r="AM7609" s="84"/>
    </row>
    <row r="7610" spans="35:39" x14ac:dyDescent="0.35">
      <c r="AI7610" s="84"/>
      <c r="AM7610" s="84"/>
    </row>
    <row r="7611" spans="35:39" x14ac:dyDescent="0.35">
      <c r="AI7611" s="84"/>
      <c r="AM7611" s="84"/>
    </row>
    <row r="7612" spans="35:39" x14ac:dyDescent="0.35">
      <c r="AI7612" s="84"/>
      <c r="AM7612" s="84"/>
    </row>
    <row r="7613" spans="35:39" x14ac:dyDescent="0.35">
      <c r="AI7613" s="84"/>
      <c r="AM7613" s="84"/>
    </row>
    <row r="7614" spans="35:39" x14ac:dyDescent="0.35">
      <c r="AI7614" s="84"/>
      <c r="AM7614" s="84"/>
    </row>
    <row r="7615" spans="35:39" x14ac:dyDescent="0.35">
      <c r="AI7615" s="84"/>
      <c r="AM7615" s="84"/>
    </row>
    <row r="7616" spans="35:39" x14ac:dyDescent="0.35">
      <c r="AI7616" s="84"/>
      <c r="AM7616" s="84"/>
    </row>
    <row r="7617" spans="35:39" x14ac:dyDescent="0.35">
      <c r="AI7617" s="84"/>
      <c r="AM7617" s="84"/>
    </row>
    <row r="7618" spans="35:39" x14ac:dyDescent="0.35">
      <c r="AI7618" s="84"/>
      <c r="AM7618" s="84"/>
    </row>
    <row r="7619" spans="35:39" x14ac:dyDescent="0.35">
      <c r="AI7619" s="84"/>
      <c r="AM7619" s="84"/>
    </row>
    <row r="7620" spans="35:39" x14ac:dyDescent="0.35">
      <c r="AI7620" s="84"/>
      <c r="AM7620" s="84"/>
    </row>
    <row r="7621" spans="35:39" x14ac:dyDescent="0.35">
      <c r="AI7621" s="84"/>
      <c r="AM7621" s="84"/>
    </row>
    <row r="7622" spans="35:39" x14ac:dyDescent="0.35">
      <c r="AI7622" s="84"/>
      <c r="AM7622" s="84"/>
    </row>
    <row r="7623" spans="35:39" x14ac:dyDescent="0.35">
      <c r="AI7623" s="84"/>
      <c r="AM7623" s="84"/>
    </row>
    <row r="7624" spans="35:39" x14ac:dyDescent="0.35">
      <c r="AI7624" s="84"/>
      <c r="AM7624" s="84"/>
    </row>
    <row r="7625" spans="35:39" x14ac:dyDescent="0.35">
      <c r="AI7625" s="84"/>
      <c r="AM7625" s="84"/>
    </row>
    <row r="7626" spans="35:39" x14ac:dyDescent="0.35">
      <c r="AI7626" s="84"/>
      <c r="AM7626" s="84"/>
    </row>
    <row r="7627" spans="35:39" x14ac:dyDescent="0.35">
      <c r="AI7627" s="84"/>
      <c r="AM7627" s="84"/>
    </row>
    <row r="7628" spans="35:39" x14ac:dyDescent="0.35">
      <c r="AI7628" s="84"/>
      <c r="AM7628" s="84"/>
    </row>
    <row r="7629" spans="35:39" x14ac:dyDescent="0.35">
      <c r="AI7629" s="84"/>
      <c r="AM7629" s="84"/>
    </row>
    <row r="7630" spans="35:39" x14ac:dyDescent="0.35">
      <c r="AI7630" s="84"/>
      <c r="AM7630" s="84"/>
    </row>
    <row r="7631" spans="35:39" x14ac:dyDescent="0.35">
      <c r="AI7631" s="84"/>
      <c r="AM7631" s="84"/>
    </row>
    <row r="7632" spans="35:39" x14ac:dyDescent="0.35">
      <c r="AI7632" s="84"/>
      <c r="AM7632" s="84"/>
    </row>
    <row r="7633" spans="35:39" x14ac:dyDescent="0.35">
      <c r="AI7633" s="84"/>
      <c r="AM7633" s="84"/>
    </row>
    <row r="7634" spans="35:39" x14ac:dyDescent="0.35">
      <c r="AI7634" s="84"/>
      <c r="AM7634" s="84"/>
    </row>
    <row r="7635" spans="35:39" x14ac:dyDescent="0.35">
      <c r="AI7635" s="84"/>
      <c r="AM7635" s="84"/>
    </row>
    <row r="7636" spans="35:39" x14ac:dyDescent="0.35">
      <c r="AI7636" s="84"/>
      <c r="AM7636" s="84"/>
    </row>
    <row r="7637" spans="35:39" x14ac:dyDescent="0.35">
      <c r="AI7637" s="84"/>
      <c r="AM7637" s="84"/>
    </row>
    <row r="7638" spans="35:39" x14ac:dyDescent="0.35">
      <c r="AI7638" s="84"/>
      <c r="AM7638" s="84"/>
    </row>
    <row r="7639" spans="35:39" x14ac:dyDescent="0.35">
      <c r="AI7639" s="84"/>
      <c r="AM7639" s="84"/>
    </row>
    <row r="7640" spans="35:39" x14ac:dyDescent="0.35">
      <c r="AI7640" s="84"/>
      <c r="AM7640" s="84"/>
    </row>
    <row r="7641" spans="35:39" x14ac:dyDescent="0.35">
      <c r="AI7641" s="84"/>
      <c r="AM7641" s="84"/>
    </row>
    <row r="7642" spans="35:39" x14ac:dyDescent="0.35">
      <c r="AI7642" s="84"/>
      <c r="AM7642" s="84"/>
    </row>
    <row r="7643" spans="35:39" x14ac:dyDescent="0.35">
      <c r="AI7643" s="84"/>
      <c r="AM7643" s="84"/>
    </row>
    <row r="7644" spans="35:39" x14ac:dyDescent="0.35">
      <c r="AI7644" s="84"/>
      <c r="AM7644" s="84"/>
    </row>
    <row r="7645" spans="35:39" x14ac:dyDescent="0.35">
      <c r="AI7645" s="84"/>
      <c r="AM7645" s="84"/>
    </row>
    <row r="7646" spans="35:39" x14ac:dyDescent="0.35">
      <c r="AI7646" s="84"/>
      <c r="AM7646" s="84"/>
    </row>
    <row r="7647" spans="35:39" x14ac:dyDescent="0.35">
      <c r="AI7647" s="84"/>
      <c r="AM7647" s="84"/>
    </row>
    <row r="7648" spans="35:39" x14ac:dyDescent="0.35">
      <c r="AI7648" s="84"/>
      <c r="AM7648" s="84"/>
    </row>
    <row r="7649" spans="35:39" x14ac:dyDescent="0.35">
      <c r="AI7649" s="84"/>
      <c r="AM7649" s="84"/>
    </row>
    <row r="7650" spans="35:39" x14ac:dyDescent="0.35">
      <c r="AI7650" s="84"/>
      <c r="AM7650" s="84"/>
    </row>
    <row r="7651" spans="35:39" x14ac:dyDescent="0.35">
      <c r="AI7651" s="84"/>
      <c r="AM7651" s="84"/>
    </row>
    <row r="7652" spans="35:39" x14ac:dyDescent="0.35">
      <c r="AI7652" s="84"/>
      <c r="AM7652" s="84"/>
    </row>
    <row r="7653" spans="35:39" x14ac:dyDescent="0.35">
      <c r="AI7653" s="84"/>
      <c r="AM7653" s="84"/>
    </row>
    <row r="7654" spans="35:39" x14ac:dyDescent="0.35">
      <c r="AI7654" s="84"/>
      <c r="AM7654" s="84"/>
    </row>
    <row r="7655" spans="35:39" x14ac:dyDescent="0.35">
      <c r="AI7655" s="84"/>
      <c r="AM7655" s="84"/>
    </row>
    <row r="7656" spans="35:39" x14ac:dyDescent="0.35">
      <c r="AI7656" s="84"/>
      <c r="AM7656" s="84"/>
    </row>
    <row r="7657" spans="35:39" x14ac:dyDescent="0.35">
      <c r="AI7657" s="84"/>
      <c r="AM7657" s="84"/>
    </row>
    <row r="7658" spans="35:39" x14ac:dyDescent="0.35">
      <c r="AI7658" s="84"/>
      <c r="AM7658" s="84"/>
    </row>
    <row r="7659" spans="35:39" x14ac:dyDescent="0.35">
      <c r="AI7659" s="84"/>
      <c r="AM7659" s="84"/>
    </row>
    <row r="7660" spans="35:39" x14ac:dyDescent="0.35">
      <c r="AI7660" s="84"/>
      <c r="AM7660" s="84"/>
    </row>
    <row r="7661" spans="35:39" x14ac:dyDescent="0.35">
      <c r="AI7661" s="84"/>
      <c r="AM7661" s="84"/>
    </row>
    <row r="7662" spans="35:39" x14ac:dyDescent="0.35">
      <c r="AI7662" s="84"/>
      <c r="AM7662" s="84"/>
    </row>
    <row r="7663" spans="35:39" x14ac:dyDescent="0.35">
      <c r="AI7663" s="84"/>
      <c r="AM7663" s="84"/>
    </row>
    <row r="7664" spans="35:39" x14ac:dyDescent="0.35">
      <c r="AI7664" s="84"/>
      <c r="AM7664" s="84"/>
    </row>
    <row r="7665" spans="35:39" x14ac:dyDescent="0.35">
      <c r="AI7665" s="84"/>
      <c r="AM7665" s="84"/>
    </row>
    <row r="7666" spans="35:39" x14ac:dyDescent="0.35">
      <c r="AI7666" s="84"/>
      <c r="AM7666" s="84"/>
    </row>
    <row r="7667" spans="35:39" x14ac:dyDescent="0.35">
      <c r="AI7667" s="84"/>
      <c r="AM7667" s="84"/>
    </row>
    <row r="7668" spans="35:39" x14ac:dyDescent="0.35">
      <c r="AI7668" s="84"/>
      <c r="AM7668" s="84"/>
    </row>
    <row r="7669" spans="35:39" x14ac:dyDescent="0.35">
      <c r="AI7669" s="84"/>
      <c r="AM7669" s="84"/>
    </row>
    <row r="7670" spans="35:39" x14ac:dyDescent="0.35">
      <c r="AI7670" s="84"/>
      <c r="AM7670" s="84"/>
    </row>
    <row r="7671" spans="35:39" x14ac:dyDescent="0.35">
      <c r="AI7671" s="84"/>
      <c r="AM7671" s="84"/>
    </row>
    <row r="7672" spans="35:39" x14ac:dyDescent="0.35">
      <c r="AI7672" s="84"/>
      <c r="AM7672" s="84"/>
    </row>
    <row r="7673" spans="35:39" x14ac:dyDescent="0.35">
      <c r="AI7673" s="84"/>
      <c r="AM7673" s="84"/>
    </row>
    <row r="7674" spans="35:39" x14ac:dyDescent="0.35">
      <c r="AI7674" s="84"/>
      <c r="AM7674" s="84"/>
    </row>
    <row r="7675" spans="35:39" x14ac:dyDescent="0.35">
      <c r="AI7675" s="84"/>
      <c r="AM7675" s="84"/>
    </row>
    <row r="7676" spans="35:39" x14ac:dyDescent="0.35">
      <c r="AI7676" s="84"/>
      <c r="AM7676" s="84"/>
    </row>
    <row r="7677" spans="35:39" x14ac:dyDescent="0.35">
      <c r="AI7677" s="84"/>
      <c r="AM7677" s="84"/>
    </row>
    <row r="7678" spans="35:39" x14ac:dyDescent="0.35">
      <c r="AI7678" s="84"/>
      <c r="AM7678" s="84"/>
    </row>
    <row r="7679" spans="35:39" x14ac:dyDescent="0.35">
      <c r="AI7679" s="84"/>
      <c r="AM7679" s="84"/>
    </row>
    <row r="7680" spans="35:39" x14ac:dyDescent="0.35">
      <c r="AI7680" s="84"/>
      <c r="AM7680" s="84"/>
    </row>
    <row r="7681" spans="35:39" x14ac:dyDescent="0.35">
      <c r="AI7681" s="84"/>
      <c r="AM7681" s="84"/>
    </row>
    <row r="7682" spans="35:39" x14ac:dyDescent="0.35">
      <c r="AI7682" s="84"/>
      <c r="AM7682" s="84"/>
    </row>
    <row r="7683" spans="35:39" x14ac:dyDescent="0.35">
      <c r="AI7683" s="84"/>
      <c r="AM7683" s="84"/>
    </row>
    <row r="7684" spans="35:39" x14ac:dyDescent="0.35">
      <c r="AI7684" s="84"/>
      <c r="AM7684" s="84"/>
    </row>
    <row r="7685" spans="35:39" x14ac:dyDescent="0.35">
      <c r="AI7685" s="84"/>
      <c r="AM7685" s="84"/>
    </row>
    <row r="7686" spans="35:39" x14ac:dyDescent="0.35">
      <c r="AI7686" s="84"/>
      <c r="AM7686" s="84"/>
    </row>
    <row r="7687" spans="35:39" x14ac:dyDescent="0.35">
      <c r="AI7687" s="84"/>
      <c r="AM7687" s="84"/>
    </row>
    <row r="7688" spans="35:39" x14ac:dyDescent="0.35">
      <c r="AI7688" s="84"/>
      <c r="AM7688" s="84"/>
    </row>
    <row r="7689" spans="35:39" x14ac:dyDescent="0.35">
      <c r="AI7689" s="84"/>
      <c r="AM7689" s="84"/>
    </row>
    <row r="7690" spans="35:39" x14ac:dyDescent="0.35">
      <c r="AI7690" s="84"/>
      <c r="AM7690" s="84"/>
    </row>
    <row r="7691" spans="35:39" x14ac:dyDescent="0.35">
      <c r="AI7691" s="84"/>
      <c r="AM7691" s="84"/>
    </row>
    <row r="7692" spans="35:39" x14ac:dyDescent="0.35">
      <c r="AI7692" s="84"/>
      <c r="AM7692" s="84"/>
    </row>
    <row r="7693" spans="35:39" x14ac:dyDescent="0.35">
      <c r="AI7693" s="84"/>
      <c r="AM7693" s="84"/>
    </row>
    <row r="7694" spans="35:39" x14ac:dyDescent="0.35">
      <c r="AI7694" s="84"/>
      <c r="AM7694" s="84"/>
    </row>
    <row r="7695" spans="35:39" x14ac:dyDescent="0.35">
      <c r="AI7695" s="84"/>
      <c r="AM7695" s="84"/>
    </row>
    <row r="7696" spans="35:39" x14ac:dyDescent="0.35">
      <c r="AI7696" s="84"/>
      <c r="AM7696" s="84"/>
    </row>
    <row r="7697" spans="35:39" x14ac:dyDescent="0.35">
      <c r="AI7697" s="84"/>
      <c r="AM7697" s="84"/>
    </row>
    <row r="7698" spans="35:39" x14ac:dyDescent="0.35">
      <c r="AI7698" s="84"/>
      <c r="AM7698" s="84"/>
    </row>
    <row r="7699" spans="35:39" x14ac:dyDescent="0.35">
      <c r="AI7699" s="84"/>
      <c r="AM7699" s="84"/>
    </row>
    <row r="7700" spans="35:39" x14ac:dyDescent="0.35">
      <c r="AI7700" s="84"/>
      <c r="AM7700" s="84"/>
    </row>
    <row r="7701" spans="35:39" x14ac:dyDescent="0.35">
      <c r="AI7701" s="84"/>
      <c r="AM7701" s="84"/>
    </row>
    <row r="7702" spans="35:39" x14ac:dyDescent="0.35">
      <c r="AI7702" s="84"/>
      <c r="AM7702" s="84"/>
    </row>
    <row r="7703" spans="35:39" x14ac:dyDescent="0.35">
      <c r="AI7703" s="84"/>
      <c r="AM7703" s="84"/>
    </row>
    <row r="7704" spans="35:39" x14ac:dyDescent="0.35">
      <c r="AI7704" s="84"/>
      <c r="AM7704" s="84"/>
    </row>
    <row r="7705" spans="35:39" x14ac:dyDescent="0.35">
      <c r="AI7705" s="84"/>
      <c r="AM7705" s="84"/>
    </row>
    <row r="7706" spans="35:39" x14ac:dyDescent="0.35">
      <c r="AI7706" s="84"/>
      <c r="AM7706" s="84"/>
    </row>
    <row r="7707" spans="35:39" x14ac:dyDescent="0.35">
      <c r="AI7707" s="84"/>
      <c r="AM7707" s="84"/>
    </row>
    <row r="7708" spans="35:39" x14ac:dyDescent="0.35">
      <c r="AI7708" s="84"/>
      <c r="AM7708" s="84"/>
    </row>
    <row r="7709" spans="35:39" x14ac:dyDescent="0.35">
      <c r="AI7709" s="84"/>
      <c r="AM7709" s="84"/>
    </row>
    <row r="7710" spans="35:39" x14ac:dyDescent="0.35">
      <c r="AI7710" s="84"/>
      <c r="AM7710" s="84"/>
    </row>
    <row r="7711" spans="35:39" x14ac:dyDescent="0.35">
      <c r="AI7711" s="84"/>
      <c r="AM7711" s="84"/>
    </row>
    <row r="7712" spans="35:39" x14ac:dyDescent="0.35">
      <c r="AI7712" s="84"/>
      <c r="AM7712" s="84"/>
    </row>
    <row r="7713" spans="35:39" x14ac:dyDescent="0.35">
      <c r="AI7713" s="84"/>
      <c r="AM7713" s="84"/>
    </row>
    <row r="7714" spans="35:39" x14ac:dyDescent="0.35">
      <c r="AI7714" s="84"/>
      <c r="AM7714" s="84"/>
    </row>
    <row r="7715" spans="35:39" x14ac:dyDescent="0.35">
      <c r="AI7715" s="84"/>
      <c r="AM7715" s="84"/>
    </row>
    <row r="7716" spans="35:39" x14ac:dyDescent="0.35">
      <c r="AI7716" s="84"/>
      <c r="AM7716" s="84"/>
    </row>
    <row r="7717" spans="35:39" x14ac:dyDescent="0.35">
      <c r="AI7717" s="84"/>
      <c r="AM7717" s="84"/>
    </row>
    <row r="7718" spans="35:39" x14ac:dyDescent="0.35">
      <c r="AI7718" s="84"/>
      <c r="AM7718" s="84"/>
    </row>
    <row r="7719" spans="35:39" x14ac:dyDescent="0.35">
      <c r="AI7719" s="84"/>
      <c r="AM7719" s="84"/>
    </row>
    <row r="7720" spans="35:39" x14ac:dyDescent="0.35">
      <c r="AI7720" s="84"/>
      <c r="AM7720" s="84"/>
    </row>
    <row r="7721" spans="35:39" x14ac:dyDescent="0.35">
      <c r="AI7721" s="84"/>
      <c r="AM7721" s="84"/>
    </row>
    <row r="7722" spans="35:39" x14ac:dyDescent="0.35">
      <c r="AI7722" s="84"/>
      <c r="AM7722" s="84"/>
    </row>
    <row r="7723" spans="35:39" x14ac:dyDescent="0.35">
      <c r="AI7723" s="84"/>
      <c r="AM7723" s="84"/>
    </row>
    <row r="7724" spans="35:39" x14ac:dyDescent="0.35">
      <c r="AI7724" s="84"/>
      <c r="AM7724" s="84"/>
    </row>
    <row r="7725" spans="35:39" x14ac:dyDescent="0.35">
      <c r="AI7725" s="84"/>
      <c r="AM7725" s="84"/>
    </row>
    <row r="7726" spans="35:39" x14ac:dyDescent="0.35">
      <c r="AI7726" s="84"/>
      <c r="AM7726" s="84"/>
    </row>
    <row r="7727" spans="35:39" x14ac:dyDescent="0.35">
      <c r="AI7727" s="84"/>
      <c r="AM7727" s="84"/>
    </row>
    <row r="7728" spans="35:39" x14ac:dyDescent="0.35">
      <c r="AI7728" s="84"/>
      <c r="AM7728" s="84"/>
    </row>
    <row r="7729" spans="35:39" x14ac:dyDescent="0.35">
      <c r="AI7729" s="84"/>
      <c r="AM7729" s="84"/>
    </row>
    <row r="7730" spans="35:39" x14ac:dyDescent="0.35">
      <c r="AI7730" s="84"/>
      <c r="AM7730" s="84"/>
    </row>
    <row r="7731" spans="35:39" x14ac:dyDescent="0.35">
      <c r="AI7731" s="84"/>
      <c r="AM7731" s="84"/>
    </row>
    <row r="7732" spans="35:39" x14ac:dyDescent="0.35">
      <c r="AI7732" s="84"/>
      <c r="AM7732" s="84"/>
    </row>
    <row r="7733" spans="35:39" x14ac:dyDescent="0.35">
      <c r="AI7733" s="84"/>
      <c r="AM7733" s="84"/>
    </row>
    <row r="7734" spans="35:39" x14ac:dyDescent="0.35">
      <c r="AI7734" s="84"/>
      <c r="AM7734" s="84"/>
    </row>
    <row r="7735" spans="35:39" x14ac:dyDescent="0.35">
      <c r="AI7735" s="84"/>
      <c r="AM7735" s="84"/>
    </row>
    <row r="7736" spans="35:39" x14ac:dyDescent="0.35">
      <c r="AI7736" s="84"/>
      <c r="AM7736" s="84"/>
    </row>
    <row r="7737" spans="35:39" x14ac:dyDescent="0.35">
      <c r="AI7737" s="84"/>
      <c r="AM7737" s="84"/>
    </row>
    <row r="7738" spans="35:39" x14ac:dyDescent="0.35">
      <c r="AI7738" s="84"/>
      <c r="AM7738" s="84"/>
    </row>
    <row r="7739" spans="35:39" x14ac:dyDescent="0.35">
      <c r="AI7739" s="84"/>
      <c r="AM7739" s="84"/>
    </row>
    <row r="7740" spans="35:39" x14ac:dyDescent="0.35">
      <c r="AI7740" s="84"/>
      <c r="AM7740" s="84"/>
    </row>
    <row r="7741" spans="35:39" x14ac:dyDescent="0.35">
      <c r="AI7741" s="84"/>
      <c r="AM7741" s="84"/>
    </row>
    <row r="7742" spans="35:39" x14ac:dyDescent="0.35">
      <c r="AI7742" s="84"/>
      <c r="AM7742" s="84"/>
    </row>
    <row r="7743" spans="35:39" x14ac:dyDescent="0.35">
      <c r="AI7743" s="84"/>
      <c r="AM7743" s="84"/>
    </row>
    <row r="7744" spans="35:39" x14ac:dyDescent="0.35">
      <c r="AI7744" s="84"/>
      <c r="AM7744" s="84"/>
    </row>
    <row r="7745" spans="35:39" x14ac:dyDescent="0.35">
      <c r="AI7745" s="84"/>
      <c r="AM7745" s="84"/>
    </row>
    <row r="7746" spans="35:39" x14ac:dyDescent="0.35">
      <c r="AI7746" s="84"/>
      <c r="AM7746" s="84"/>
    </row>
    <row r="7747" spans="35:39" x14ac:dyDescent="0.35">
      <c r="AI7747" s="84"/>
      <c r="AM7747" s="84"/>
    </row>
    <row r="7748" spans="35:39" x14ac:dyDescent="0.35">
      <c r="AI7748" s="84"/>
      <c r="AM7748" s="84"/>
    </row>
    <row r="7749" spans="35:39" x14ac:dyDescent="0.35">
      <c r="AI7749" s="84"/>
      <c r="AM7749" s="84"/>
    </row>
    <row r="7750" spans="35:39" x14ac:dyDescent="0.35">
      <c r="AI7750" s="84"/>
      <c r="AM7750" s="84"/>
    </row>
    <row r="7751" spans="35:39" x14ac:dyDescent="0.35">
      <c r="AI7751" s="84"/>
      <c r="AM7751" s="84"/>
    </row>
    <row r="7752" spans="35:39" x14ac:dyDescent="0.35">
      <c r="AI7752" s="84"/>
      <c r="AM7752" s="84"/>
    </row>
    <row r="7753" spans="35:39" x14ac:dyDescent="0.35">
      <c r="AI7753" s="84"/>
      <c r="AM7753" s="84"/>
    </row>
    <row r="7754" spans="35:39" x14ac:dyDescent="0.35">
      <c r="AI7754" s="84"/>
      <c r="AM7754" s="84"/>
    </row>
    <row r="7755" spans="35:39" x14ac:dyDescent="0.35">
      <c r="AI7755" s="84"/>
      <c r="AM7755" s="84"/>
    </row>
    <row r="7756" spans="35:39" x14ac:dyDescent="0.35">
      <c r="AI7756" s="84"/>
      <c r="AM7756" s="84"/>
    </row>
    <row r="7757" spans="35:39" x14ac:dyDescent="0.35">
      <c r="AI7757" s="84"/>
      <c r="AM7757" s="84"/>
    </row>
    <row r="7758" spans="35:39" x14ac:dyDescent="0.35">
      <c r="AI7758" s="84"/>
      <c r="AM7758" s="84"/>
    </row>
    <row r="7759" spans="35:39" x14ac:dyDescent="0.35">
      <c r="AI7759" s="84"/>
      <c r="AM7759" s="84"/>
    </row>
    <row r="7760" spans="35:39" x14ac:dyDescent="0.35">
      <c r="AI7760" s="84"/>
      <c r="AM7760" s="84"/>
    </row>
    <row r="7761" spans="35:39" x14ac:dyDescent="0.35">
      <c r="AI7761" s="84"/>
      <c r="AM7761" s="84"/>
    </row>
    <row r="7762" spans="35:39" x14ac:dyDescent="0.35">
      <c r="AI7762" s="84"/>
      <c r="AM7762" s="84"/>
    </row>
    <row r="7763" spans="35:39" x14ac:dyDescent="0.35">
      <c r="AI7763" s="84"/>
      <c r="AM7763" s="84"/>
    </row>
    <row r="7764" spans="35:39" x14ac:dyDescent="0.35">
      <c r="AI7764" s="84"/>
      <c r="AM7764" s="84"/>
    </row>
    <row r="7765" spans="35:39" x14ac:dyDescent="0.35">
      <c r="AI7765" s="84"/>
      <c r="AM7765" s="84"/>
    </row>
    <row r="7766" spans="35:39" x14ac:dyDescent="0.35">
      <c r="AI7766" s="84"/>
      <c r="AM7766" s="84"/>
    </row>
    <row r="7767" spans="35:39" x14ac:dyDescent="0.35">
      <c r="AI7767" s="84"/>
      <c r="AM7767" s="84"/>
    </row>
    <row r="7768" spans="35:39" x14ac:dyDescent="0.35">
      <c r="AI7768" s="84"/>
      <c r="AM7768" s="84"/>
    </row>
    <row r="7769" spans="35:39" x14ac:dyDescent="0.35">
      <c r="AI7769" s="84"/>
      <c r="AM7769" s="84"/>
    </row>
    <row r="7770" spans="35:39" x14ac:dyDescent="0.35">
      <c r="AI7770" s="84"/>
      <c r="AM7770" s="84"/>
    </row>
    <row r="7771" spans="35:39" x14ac:dyDescent="0.35">
      <c r="AI7771" s="84"/>
      <c r="AM7771" s="84"/>
    </row>
    <row r="7772" spans="35:39" x14ac:dyDescent="0.35">
      <c r="AI7772" s="84"/>
      <c r="AM7772" s="84"/>
    </row>
    <row r="7773" spans="35:39" x14ac:dyDescent="0.35">
      <c r="AI7773" s="84"/>
      <c r="AM7773" s="84"/>
    </row>
    <row r="7774" spans="35:39" x14ac:dyDescent="0.35">
      <c r="AI7774" s="84"/>
      <c r="AM7774" s="84"/>
    </row>
    <row r="7775" spans="35:39" x14ac:dyDescent="0.35">
      <c r="AI7775" s="84"/>
      <c r="AM7775" s="84"/>
    </row>
    <row r="7776" spans="35:39" x14ac:dyDescent="0.35">
      <c r="AI7776" s="84"/>
      <c r="AM7776" s="84"/>
    </row>
    <row r="7777" spans="35:39" x14ac:dyDescent="0.35">
      <c r="AI7777" s="84"/>
      <c r="AM7777" s="84"/>
    </row>
    <row r="7778" spans="35:39" x14ac:dyDescent="0.35">
      <c r="AI7778" s="84"/>
      <c r="AM7778" s="84"/>
    </row>
    <row r="7779" spans="35:39" x14ac:dyDescent="0.35">
      <c r="AI7779" s="84"/>
      <c r="AM7779" s="84"/>
    </row>
    <row r="7780" spans="35:39" x14ac:dyDescent="0.35">
      <c r="AI7780" s="84"/>
      <c r="AM7780" s="84"/>
    </row>
    <row r="7781" spans="35:39" x14ac:dyDescent="0.35">
      <c r="AI7781" s="84"/>
      <c r="AM7781" s="84"/>
    </row>
    <row r="7782" spans="35:39" x14ac:dyDescent="0.35">
      <c r="AI7782" s="84"/>
      <c r="AM7782" s="84"/>
    </row>
    <row r="7783" spans="35:39" x14ac:dyDescent="0.35">
      <c r="AI7783" s="84"/>
      <c r="AM7783" s="84"/>
    </row>
    <row r="7784" spans="35:39" x14ac:dyDescent="0.35">
      <c r="AI7784" s="84"/>
      <c r="AM7784" s="84"/>
    </row>
    <row r="7785" spans="35:39" x14ac:dyDescent="0.35">
      <c r="AI7785" s="84"/>
      <c r="AM7785" s="84"/>
    </row>
    <row r="7786" spans="35:39" x14ac:dyDescent="0.35">
      <c r="AI7786" s="84"/>
      <c r="AM7786" s="84"/>
    </row>
    <row r="7787" spans="35:39" x14ac:dyDescent="0.35">
      <c r="AI7787" s="84"/>
      <c r="AM7787" s="84"/>
    </row>
    <row r="7788" spans="35:39" x14ac:dyDescent="0.35">
      <c r="AI7788" s="84"/>
      <c r="AM7788" s="84"/>
    </row>
    <row r="7789" spans="35:39" x14ac:dyDescent="0.35">
      <c r="AI7789" s="84"/>
      <c r="AM7789" s="84"/>
    </row>
    <row r="7790" spans="35:39" x14ac:dyDescent="0.35">
      <c r="AI7790" s="84"/>
      <c r="AM7790" s="84"/>
    </row>
    <row r="7791" spans="35:39" x14ac:dyDescent="0.35">
      <c r="AI7791" s="84"/>
      <c r="AM7791" s="84"/>
    </row>
    <row r="7792" spans="35:39" x14ac:dyDescent="0.35">
      <c r="AI7792" s="84"/>
      <c r="AM7792" s="84"/>
    </row>
    <row r="7793" spans="35:39" x14ac:dyDescent="0.35">
      <c r="AI7793" s="84"/>
      <c r="AM7793" s="84"/>
    </row>
    <row r="7794" spans="35:39" x14ac:dyDescent="0.35">
      <c r="AI7794" s="84"/>
      <c r="AM7794" s="84"/>
    </row>
    <row r="7795" spans="35:39" x14ac:dyDescent="0.35">
      <c r="AI7795" s="84"/>
      <c r="AM7795" s="84"/>
    </row>
    <row r="7796" spans="35:39" x14ac:dyDescent="0.35">
      <c r="AI7796" s="84"/>
      <c r="AM7796" s="84"/>
    </row>
    <row r="7797" spans="35:39" x14ac:dyDescent="0.35">
      <c r="AI7797" s="84"/>
      <c r="AM7797" s="84"/>
    </row>
    <row r="7798" spans="35:39" x14ac:dyDescent="0.35">
      <c r="AI7798" s="84"/>
      <c r="AM7798" s="84"/>
    </row>
    <row r="7799" spans="35:39" x14ac:dyDescent="0.35">
      <c r="AI7799" s="84"/>
      <c r="AM7799" s="84"/>
    </row>
    <row r="7800" spans="35:39" x14ac:dyDescent="0.35">
      <c r="AI7800" s="84"/>
      <c r="AM7800" s="84"/>
    </row>
    <row r="7801" spans="35:39" x14ac:dyDescent="0.35">
      <c r="AI7801" s="84"/>
      <c r="AM7801" s="84"/>
    </row>
    <row r="7802" spans="35:39" x14ac:dyDescent="0.35">
      <c r="AI7802" s="84"/>
      <c r="AM7802" s="84"/>
    </row>
    <row r="7803" spans="35:39" x14ac:dyDescent="0.35">
      <c r="AI7803" s="84"/>
      <c r="AM7803" s="84"/>
    </row>
    <row r="7804" spans="35:39" x14ac:dyDescent="0.35">
      <c r="AI7804" s="84"/>
      <c r="AM7804" s="84"/>
    </row>
    <row r="7805" spans="35:39" x14ac:dyDescent="0.35">
      <c r="AI7805" s="84"/>
      <c r="AM7805" s="84"/>
    </row>
    <row r="7806" spans="35:39" x14ac:dyDescent="0.35">
      <c r="AI7806" s="84"/>
      <c r="AM7806" s="84"/>
    </row>
    <row r="7807" spans="35:39" x14ac:dyDescent="0.35">
      <c r="AI7807" s="84"/>
      <c r="AM7807" s="84"/>
    </row>
    <row r="7808" spans="35:39" x14ac:dyDescent="0.35">
      <c r="AI7808" s="84"/>
      <c r="AM7808" s="84"/>
    </row>
    <row r="7809" spans="35:39" x14ac:dyDescent="0.35">
      <c r="AI7809" s="84"/>
      <c r="AM7809" s="84"/>
    </row>
    <row r="7810" spans="35:39" x14ac:dyDescent="0.35">
      <c r="AI7810" s="84"/>
      <c r="AM7810" s="84"/>
    </row>
    <row r="7811" spans="35:39" x14ac:dyDescent="0.35">
      <c r="AI7811" s="84"/>
      <c r="AM7811" s="84"/>
    </row>
    <row r="7812" spans="35:39" x14ac:dyDescent="0.35">
      <c r="AI7812" s="84"/>
      <c r="AM7812" s="84"/>
    </row>
    <row r="7813" spans="35:39" x14ac:dyDescent="0.35">
      <c r="AI7813" s="84"/>
      <c r="AM7813" s="84"/>
    </row>
    <row r="7814" spans="35:39" x14ac:dyDescent="0.35">
      <c r="AI7814" s="84"/>
      <c r="AM7814" s="84"/>
    </row>
    <row r="7815" spans="35:39" x14ac:dyDescent="0.35">
      <c r="AI7815" s="84"/>
      <c r="AM7815" s="84"/>
    </row>
    <row r="7816" spans="35:39" x14ac:dyDescent="0.35">
      <c r="AI7816" s="84"/>
      <c r="AM7816" s="84"/>
    </row>
    <row r="7817" spans="35:39" x14ac:dyDescent="0.35">
      <c r="AI7817" s="84"/>
      <c r="AM7817" s="84"/>
    </row>
    <row r="7818" spans="35:39" x14ac:dyDescent="0.35">
      <c r="AI7818" s="84"/>
      <c r="AM7818" s="84"/>
    </row>
    <row r="7819" spans="35:39" x14ac:dyDescent="0.35">
      <c r="AI7819" s="84"/>
      <c r="AM7819" s="84"/>
    </row>
    <row r="7820" spans="35:39" x14ac:dyDescent="0.35">
      <c r="AI7820" s="84"/>
      <c r="AM7820" s="84"/>
    </row>
    <row r="7821" spans="35:39" x14ac:dyDescent="0.35">
      <c r="AI7821" s="84"/>
      <c r="AM7821" s="84"/>
    </row>
    <row r="7822" spans="35:39" x14ac:dyDescent="0.35">
      <c r="AI7822" s="84"/>
      <c r="AM7822" s="84"/>
    </row>
    <row r="7823" spans="35:39" x14ac:dyDescent="0.35">
      <c r="AI7823" s="84"/>
      <c r="AM7823" s="84"/>
    </row>
    <row r="7824" spans="35:39" x14ac:dyDescent="0.35">
      <c r="AI7824" s="84"/>
      <c r="AM7824" s="84"/>
    </row>
    <row r="7825" spans="35:39" x14ac:dyDescent="0.35">
      <c r="AI7825" s="84"/>
      <c r="AM7825" s="84"/>
    </row>
    <row r="7826" spans="35:39" x14ac:dyDescent="0.35">
      <c r="AI7826" s="84"/>
      <c r="AM7826" s="84"/>
    </row>
    <row r="7827" spans="35:39" x14ac:dyDescent="0.35">
      <c r="AI7827" s="84"/>
      <c r="AM7827" s="84"/>
    </row>
    <row r="7828" spans="35:39" x14ac:dyDescent="0.35">
      <c r="AI7828" s="84"/>
      <c r="AM7828" s="84"/>
    </row>
    <row r="7829" spans="35:39" x14ac:dyDescent="0.35">
      <c r="AI7829" s="84"/>
      <c r="AM7829" s="84"/>
    </row>
    <row r="7830" spans="35:39" x14ac:dyDescent="0.35">
      <c r="AI7830" s="84"/>
      <c r="AM7830" s="84"/>
    </row>
    <row r="7831" spans="35:39" x14ac:dyDescent="0.35">
      <c r="AI7831" s="84"/>
      <c r="AM7831" s="84"/>
    </row>
    <row r="7832" spans="35:39" x14ac:dyDescent="0.35">
      <c r="AI7832" s="84"/>
      <c r="AM7832" s="84"/>
    </row>
    <row r="7833" spans="35:39" x14ac:dyDescent="0.35">
      <c r="AI7833" s="84"/>
      <c r="AM7833" s="84"/>
    </row>
    <row r="7834" spans="35:39" x14ac:dyDescent="0.35">
      <c r="AI7834" s="84"/>
      <c r="AM7834" s="84"/>
    </row>
    <row r="7835" spans="35:39" x14ac:dyDescent="0.35">
      <c r="AI7835" s="84"/>
      <c r="AM7835" s="84"/>
    </row>
    <row r="7836" spans="35:39" x14ac:dyDescent="0.35">
      <c r="AI7836" s="84"/>
      <c r="AM7836" s="84"/>
    </row>
    <row r="7837" spans="35:39" x14ac:dyDescent="0.35">
      <c r="AI7837" s="84"/>
      <c r="AM7837" s="84"/>
    </row>
    <row r="7838" spans="35:39" x14ac:dyDescent="0.35">
      <c r="AI7838" s="84"/>
      <c r="AM7838" s="84"/>
    </row>
    <row r="7839" spans="35:39" x14ac:dyDescent="0.35">
      <c r="AI7839" s="84"/>
      <c r="AM7839" s="84"/>
    </row>
    <row r="7840" spans="35:39" x14ac:dyDescent="0.35">
      <c r="AI7840" s="84"/>
      <c r="AM7840" s="84"/>
    </row>
    <row r="7841" spans="35:39" x14ac:dyDescent="0.35">
      <c r="AI7841" s="84"/>
      <c r="AM7841" s="84"/>
    </row>
    <row r="7842" spans="35:39" x14ac:dyDescent="0.35">
      <c r="AI7842" s="84"/>
      <c r="AM7842" s="84"/>
    </row>
    <row r="7843" spans="35:39" x14ac:dyDescent="0.35">
      <c r="AI7843" s="84"/>
      <c r="AM7843" s="84"/>
    </row>
    <row r="7844" spans="35:39" x14ac:dyDescent="0.35">
      <c r="AI7844" s="84"/>
      <c r="AM7844" s="84"/>
    </row>
    <row r="7845" spans="35:39" x14ac:dyDescent="0.35">
      <c r="AI7845" s="84"/>
      <c r="AM7845" s="84"/>
    </row>
    <row r="7846" spans="35:39" x14ac:dyDescent="0.35">
      <c r="AI7846" s="84"/>
      <c r="AM7846" s="84"/>
    </row>
    <row r="7847" spans="35:39" x14ac:dyDescent="0.35">
      <c r="AI7847" s="84"/>
      <c r="AM7847" s="84"/>
    </row>
    <row r="7848" spans="35:39" x14ac:dyDescent="0.35">
      <c r="AI7848" s="84"/>
      <c r="AM7848" s="84"/>
    </row>
    <row r="7849" spans="35:39" x14ac:dyDescent="0.35">
      <c r="AI7849" s="84"/>
      <c r="AM7849" s="84"/>
    </row>
    <row r="7850" spans="35:39" x14ac:dyDescent="0.35">
      <c r="AI7850" s="84"/>
      <c r="AM7850" s="84"/>
    </row>
    <row r="7851" spans="35:39" x14ac:dyDescent="0.35">
      <c r="AI7851" s="84"/>
      <c r="AM7851" s="84"/>
    </row>
    <row r="7852" spans="35:39" x14ac:dyDescent="0.35">
      <c r="AI7852" s="84"/>
      <c r="AM7852" s="84"/>
    </row>
    <row r="7853" spans="35:39" x14ac:dyDescent="0.35">
      <c r="AI7853" s="84"/>
      <c r="AM7853" s="84"/>
    </row>
    <row r="7854" spans="35:39" x14ac:dyDescent="0.35">
      <c r="AI7854" s="84"/>
      <c r="AM7854" s="84"/>
    </row>
    <row r="7855" spans="35:39" x14ac:dyDescent="0.35">
      <c r="AI7855" s="84"/>
      <c r="AM7855" s="84"/>
    </row>
    <row r="7856" spans="35:39" x14ac:dyDescent="0.35">
      <c r="AI7856" s="84"/>
      <c r="AM7856" s="84"/>
    </row>
    <row r="7857" spans="35:39" x14ac:dyDescent="0.35">
      <c r="AI7857" s="84"/>
      <c r="AM7857" s="84"/>
    </row>
    <row r="7858" spans="35:39" x14ac:dyDescent="0.35">
      <c r="AI7858" s="84"/>
      <c r="AM7858" s="84"/>
    </row>
    <row r="7859" spans="35:39" x14ac:dyDescent="0.35">
      <c r="AI7859" s="84"/>
      <c r="AM7859" s="84"/>
    </row>
    <row r="7860" spans="35:39" x14ac:dyDescent="0.35">
      <c r="AI7860" s="84"/>
      <c r="AM7860" s="84"/>
    </row>
    <row r="7861" spans="35:39" x14ac:dyDescent="0.35">
      <c r="AI7861" s="84"/>
      <c r="AM7861" s="84"/>
    </row>
    <row r="7862" spans="35:39" x14ac:dyDescent="0.35">
      <c r="AI7862" s="84"/>
      <c r="AM7862" s="84"/>
    </row>
    <row r="7863" spans="35:39" x14ac:dyDescent="0.35">
      <c r="AI7863" s="84"/>
      <c r="AM7863" s="84"/>
    </row>
    <row r="7864" spans="35:39" x14ac:dyDescent="0.35">
      <c r="AI7864" s="84"/>
      <c r="AM7864" s="84"/>
    </row>
    <row r="7865" spans="35:39" x14ac:dyDescent="0.35">
      <c r="AI7865" s="84"/>
      <c r="AM7865" s="84"/>
    </row>
    <row r="7866" spans="35:39" x14ac:dyDescent="0.35">
      <c r="AI7866" s="84"/>
      <c r="AM7866" s="84"/>
    </row>
    <row r="7867" spans="35:39" x14ac:dyDescent="0.35">
      <c r="AI7867" s="84"/>
      <c r="AM7867" s="84"/>
    </row>
    <row r="7868" spans="35:39" x14ac:dyDescent="0.35">
      <c r="AI7868" s="84"/>
      <c r="AM7868" s="84"/>
    </row>
    <row r="7869" spans="35:39" x14ac:dyDescent="0.35">
      <c r="AI7869" s="84"/>
      <c r="AM7869" s="84"/>
    </row>
    <row r="7870" spans="35:39" x14ac:dyDescent="0.35">
      <c r="AI7870" s="84"/>
      <c r="AM7870" s="84"/>
    </row>
    <row r="7871" spans="35:39" x14ac:dyDescent="0.35">
      <c r="AI7871" s="84"/>
      <c r="AM7871" s="84"/>
    </row>
    <row r="7872" spans="35:39" x14ac:dyDescent="0.35">
      <c r="AI7872" s="84"/>
      <c r="AM7872" s="84"/>
    </row>
    <row r="7873" spans="35:39" x14ac:dyDescent="0.35">
      <c r="AI7873" s="84"/>
      <c r="AM7873" s="84"/>
    </row>
    <row r="7874" spans="35:39" x14ac:dyDescent="0.35">
      <c r="AI7874" s="84"/>
      <c r="AM7874" s="84"/>
    </row>
    <row r="7875" spans="35:39" x14ac:dyDescent="0.35">
      <c r="AI7875" s="84"/>
      <c r="AM7875" s="84"/>
    </row>
    <row r="7876" spans="35:39" x14ac:dyDescent="0.35">
      <c r="AI7876" s="84"/>
      <c r="AM7876" s="84"/>
    </row>
    <row r="7877" spans="35:39" x14ac:dyDescent="0.35">
      <c r="AI7877" s="84"/>
      <c r="AM7877" s="84"/>
    </row>
    <row r="7878" spans="35:39" x14ac:dyDescent="0.35">
      <c r="AI7878" s="84"/>
      <c r="AM7878" s="84"/>
    </row>
    <row r="7879" spans="35:39" x14ac:dyDescent="0.35">
      <c r="AI7879" s="84"/>
      <c r="AM7879" s="84"/>
    </row>
    <row r="7880" spans="35:39" x14ac:dyDescent="0.35">
      <c r="AI7880" s="84"/>
      <c r="AM7880" s="84"/>
    </row>
    <row r="7881" spans="35:39" x14ac:dyDescent="0.35">
      <c r="AI7881" s="84"/>
      <c r="AM7881" s="84"/>
    </row>
    <row r="7882" spans="35:39" x14ac:dyDescent="0.35">
      <c r="AI7882" s="84"/>
      <c r="AM7882" s="84"/>
    </row>
    <row r="7883" spans="35:39" x14ac:dyDescent="0.35">
      <c r="AI7883" s="84"/>
      <c r="AM7883" s="84"/>
    </row>
    <row r="7884" spans="35:39" x14ac:dyDescent="0.35">
      <c r="AI7884" s="84"/>
      <c r="AM7884" s="84"/>
    </row>
    <row r="7885" spans="35:39" x14ac:dyDescent="0.35">
      <c r="AI7885" s="84"/>
      <c r="AM7885" s="84"/>
    </row>
    <row r="7886" spans="35:39" x14ac:dyDescent="0.35">
      <c r="AI7886" s="84"/>
      <c r="AM7886" s="84"/>
    </row>
    <row r="7887" spans="35:39" x14ac:dyDescent="0.35">
      <c r="AI7887" s="84"/>
      <c r="AM7887" s="84"/>
    </row>
    <row r="7888" spans="35:39" x14ac:dyDescent="0.35">
      <c r="AI7888" s="84"/>
      <c r="AM7888" s="84"/>
    </row>
    <row r="7889" spans="35:39" x14ac:dyDescent="0.35">
      <c r="AI7889" s="84"/>
      <c r="AM7889" s="84"/>
    </row>
    <row r="7890" spans="35:39" x14ac:dyDescent="0.35">
      <c r="AI7890" s="84"/>
      <c r="AM7890" s="84"/>
    </row>
    <row r="7891" spans="35:39" x14ac:dyDescent="0.35">
      <c r="AI7891" s="84"/>
      <c r="AM7891" s="84"/>
    </row>
    <row r="7892" spans="35:39" x14ac:dyDescent="0.35">
      <c r="AI7892" s="84"/>
      <c r="AM7892" s="84"/>
    </row>
    <row r="7893" spans="35:39" x14ac:dyDescent="0.35">
      <c r="AI7893" s="84"/>
      <c r="AM7893" s="84"/>
    </row>
    <row r="7894" spans="35:39" x14ac:dyDescent="0.35">
      <c r="AI7894" s="84"/>
      <c r="AM7894" s="84"/>
    </row>
    <row r="7895" spans="35:39" x14ac:dyDescent="0.35">
      <c r="AI7895" s="84"/>
      <c r="AM7895" s="84"/>
    </row>
    <row r="7896" spans="35:39" x14ac:dyDescent="0.35">
      <c r="AI7896" s="84"/>
      <c r="AM7896" s="84"/>
    </row>
    <row r="7897" spans="35:39" x14ac:dyDescent="0.35">
      <c r="AI7897" s="84"/>
      <c r="AM7897" s="84"/>
    </row>
    <row r="7898" spans="35:39" x14ac:dyDescent="0.35">
      <c r="AI7898" s="84"/>
      <c r="AM7898" s="84"/>
    </row>
    <row r="7899" spans="35:39" x14ac:dyDescent="0.35">
      <c r="AI7899" s="84"/>
      <c r="AM7899" s="84"/>
    </row>
    <row r="7900" spans="35:39" x14ac:dyDescent="0.35">
      <c r="AI7900" s="84"/>
      <c r="AM7900" s="84"/>
    </row>
    <row r="7901" spans="35:39" x14ac:dyDescent="0.35">
      <c r="AI7901" s="84"/>
      <c r="AM7901" s="84"/>
    </row>
    <row r="7902" spans="35:39" x14ac:dyDescent="0.35">
      <c r="AI7902" s="84"/>
      <c r="AM7902" s="84"/>
    </row>
    <row r="7903" spans="35:39" x14ac:dyDescent="0.35">
      <c r="AI7903" s="84"/>
      <c r="AM7903" s="84"/>
    </row>
    <row r="7904" spans="35:39" x14ac:dyDescent="0.35">
      <c r="AI7904" s="84"/>
      <c r="AM7904" s="84"/>
    </row>
    <row r="7905" spans="35:39" x14ac:dyDescent="0.35">
      <c r="AI7905" s="84"/>
      <c r="AM7905" s="84"/>
    </row>
    <row r="7906" spans="35:39" x14ac:dyDescent="0.35">
      <c r="AI7906" s="84"/>
      <c r="AM7906" s="84"/>
    </row>
    <row r="7907" spans="35:39" x14ac:dyDescent="0.35">
      <c r="AI7907" s="84"/>
      <c r="AM7907" s="84"/>
    </row>
    <row r="7908" spans="35:39" x14ac:dyDescent="0.35">
      <c r="AI7908" s="84"/>
      <c r="AM7908" s="84"/>
    </row>
    <row r="7909" spans="35:39" x14ac:dyDescent="0.35">
      <c r="AI7909" s="84"/>
      <c r="AM7909" s="84"/>
    </row>
    <row r="7910" spans="35:39" x14ac:dyDescent="0.35">
      <c r="AI7910" s="84"/>
      <c r="AM7910" s="84"/>
    </row>
    <row r="7911" spans="35:39" x14ac:dyDescent="0.35">
      <c r="AI7911" s="84"/>
      <c r="AM7911" s="84"/>
    </row>
    <row r="7912" spans="35:39" x14ac:dyDescent="0.35">
      <c r="AI7912" s="84"/>
      <c r="AM7912" s="84"/>
    </row>
    <row r="7913" spans="35:39" x14ac:dyDescent="0.35">
      <c r="AI7913" s="84"/>
      <c r="AM7913" s="84"/>
    </row>
    <row r="7914" spans="35:39" x14ac:dyDescent="0.35">
      <c r="AI7914" s="84"/>
      <c r="AM7914" s="84"/>
    </row>
    <row r="7915" spans="35:39" x14ac:dyDescent="0.35">
      <c r="AI7915" s="84"/>
      <c r="AM7915" s="84"/>
    </row>
    <row r="7916" spans="35:39" x14ac:dyDescent="0.35">
      <c r="AI7916" s="84"/>
      <c r="AM7916" s="84"/>
    </row>
    <row r="7917" spans="35:39" x14ac:dyDescent="0.35">
      <c r="AI7917" s="84"/>
      <c r="AM7917" s="84"/>
    </row>
    <row r="7918" spans="35:39" x14ac:dyDescent="0.35">
      <c r="AI7918" s="84"/>
      <c r="AM7918" s="84"/>
    </row>
    <row r="7919" spans="35:39" x14ac:dyDescent="0.35">
      <c r="AI7919" s="84"/>
      <c r="AM7919" s="84"/>
    </row>
    <row r="7920" spans="35:39" x14ac:dyDescent="0.35">
      <c r="AI7920" s="84"/>
      <c r="AM7920" s="84"/>
    </row>
    <row r="7921" spans="35:39" x14ac:dyDescent="0.35">
      <c r="AI7921" s="84"/>
      <c r="AM7921" s="84"/>
    </row>
    <row r="7922" spans="35:39" x14ac:dyDescent="0.35">
      <c r="AI7922" s="84"/>
      <c r="AM7922" s="84"/>
    </row>
    <row r="7923" spans="35:39" x14ac:dyDescent="0.35">
      <c r="AI7923" s="84"/>
      <c r="AM7923" s="84"/>
    </row>
    <row r="7924" spans="35:39" x14ac:dyDescent="0.35">
      <c r="AI7924" s="84"/>
      <c r="AM7924" s="84"/>
    </row>
    <row r="7925" spans="35:39" x14ac:dyDescent="0.35">
      <c r="AI7925" s="84"/>
      <c r="AM7925" s="84"/>
    </row>
    <row r="7926" spans="35:39" x14ac:dyDescent="0.35">
      <c r="AI7926" s="84"/>
      <c r="AM7926" s="84"/>
    </row>
    <row r="7927" spans="35:39" x14ac:dyDescent="0.35">
      <c r="AI7927" s="84"/>
      <c r="AM7927" s="84"/>
    </row>
    <row r="7928" spans="35:39" x14ac:dyDescent="0.35">
      <c r="AI7928" s="84"/>
      <c r="AM7928" s="84"/>
    </row>
    <row r="7929" spans="35:39" x14ac:dyDescent="0.35">
      <c r="AI7929" s="84"/>
      <c r="AM7929" s="84"/>
    </row>
    <row r="7930" spans="35:39" x14ac:dyDescent="0.35">
      <c r="AI7930" s="84"/>
      <c r="AM7930" s="84"/>
    </row>
    <row r="7931" spans="35:39" x14ac:dyDescent="0.35">
      <c r="AI7931" s="84"/>
      <c r="AM7931" s="84"/>
    </row>
    <row r="7932" spans="35:39" x14ac:dyDescent="0.35">
      <c r="AI7932" s="84"/>
      <c r="AM7932" s="84"/>
    </row>
    <row r="7933" spans="35:39" x14ac:dyDescent="0.35">
      <c r="AI7933" s="84"/>
      <c r="AM7933" s="84"/>
    </row>
    <row r="7934" spans="35:39" x14ac:dyDescent="0.35">
      <c r="AI7934" s="84"/>
      <c r="AM7934" s="84"/>
    </row>
    <row r="7935" spans="35:39" x14ac:dyDescent="0.35">
      <c r="AI7935" s="84"/>
      <c r="AM7935" s="84"/>
    </row>
    <row r="7936" spans="35:39" x14ac:dyDescent="0.35">
      <c r="AI7936" s="84"/>
      <c r="AM7936" s="84"/>
    </row>
    <row r="7937" spans="35:39" x14ac:dyDescent="0.35">
      <c r="AI7937" s="84"/>
      <c r="AM7937" s="84"/>
    </row>
    <row r="7938" spans="35:39" x14ac:dyDescent="0.35">
      <c r="AI7938" s="84"/>
      <c r="AM7938" s="84"/>
    </row>
    <row r="7939" spans="35:39" x14ac:dyDescent="0.35">
      <c r="AI7939" s="84"/>
      <c r="AM7939" s="84"/>
    </row>
    <row r="7940" spans="35:39" x14ac:dyDescent="0.35">
      <c r="AI7940" s="84"/>
      <c r="AM7940" s="84"/>
    </row>
    <row r="7941" spans="35:39" x14ac:dyDescent="0.35">
      <c r="AI7941" s="84"/>
      <c r="AM7941" s="84"/>
    </row>
    <row r="7942" spans="35:39" x14ac:dyDescent="0.35">
      <c r="AI7942" s="84"/>
      <c r="AM7942" s="84"/>
    </row>
    <row r="7943" spans="35:39" x14ac:dyDescent="0.35">
      <c r="AI7943" s="84"/>
      <c r="AM7943" s="84"/>
    </row>
    <row r="7944" spans="35:39" x14ac:dyDescent="0.35">
      <c r="AI7944" s="84"/>
      <c r="AM7944" s="84"/>
    </row>
    <row r="7945" spans="35:39" x14ac:dyDescent="0.35">
      <c r="AI7945" s="84"/>
      <c r="AM7945" s="84"/>
    </row>
    <row r="7946" spans="35:39" x14ac:dyDescent="0.35">
      <c r="AI7946" s="84"/>
      <c r="AM7946" s="84"/>
    </row>
    <row r="7947" spans="35:39" x14ac:dyDescent="0.35">
      <c r="AI7947" s="84"/>
      <c r="AM7947" s="84"/>
    </row>
    <row r="7948" spans="35:39" x14ac:dyDescent="0.35">
      <c r="AI7948" s="84"/>
      <c r="AM7948" s="84"/>
    </row>
    <row r="7949" spans="35:39" x14ac:dyDescent="0.35">
      <c r="AI7949" s="84"/>
      <c r="AM7949" s="84"/>
    </row>
    <row r="7950" spans="35:39" x14ac:dyDescent="0.35">
      <c r="AI7950" s="84"/>
      <c r="AM7950" s="84"/>
    </row>
    <row r="7951" spans="35:39" x14ac:dyDescent="0.35">
      <c r="AI7951" s="84"/>
      <c r="AM7951" s="84"/>
    </row>
    <row r="7952" spans="35:39" x14ac:dyDescent="0.35">
      <c r="AI7952" s="84"/>
      <c r="AM7952" s="84"/>
    </row>
    <row r="7953" spans="35:39" x14ac:dyDescent="0.35">
      <c r="AI7953" s="84"/>
      <c r="AM7953" s="84"/>
    </row>
    <row r="7954" spans="35:39" x14ac:dyDescent="0.35">
      <c r="AI7954" s="84"/>
      <c r="AM7954" s="84"/>
    </row>
    <row r="7955" spans="35:39" x14ac:dyDescent="0.35">
      <c r="AI7955" s="84"/>
      <c r="AM7955" s="84"/>
    </row>
    <row r="7956" spans="35:39" x14ac:dyDescent="0.35">
      <c r="AI7956" s="84"/>
      <c r="AM7956" s="84"/>
    </row>
    <row r="7957" spans="35:39" x14ac:dyDescent="0.35">
      <c r="AI7957" s="84"/>
      <c r="AM7957" s="84"/>
    </row>
    <row r="7958" spans="35:39" x14ac:dyDescent="0.35">
      <c r="AI7958" s="84"/>
      <c r="AM7958" s="84"/>
    </row>
    <row r="7959" spans="35:39" x14ac:dyDescent="0.35">
      <c r="AI7959" s="84"/>
      <c r="AM7959" s="84"/>
    </row>
    <row r="7960" spans="35:39" x14ac:dyDescent="0.35">
      <c r="AI7960" s="84"/>
      <c r="AM7960" s="84"/>
    </row>
    <row r="7961" spans="35:39" x14ac:dyDescent="0.35">
      <c r="AI7961" s="84"/>
      <c r="AM7961" s="84"/>
    </row>
    <row r="7962" spans="35:39" x14ac:dyDescent="0.35">
      <c r="AI7962" s="84"/>
      <c r="AM7962" s="84"/>
    </row>
    <row r="7963" spans="35:39" x14ac:dyDescent="0.35">
      <c r="AI7963" s="84"/>
      <c r="AM7963" s="84"/>
    </row>
    <row r="7964" spans="35:39" x14ac:dyDescent="0.35">
      <c r="AI7964" s="84"/>
      <c r="AM7964" s="84"/>
    </row>
    <row r="7965" spans="35:39" x14ac:dyDescent="0.35">
      <c r="AI7965" s="84"/>
      <c r="AM7965" s="84"/>
    </row>
    <row r="7966" spans="35:39" x14ac:dyDescent="0.35">
      <c r="AI7966" s="84"/>
      <c r="AM7966" s="84"/>
    </row>
    <row r="7967" spans="35:39" x14ac:dyDescent="0.35">
      <c r="AI7967" s="84"/>
      <c r="AM7967" s="84"/>
    </row>
    <row r="7968" spans="35:39" x14ac:dyDescent="0.35">
      <c r="AI7968" s="84"/>
      <c r="AM7968" s="84"/>
    </row>
    <row r="7969" spans="35:39" x14ac:dyDescent="0.35">
      <c r="AI7969" s="84"/>
      <c r="AM7969" s="84"/>
    </row>
    <row r="7970" spans="35:39" x14ac:dyDescent="0.35">
      <c r="AI7970" s="84"/>
      <c r="AM7970" s="84"/>
    </row>
    <row r="7971" spans="35:39" x14ac:dyDescent="0.35">
      <c r="AI7971" s="84"/>
      <c r="AM7971" s="84"/>
    </row>
    <row r="7972" spans="35:39" x14ac:dyDescent="0.35">
      <c r="AI7972" s="84"/>
      <c r="AM7972" s="84"/>
    </row>
    <row r="7973" spans="35:39" x14ac:dyDescent="0.35">
      <c r="AI7973" s="84"/>
      <c r="AM7973" s="84"/>
    </row>
    <row r="7974" spans="35:39" x14ac:dyDescent="0.35">
      <c r="AI7974" s="84"/>
      <c r="AM7974" s="84"/>
    </row>
    <row r="7975" spans="35:39" x14ac:dyDescent="0.35">
      <c r="AI7975" s="84"/>
      <c r="AM7975" s="84"/>
    </row>
    <row r="7976" spans="35:39" x14ac:dyDescent="0.35">
      <c r="AI7976" s="84"/>
      <c r="AM7976" s="84"/>
    </row>
    <row r="7977" spans="35:39" x14ac:dyDescent="0.35">
      <c r="AI7977" s="84"/>
      <c r="AM7977" s="84"/>
    </row>
    <row r="7978" spans="35:39" x14ac:dyDescent="0.35">
      <c r="AI7978" s="84"/>
      <c r="AM7978" s="84"/>
    </row>
    <row r="7979" spans="35:39" x14ac:dyDescent="0.35">
      <c r="AI7979" s="84"/>
      <c r="AM7979" s="84"/>
    </row>
    <row r="7980" spans="35:39" x14ac:dyDescent="0.35">
      <c r="AI7980" s="84"/>
      <c r="AM7980" s="84"/>
    </row>
    <row r="7981" spans="35:39" x14ac:dyDescent="0.35">
      <c r="AI7981" s="84"/>
      <c r="AM7981" s="84"/>
    </row>
    <row r="7982" spans="35:39" x14ac:dyDescent="0.35">
      <c r="AI7982" s="84"/>
      <c r="AM7982" s="84"/>
    </row>
    <row r="7983" spans="35:39" x14ac:dyDescent="0.35">
      <c r="AI7983" s="84"/>
      <c r="AM7983" s="84"/>
    </row>
    <row r="7984" spans="35:39" x14ac:dyDescent="0.35">
      <c r="AI7984" s="84"/>
      <c r="AM7984" s="84"/>
    </row>
    <row r="7985" spans="35:39" x14ac:dyDescent="0.35">
      <c r="AI7985" s="84"/>
      <c r="AM7985" s="84"/>
    </row>
    <row r="7986" spans="35:39" x14ac:dyDescent="0.35">
      <c r="AI7986" s="84"/>
      <c r="AM7986" s="84"/>
    </row>
    <row r="7987" spans="35:39" x14ac:dyDescent="0.35">
      <c r="AI7987" s="84"/>
      <c r="AM7987" s="84"/>
    </row>
    <row r="7988" spans="35:39" x14ac:dyDescent="0.35">
      <c r="AI7988" s="84"/>
      <c r="AM7988" s="84"/>
    </row>
    <row r="7989" spans="35:39" x14ac:dyDescent="0.35">
      <c r="AI7989" s="84"/>
      <c r="AM7989" s="84"/>
    </row>
    <row r="7990" spans="35:39" x14ac:dyDescent="0.35">
      <c r="AI7990" s="84"/>
      <c r="AM7990" s="84"/>
    </row>
    <row r="7991" spans="35:39" x14ac:dyDescent="0.35">
      <c r="AI7991" s="84"/>
      <c r="AM7991" s="84"/>
    </row>
    <row r="7992" spans="35:39" x14ac:dyDescent="0.35">
      <c r="AI7992" s="84"/>
      <c r="AM7992" s="84"/>
    </row>
    <row r="7993" spans="35:39" x14ac:dyDescent="0.35">
      <c r="AI7993" s="84"/>
      <c r="AM7993" s="84"/>
    </row>
    <row r="7994" spans="35:39" x14ac:dyDescent="0.35">
      <c r="AI7994" s="84"/>
      <c r="AM7994" s="84"/>
    </row>
    <row r="7995" spans="35:39" x14ac:dyDescent="0.35">
      <c r="AI7995" s="84"/>
      <c r="AM7995" s="84"/>
    </row>
    <row r="7996" spans="35:39" x14ac:dyDescent="0.35">
      <c r="AI7996" s="84"/>
      <c r="AM7996" s="84"/>
    </row>
    <row r="7997" spans="35:39" x14ac:dyDescent="0.35">
      <c r="AI7997" s="84"/>
      <c r="AM7997" s="84"/>
    </row>
    <row r="7998" spans="35:39" x14ac:dyDescent="0.35">
      <c r="AI7998" s="84"/>
      <c r="AM7998" s="84"/>
    </row>
    <row r="7999" spans="35:39" x14ac:dyDescent="0.35">
      <c r="AI7999" s="84"/>
      <c r="AM7999" s="84"/>
    </row>
    <row r="8000" spans="35:39" x14ac:dyDescent="0.35">
      <c r="AI8000" s="84"/>
      <c r="AM8000" s="84"/>
    </row>
    <row r="8001" spans="35:39" x14ac:dyDescent="0.35">
      <c r="AI8001" s="84"/>
      <c r="AM8001" s="84"/>
    </row>
    <row r="8002" spans="35:39" x14ac:dyDescent="0.35">
      <c r="AI8002" s="84"/>
      <c r="AM8002" s="84"/>
    </row>
    <row r="8003" spans="35:39" x14ac:dyDescent="0.35">
      <c r="AI8003" s="84"/>
      <c r="AM8003" s="84"/>
    </row>
    <row r="8004" spans="35:39" x14ac:dyDescent="0.35">
      <c r="AI8004" s="84"/>
      <c r="AM8004" s="84"/>
    </row>
    <row r="8005" spans="35:39" x14ac:dyDescent="0.35">
      <c r="AI8005" s="84"/>
      <c r="AM8005" s="84"/>
    </row>
    <row r="8006" spans="35:39" x14ac:dyDescent="0.35">
      <c r="AI8006" s="84"/>
      <c r="AM8006" s="84"/>
    </row>
    <row r="8007" spans="35:39" x14ac:dyDescent="0.35">
      <c r="AI8007" s="84"/>
      <c r="AM8007" s="84"/>
    </row>
    <row r="8008" spans="35:39" x14ac:dyDescent="0.35">
      <c r="AI8008" s="84"/>
      <c r="AM8008" s="84"/>
    </row>
    <row r="8009" spans="35:39" x14ac:dyDescent="0.35">
      <c r="AI8009" s="84"/>
      <c r="AM8009" s="84"/>
    </row>
    <row r="8010" spans="35:39" x14ac:dyDescent="0.35">
      <c r="AI8010" s="84"/>
      <c r="AM8010" s="84"/>
    </row>
    <row r="8011" spans="35:39" x14ac:dyDescent="0.35">
      <c r="AI8011" s="84"/>
      <c r="AM8011" s="84"/>
    </row>
    <row r="8012" spans="35:39" x14ac:dyDescent="0.35">
      <c r="AI8012" s="84"/>
      <c r="AM8012" s="84"/>
    </row>
    <row r="8013" spans="35:39" x14ac:dyDescent="0.35">
      <c r="AI8013" s="84"/>
      <c r="AM8013" s="84"/>
    </row>
    <row r="8014" spans="35:39" x14ac:dyDescent="0.35">
      <c r="AI8014" s="84"/>
      <c r="AM8014" s="84"/>
    </row>
    <row r="8015" spans="35:39" x14ac:dyDescent="0.35">
      <c r="AI8015" s="84"/>
      <c r="AM8015" s="84"/>
    </row>
    <row r="8016" spans="35:39" x14ac:dyDescent="0.35">
      <c r="AI8016" s="84"/>
      <c r="AM8016" s="84"/>
    </row>
    <row r="8017" spans="35:39" x14ac:dyDescent="0.35">
      <c r="AI8017" s="84"/>
      <c r="AM8017" s="84"/>
    </row>
    <row r="8018" spans="35:39" x14ac:dyDescent="0.35">
      <c r="AI8018" s="84"/>
      <c r="AM8018" s="84"/>
    </row>
    <row r="8019" spans="35:39" x14ac:dyDescent="0.35">
      <c r="AI8019" s="84"/>
      <c r="AM8019" s="84"/>
    </row>
    <row r="8020" spans="35:39" x14ac:dyDescent="0.35">
      <c r="AI8020" s="84"/>
      <c r="AM8020" s="84"/>
    </row>
    <row r="8021" spans="35:39" x14ac:dyDescent="0.35">
      <c r="AI8021" s="84"/>
      <c r="AM8021" s="84"/>
    </row>
    <row r="8022" spans="35:39" x14ac:dyDescent="0.35">
      <c r="AI8022" s="84"/>
      <c r="AM8022" s="84"/>
    </row>
    <row r="8023" spans="35:39" x14ac:dyDescent="0.35">
      <c r="AI8023" s="84"/>
      <c r="AM8023" s="84"/>
    </row>
    <row r="8024" spans="35:39" x14ac:dyDescent="0.35">
      <c r="AI8024" s="84"/>
      <c r="AM8024" s="84"/>
    </row>
    <row r="8025" spans="35:39" x14ac:dyDescent="0.35">
      <c r="AI8025" s="84"/>
      <c r="AM8025" s="84"/>
    </row>
    <row r="8026" spans="35:39" x14ac:dyDescent="0.35">
      <c r="AI8026" s="84"/>
      <c r="AM8026" s="84"/>
    </row>
    <row r="8027" spans="35:39" x14ac:dyDescent="0.35">
      <c r="AI8027" s="84"/>
      <c r="AM8027" s="84"/>
    </row>
    <row r="8028" spans="35:39" x14ac:dyDescent="0.35">
      <c r="AI8028" s="84"/>
      <c r="AM8028" s="84"/>
    </row>
    <row r="8029" spans="35:39" x14ac:dyDescent="0.35">
      <c r="AI8029" s="84"/>
      <c r="AM8029" s="84"/>
    </row>
    <row r="8030" spans="35:39" x14ac:dyDescent="0.35">
      <c r="AI8030" s="84"/>
      <c r="AM8030" s="84"/>
    </row>
    <row r="8031" spans="35:39" x14ac:dyDescent="0.35">
      <c r="AI8031" s="84"/>
      <c r="AM8031" s="84"/>
    </row>
    <row r="8032" spans="35:39" x14ac:dyDescent="0.35">
      <c r="AI8032" s="84"/>
      <c r="AM8032" s="84"/>
    </row>
    <row r="8033" spans="35:39" x14ac:dyDescent="0.35">
      <c r="AI8033" s="84"/>
      <c r="AM8033" s="84"/>
    </row>
    <row r="8034" spans="35:39" x14ac:dyDescent="0.35">
      <c r="AI8034" s="84"/>
      <c r="AM8034" s="84"/>
    </row>
    <row r="8035" spans="35:39" x14ac:dyDescent="0.35">
      <c r="AI8035" s="84"/>
      <c r="AM8035" s="84"/>
    </row>
    <row r="8036" spans="35:39" x14ac:dyDescent="0.35">
      <c r="AI8036" s="84"/>
      <c r="AM8036" s="84"/>
    </row>
    <row r="8037" spans="35:39" x14ac:dyDescent="0.35">
      <c r="AI8037" s="84"/>
      <c r="AM8037" s="84"/>
    </row>
    <row r="8038" spans="35:39" x14ac:dyDescent="0.35">
      <c r="AI8038" s="84"/>
      <c r="AM8038" s="84"/>
    </row>
    <row r="8039" spans="35:39" x14ac:dyDescent="0.35">
      <c r="AI8039" s="84"/>
      <c r="AM8039" s="84"/>
    </row>
    <row r="8040" spans="35:39" x14ac:dyDescent="0.35">
      <c r="AI8040" s="84"/>
      <c r="AM8040" s="84"/>
    </row>
    <row r="8041" spans="35:39" x14ac:dyDescent="0.35">
      <c r="AI8041" s="84"/>
      <c r="AM8041" s="84"/>
    </row>
    <row r="8042" spans="35:39" x14ac:dyDescent="0.35">
      <c r="AI8042" s="84"/>
      <c r="AM8042" s="84"/>
    </row>
    <row r="8043" spans="35:39" x14ac:dyDescent="0.35">
      <c r="AI8043" s="84"/>
      <c r="AM8043" s="84"/>
    </row>
    <row r="8044" spans="35:39" x14ac:dyDescent="0.35">
      <c r="AI8044" s="84"/>
      <c r="AM8044" s="84"/>
    </row>
    <row r="8045" spans="35:39" x14ac:dyDescent="0.35">
      <c r="AI8045" s="84"/>
      <c r="AM8045" s="84"/>
    </row>
    <row r="8046" spans="35:39" x14ac:dyDescent="0.35">
      <c r="AI8046" s="84"/>
      <c r="AM8046" s="84"/>
    </row>
    <row r="8047" spans="35:39" x14ac:dyDescent="0.35">
      <c r="AI8047" s="84"/>
      <c r="AM8047" s="84"/>
    </row>
    <row r="8048" spans="35:39" x14ac:dyDescent="0.35">
      <c r="AI8048" s="84"/>
      <c r="AM8048" s="84"/>
    </row>
    <row r="8049" spans="35:39" x14ac:dyDescent="0.35">
      <c r="AI8049" s="84"/>
      <c r="AM8049" s="84"/>
    </row>
    <row r="8050" spans="35:39" x14ac:dyDescent="0.35">
      <c r="AI8050" s="84"/>
      <c r="AM8050" s="84"/>
    </row>
    <row r="8051" spans="35:39" x14ac:dyDescent="0.35">
      <c r="AI8051" s="84"/>
      <c r="AM8051" s="84"/>
    </row>
    <row r="8052" spans="35:39" x14ac:dyDescent="0.35">
      <c r="AI8052" s="84"/>
      <c r="AM8052" s="84"/>
    </row>
    <row r="8053" spans="35:39" x14ac:dyDescent="0.35">
      <c r="AI8053" s="84"/>
      <c r="AM8053" s="84"/>
    </row>
    <row r="8054" spans="35:39" x14ac:dyDescent="0.35">
      <c r="AI8054" s="84"/>
      <c r="AM8054" s="84"/>
    </row>
    <row r="8055" spans="35:39" x14ac:dyDescent="0.35">
      <c r="AI8055" s="84"/>
      <c r="AM8055" s="84"/>
    </row>
    <row r="8056" spans="35:39" x14ac:dyDescent="0.35">
      <c r="AI8056" s="84"/>
      <c r="AM8056" s="84"/>
    </row>
    <row r="8057" spans="35:39" x14ac:dyDescent="0.35">
      <c r="AI8057" s="84"/>
      <c r="AM8057" s="84"/>
    </row>
    <row r="8058" spans="35:39" x14ac:dyDescent="0.35">
      <c r="AI8058" s="84"/>
      <c r="AM8058" s="84"/>
    </row>
    <row r="8059" spans="35:39" x14ac:dyDescent="0.35">
      <c r="AI8059" s="84"/>
      <c r="AM8059" s="84"/>
    </row>
    <row r="8060" spans="35:39" x14ac:dyDescent="0.35">
      <c r="AI8060" s="84"/>
      <c r="AM8060" s="84"/>
    </row>
    <row r="8061" spans="35:39" x14ac:dyDescent="0.35">
      <c r="AI8061" s="84"/>
      <c r="AM8061" s="84"/>
    </row>
    <row r="8062" spans="35:39" x14ac:dyDescent="0.35">
      <c r="AI8062" s="84"/>
      <c r="AM8062" s="84"/>
    </row>
    <row r="8063" spans="35:39" x14ac:dyDescent="0.35">
      <c r="AI8063" s="84"/>
      <c r="AM8063" s="84"/>
    </row>
    <row r="8064" spans="35:39" x14ac:dyDescent="0.35">
      <c r="AI8064" s="84"/>
      <c r="AM8064" s="84"/>
    </row>
    <row r="8065" spans="35:39" x14ac:dyDescent="0.35">
      <c r="AI8065" s="84"/>
      <c r="AM8065" s="84"/>
    </row>
    <row r="8066" spans="35:39" x14ac:dyDescent="0.35">
      <c r="AI8066" s="84"/>
      <c r="AM8066" s="84"/>
    </row>
    <row r="8067" spans="35:39" x14ac:dyDescent="0.35">
      <c r="AI8067" s="84"/>
      <c r="AM8067" s="84"/>
    </row>
    <row r="8068" spans="35:39" x14ac:dyDescent="0.35">
      <c r="AI8068" s="84"/>
      <c r="AM8068" s="84"/>
    </row>
    <row r="8069" spans="35:39" x14ac:dyDescent="0.35">
      <c r="AI8069" s="84"/>
      <c r="AM8069" s="84"/>
    </row>
    <row r="8070" spans="35:39" x14ac:dyDescent="0.35">
      <c r="AI8070" s="84"/>
      <c r="AM8070" s="84"/>
    </row>
    <row r="8071" spans="35:39" x14ac:dyDescent="0.35">
      <c r="AI8071" s="84"/>
      <c r="AM8071" s="84"/>
    </row>
    <row r="8072" spans="35:39" x14ac:dyDescent="0.35">
      <c r="AI8072" s="84"/>
      <c r="AM8072" s="84"/>
    </row>
    <row r="8073" spans="35:39" x14ac:dyDescent="0.35">
      <c r="AI8073" s="84"/>
      <c r="AM8073" s="84"/>
    </row>
    <row r="8074" spans="35:39" x14ac:dyDescent="0.35">
      <c r="AI8074" s="84"/>
      <c r="AM8074" s="84"/>
    </row>
    <row r="8075" spans="35:39" x14ac:dyDescent="0.35">
      <c r="AI8075" s="84"/>
      <c r="AM8075" s="84"/>
    </row>
    <row r="8076" spans="35:39" x14ac:dyDescent="0.35">
      <c r="AI8076" s="84"/>
      <c r="AM8076" s="84"/>
    </row>
    <row r="8077" spans="35:39" x14ac:dyDescent="0.35">
      <c r="AI8077" s="84"/>
      <c r="AM8077" s="84"/>
    </row>
    <row r="8078" spans="35:39" x14ac:dyDescent="0.35">
      <c r="AI8078" s="84"/>
      <c r="AM8078" s="84"/>
    </row>
    <row r="8079" spans="35:39" x14ac:dyDescent="0.35">
      <c r="AI8079" s="84"/>
      <c r="AM8079" s="84"/>
    </row>
    <row r="8080" spans="35:39" x14ac:dyDescent="0.35">
      <c r="AI8080" s="84"/>
      <c r="AM8080" s="84"/>
    </row>
    <row r="8081" spans="35:39" x14ac:dyDescent="0.35">
      <c r="AI8081" s="84"/>
      <c r="AM8081" s="84"/>
    </row>
    <row r="8082" spans="35:39" x14ac:dyDescent="0.35">
      <c r="AI8082" s="84"/>
      <c r="AM8082" s="84"/>
    </row>
    <row r="8083" spans="35:39" x14ac:dyDescent="0.35">
      <c r="AI8083" s="84"/>
      <c r="AM8083" s="84"/>
    </row>
    <row r="8084" spans="35:39" x14ac:dyDescent="0.35">
      <c r="AI8084" s="84"/>
      <c r="AM8084" s="84"/>
    </row>
    <row r="8085" spans="35:39" x14ac:dyDescent="0.35">
      <c r="AI8085" s="84"/>
      <c r="AM8085" s="84"/>
    </row>
    <row r="8086" spans="35:39" x14ac:dyDescent="0.35">
      <c r="AI8086" s="84"/>
      <c r="AM8086" s="84"/>
    </row>
    <row r="8087" spans="35:39" x14ac:dyDescent="0.35">
      <c r="AI8087" s="84"/>
      <c r="AM8087" s="84"/>
    </row>
    <row r="8088" spans="35:39" x14ac:dyDescent="0.35">
      <c r="AI8088" s="84"/>
      <c r="AM8088" s="84"/>
    </row>
    <row r="8089" spans="35:39" x14ac:dyDescent="0.35">
      <c r="AI8089" s="84"/>
      <c r="AM8089" s="84"/>
    </row>
    <row r="8090" spans="35:39" x14ac:dyDescent="0.35">
      <c r="AI8090" s="84"/>
      <c r="AM8090" s="84"/>
    </row>
    <row r="8091" spans="35:39" x14ac:dyDescent="0.35">
      <c r="AI8091" s="84"/>
      <c r="AM8091" s="84"/>
    </row>
    <row r="8092" spans="35:39" x14ac:dyDescent="0.35">
      <c r="AI8092" s="84"/>
      <c r="AM8092" s="84"/>
    </row>
    <row r="8093" spans="35:39" x14ac:dyDescent="0.35">
      <c r="AI8093" s="84"/>
      <c r="AM8093" s="84"/>
    </row>
    <row r="8094" spans="35:39" x14ac:dyDescent="0.35">
      <c r="AI8094" s="84"/>
      <c r="AM8094" s="84"/>
    </row>
    <row r="8095" spans="35:39" x14ac:dyDescent="0.35">
      <c r="AI8095" s="84"/>
      <c r="AM8095" s="84"/>
    </row>
    <row r="8096" spans="35:39" x14ac:dyDescent="0.35">
      <c r="AI8096" s="84"/>
      <c r="AM8096" s="84"/>
    </row>
    <row r="8097" spans="35:39" x14ac:dyDescent="0.35">
      <c r="AI8097" s="84"/>
      <c r="AM8097" s="84"/>
    </row>
    <row r="8098" spans="35:39" x14ac:dyDescent="0.35">
      <c r="AI8098" s="84"/>
      <c r="AM8098" s="84"/>
    </row>
    <row r="8099" spans="35:39" x14ac:dyDescent="0.35">
      <c r="AI8099" s="84"/>
      <c r="AM8099" s="84"/>
    </row>
    <row r="8100" spans="35:39" x14ac:dyDescent="0.35">
      <c r="AI8100" s="84"/>
      <c r="AM8100" s="84"/>
    </row>
    <row r="8101" spans="35:39" x14ac:dyDescent="0.35">
      <c r="AI8101" s="84"/>
      <c r="AM8101" s="84"/>
    </row>
    <row r="8102" spans="35:39" x14ac:dyDescent="0.35">
      <c r="AI8102" s="84"/>
      <c r="AM8102" s="84"/>
    </row>
    <row r="8103" spans="35:39" x14ac:dyDescent="0.35">
      <c r="AI8103" s="84"/>
      <c r="AM8103" s="84"/>
    </row>
    <row r="8104" spans="35:39" x14ac:dyDescent="0.35">
      <c r="AI8104" s="84"/>
      <c r="AM8104" s="84"/>
    </row>
    <row r="8105" spans="35:39" x14ac:dyDescent="0.35">
      <c r="AI8105" s="84"/>
      <c r="AM8105" s="84"/>
    </row>
    <row r="8106" spans="35:39" x14ac:dyDescent="0.35">
      <c r="AI8106" s="84"/>
      <c r="AM8106" s="84"/>
    </row>
    <row r="8107" spans="35:39" x14ac:dyDescent="0.35">
      <c r="AI8107" s="84"/>
      <c r="AM8107" s="84"/>
    </row>
    <row r="8108" spans="35:39" x14ac:dyDescent="0.35">
      <c r="AI8108" s="84"/>
      <c r="AM8108" s="84"/>
    </row>
    <row r="8109" spans="35:39" x14ac:dyDescent="0.35">
      <c r="AI8109" s="84"/>
      <c r="AM8109" s="84"/>
    </row>
    <row r="8110" spans="35:39" x14ac:dyDescent="0.35">
      <c r="AI8110" s="84"/>
      <c r="AM8110" s="84"/>
    </row>
    <row r="8111" spans="35:39" x14ac:dyDescent="0.35">
      <c r="AI8111" s="84"/>
      <c r="AM8111" s="84"/>
    </row>
    <row r="8112" spans="35:39" x14ac:dyDescent="0.35">
      <c r="AI8112" s="84"/>
      <c r="AM8112" s="84"/>
    </row>
    <row r="8113" spans="35:39" x14ac:dyDescent="0.35">
      <c r="AI8113" s="84"/>
      <c r="AM8113" s="84"/>
    </row>
    <row r="8114" spans="35:39" x14ac:dyDescent="0.35">
      <c r="AI8114" s="84"/>
      <c r="AM8114" s="84"/>
    </row>
    <row r="8115" spans="35:39" x14ac:dyDescent="0.35">
      <c r="AI8115" s="84"/>
      <c r="AM8115" s="84"/>
    </row>
    <row r="8116" spans="35:39" x14ac:dyDescent="0.35">
      <c r="AI8116" s="84"/>
      <c r="AM8116" s="84"/>
    </row>
    <row r="8117" spans="35:39" x14ac:dyDescent="0.35">
      <c r="AI8117" s="84"/>
      <c r="AM8117" s="84"/>
    </row>
    <row r="8118" spans="35:39" x14ac:dyDescent="0.35">
      <c r="AI8118" s="84"/>
      <c r="AM8118" s="84"/>
    </row>
    <row r="8119" spans="35:39" x14ac:dyDescent="0.35">
      <c r="AI8119" s="84"/>
      <c r="AM8119" s="84"/>
    </row>
    <row r="8120" spans="35:39" x14ac:dyDescent="0.35">
      <c r="AI8120" s="84"/>
      <c r="AM8120" s="84"/>
    </row>
    <row r="8121" spans="35:39" x14ac:dyDescent="0.35">
      <c r="AI8121" s="84"/>
      <c r="AM8121" s="84"/>
    </row>
    <row r="8122" spans="35:39" x14ac:dyDescent="0.35">
      <c r="AI8122" s="84"/>
      <c r="AM8122" s="84"/>
    </row>
    <row r="8123" spans="35:39" x14ac:dyDescent="0.35">
      <c r="AI8123" s="84"/>
      <c r="AM8123" s="84"/>
    </row>
    <row r="8124" spans="35:39" x14ac:dyDescent="0.35">
      <c r="AI8124" s="84"/>
      <c r="AM8124" s="84"/>
    </row>
    <row r="8125" spans="35:39" x14ac:dyDescent="0.35">
      <c r="AI8125" s="84"/>
      <c r="AM8125" s="84"/>
    </row>
    <row r="8126" spans="35:39" x14ac:dyDescent="0.35">
      <c r="AI8126" s="84"/>
      <c r="AM8126" s="84"/>
    </row>
    <row r="8127" spans="35:39" x14ac:dyDescent="0.35">
      <c r="AI8127" s="84"/>
      <c r="AM8127" s="84"/>
    </row>
    <row r="8128" spans="35:39" x14ac:dyDescent="0.35">
      <c r="AI8128" s="84"/>
      <c r="AM8128" s="84"/>
    </row>
    <row r="8129" spans="35:39" x14ac:dyDescent="0.35">
      <c r="AI8129" s="84"/>
      <c r="AM8129" s="84"/>
    </row>
    <row r="8130" spans="35:39" x14ac:dyDescent="0.35">
      <c r="AI8130" s="84"/>
      <c r="AM8130" s="84"/>
    </row>
    <row r="8131" spans="35:39" x14ac:dyDescent="0.35">
      <c r="AI8131" s="84"/>
      <c r="AM8131" s="84"/>
    </row>
    <row r="8132" spans="35:39" x14ac:dyDescent="0.35">
      <c r="AI8132" s="84"/>
      <c r="AM8132" s="84"/>
    </row>
    <row r="8133" spans="35:39" x14ac:dyDescent="0.35">
      <c r="AI8133" s="84"/>
      <c r="AM8133" s="84"/>
    </row>
    <row r="8134" spans="35:39" x14ac:dyDescent="0.35">
      <c r="AI8134" s="84"/>
      <c r="AM8134" s="84"/>
    </row>
    <row r="8135" spans="35:39" x14ac:dyDescent="0.35">
      <c r="AI8135" s="84"/>
      <c r="AM8135" s="84"/>
    </row>
    <row r="8136" spans="35:39" x14ac:dyDescent="0.35">
      <c r="AI8136" s="84"/>
      <c r="AM8136" s="84"/>
    </row>
    <row r="8137" spans="35:39" x14ac:dyDescent="0.35">
      <c r="AI8137" s="84"/>
      <c r="AM8137" s="84"/>
    </row>
    <row r="8138" spans="35:39" x14ac:dyDescent="0.35">
      <c r="AI8138" s="84"/>
      <c r="AM8138" s="84"/>
    </row>
    <row r="8139" spans="35:39" x14ac:dyDescent="0.35">
      <c r="AI8139" s="84"/>
      <c r="AM8139" s="84"/>
    </row>
    <row r="8140" spans="35:39" x14ac:dyDescent="0.35">
      <c r="AI8140" s="84"/>
      <c r="AM8140" s="84"/>
    </row>
    <row r="8141" spans="35:39" x14ac:dyDescent="0.35">
      <c r="AI8141" s="84"/>
      <c r="AM8141" s="84"/>
    </row>
    <row r="8142" spans="35:39" x14ac:dyDescent="0.35">
      <c r="AI8142" s="84"/>
      <c r="AM8142" s="84"/>
    </row>
    <row r="8143" spans="35:39" x14ac:dyDescent="0.35">
      <c r="AI8143" s="84"/>
      <c r="AM8143" s="84"/>
    </row>
    <row r="8144" spans="35:39" x14ac:dyDescent="0.35">
      <c r="AI8144" s="84"/>
      <c r="AM8144" s="84"/>
    </row>
    <row r="8145" spans="35:39" x14ac:dyDescent="0.35">
      <c r="AI8145" s="84"/>
      <c r="AM8145" s="84"/>
    </row>
    <row r="8146" spans="35:39" x14ac:dyDescent="0.35">
      <c r="AI8146" s="84"/>
      <c r="AM8146" s="84"/>
    </row>
    <row r="8147" spans="35:39" x14ac:dyDescent="0.35">
      <c r="AI8147" s="84"/>
      <c r="AM8147" s="84"/>
    </row>
    <row r="8148" spans="35:39" x14ac:dyDescent="0.35">
      <c r="AI8148" s="84"/>
      <c r="AM8148" s="84"/>
    </row>
    <row r="8149" spans="35:39" x14ac:dyDescent="0.35">
      <c r="AI8149" s="84"/>
      <c r="AM8149" s="84"/>
    </row>
    <row r="8150" spans="35:39" x14ac:dyDescent="0.35">
      <c r="AI8150" s="84"/>
      <c r="AM8150" s="84"/>
    </row>
    <row r="8151" spans="35:39" x14ac:dyDescent="0.35">
      <c r="AI8151" s="84"/>
      <c r="AM8151" s="84"/>
    </row>
    <row r="8152" spans="35:39" x14ac:dyDescent="0.35">
      <c r="AI8152" s="84"/>
      <c r="AM8152" s="84"/>
    </row>
    <row r="8153" spans="35:39" x14ac:dyDescent="0.35">
      <c r="AI8153" s="84"/>
      <c r="AM8153" s="84"/>
    </row>
    <row r="8154" spans="35:39" x14ac:dyDescent="0.35">
      <c r="AI8154" s="84"/>
      <c r="AM8154" s="84"/>
    </row>
    <row r="8155" spans="35:39" x14ac:dyDescent="0.35">
      <c r="AI8155" s="84"/>
      <c r="AM8155" s="84"/>
    </row>
    <row r="8156" spans="35:39" x14ac:dyDescent="0.35">
      <c r="AI8156" s="84"/>
      <c r="AM8156" s="84"/>
    </row>
    <row r="8157" spans="35:39" x14ac:dyDescent="0.35">
      <c r="AI8157" s="84"/>
      <c r="AM8157" s="84"/>
    </row>
    <row r="8158" spans="35:39" x14ac:dyDescent="0.35">
      <c r="AI8158" s="84"/>
      <c r="AM8158" s="84"/>
    </row>
    <row r="8159" spans="35:39" x14ac:dyDescent="0.35">
      <c r="AI8159" s="84"/>
      <c r="AM8159" s="84"/>
    </row>
    <row r="8160" spans="35:39" x14ac:dyDescent="0.35">
      <c r="AI8160" s="84"/>
      <c r="AM8160" s="84"/>
    </row>
    <row r="8161" spans="35:39" x14ac:dyDescent="0.35">
      <c r="AI8161" s="84"/>
      <c r="AM8161" s="84"/>
    </row>
    <row r="8162" spans="35:39" x14ac:dyDescent="0.35">
      <c r="AI8162" s="84"/>
      <c r="AM8162" s="84"/>
    </row>
    <row r="8163" spans="35:39" x14ac:dyDescent="0.35">
      <c r="AI8163" s="84"/>
      <c r="AM8163" s="84"/>
    </row>
    <row r="8164" spans="35:39" x14ac:dyDescent="0.35">
      <c r="AI8164" s="84"/>
      <c r="AM8164" s="84"/>
    </row>
    <row r="8165" spans="35:39" x14ac:dyDescent="0.35">
      <c r="AI8165" s="84"/>
      <c r="AM8165" s="84"/>
    </row>
    <row r="8166" spans="35:39" x14ac:dyDescent="0.35">
      <c r="AI8166" s="84"/>
      <c r="AM8166" s="84"/>
    </row>
    <row r="8167" spans="35:39" x14ac:dyDescent="0.35">
      <c r="AI8167" s="84"/>
      <c r="AM8167" s="84"/>
    </row>
    <row r="8168" spans="35:39" x14ac:dyDescent="0.35">
      <c r="AI8168" s="84"/>
      <c r="AM8168" s="84"/>
    </row>
    <row r="8169" spans="35:39" x14ac:dyDescent="0.35">
      <c r="AI8169" s="84"/>
      <c r="AM8169" s="84"/>
    </row>
    <row r="8170" spans="35:39" x14ac:dyDescent="0.35">
      <c r="AI8170" s="84"/>
      <c r="AM8170" s="84"/>
    </row>
    <row r="8171" spans="35:39" x14ac:dyDescent="0.35">
      <c r="AI8171" s="84"/>
      <c r="AM8171" s="84"/>
    </row>
    <row r="8172" spans="35:39" x14ac:dyDescent="0.35">
      <c r="AI8172" s="84"/>
      <c r="AM8172" s="84"/>
    </row>
    <row r="8173" spans="35:39" x14ac:dyDescent="0.35">
      <c r="AI8173" s="84"/>
      <c r="AM8173" s="84"/>
    </row>
    <row r="8174" spans="35:39" x14ac:dyDescent="0.35">
      <c r="AI8174" s="84"/>
      <c r="AM8174" s="84"/>
    </row>
    <row r="8175" spans="35:39" x14ac:dyDescent="0.35">
      <c r="AI8175" s="84"/>
      <c r="AM8175" s="84"/>
    </row>
    <row r="8176" spans="35:39" x14ac:dyDescent="0.35">
      <c r="AI8176" s="84"/>
      <c r="AM8176" s="84"/>
    </row>
    <row r="8177" spans="35:39" x14ac:dyDescent="0.35">
      <c r="AI8177" s="84"/>
      <c r="AM8177" s="84"/>
    </row>
    <row r="8178" spans="35:39" x14ac:dyDescent="0.35">
      <c r="AI8178" s="84"/>
      <c r="AM8178" s="84"/>
    </row>
    <row r="8179" spans="35:39" x14ac:dyDescent="0.35">
      <c r="AI8179" s="84"/>
      <c r="AM8179" s="84"/>
    </row>
    <row r="8180" spans="35:39" x14ac:dyDescent="0.35">
      <c r="AI8180" s="84"/>
      <c r="AM8180" s="84"/>
    </row>
    <row r="8181" spans="35:39" x14ac:dyDescent="0.35">
      <c r="AI8181" s="84"/>
      <c r="AM8181" s="84"/>
    </row>
    <row r="8182" spans="35:39" x14ac:dyDescent="0.35">
      <c r="AI8182" s="84"/>
      <c r="AM8182" s="84"/>
    </row>
    <row r="8183" spans="35:39" x14ac:dyDescent="0.35">
      <c r="AI8183" s="84"/>
      <c r="AM8183" s="84"/>
    </row>
    <row r="8184" spans="35:39" x14ac:dyDescent="0.35">
      <c r="AI8184" s="84"/>
      <c r="AM8184" s="84"/>
    </row>
    <row r="8185" spans="35:39" x14ac:dyDescent="0.35">
      <c r="AI8185" s="84"/>
      <c r="AM8185" s="84"/>
    </row>
    <row r="8186" spans="35:39" x14ac:dyDescent="0.35">
      <c r="AI8186" s="84"/>
      <c r="AM8186" s="84"/>
    </row>
    <row r="8187" spans="35:39" x14ac:dyDescent="0.35">
      <c r="AI8187" s="84"/>
      <c r="AM8187" s="84"/>
    </row>
    <row r="8188" spans="35:39" x14ac:dyDescent="0.35">
      <c r="AI8188" s="84"/>
      <c r="AM8188" s="84"/>
    </row>
    <row r="8189" spans="35:39" x14ac:dyDescent="0.35">
      <c r="AI8189" s="84"/>
      <c r="AM8189" s="84"/>
    </row>
    <row r="8190" spans="35:39" x14ac:dyDescent="0.35">
      <c r="AI8190" s="84"/>
      <c r="AM8190" s="84"/>
    </row>
    <row r="8191" spans="35:39" x14ac:dyDescent="0.35">
      <c r="AI8191" s="84"/>
      <c r="AM8191" s="84"/>
    </row>
    <row r="8192" spans="35:39" x14ac:dyDescent="0.35">
      <c r="AI8192" s="84"/>
      <c r="AM8192" s="84"/>
    </row>
    <row r="8193" spans="35:39" x14ac:dyDescent="0.35">
      <c r="AI8193" s="84"/>
      <c r="AM8193" s="84"/>
    </row>
    <row r="8194" spans="35:39" x14ac:dyDescent="0.35">
      <c r="AI8194" s="84"/>
      <c r="AM8194" s="84"/>
    </row>
    <row r="8195" spans="35:39" x14ac:dyDescent="0.35">
      <c r="AI8195" s="84"/>
      <c r="AM8195" s="84"/>
    </row>
    <row r="8196" spans="35:39" x14ac:dyDescent="0.35">
      <c r="AI8196" s="84"/>
      <c r="AM8196" s="84"/>
    </row>
    <row r="8197" spans="35:39" x14ac:dyDescent="0.35">
      <c r="AI8197" s="84"/>
      <c r="AM8197" s="84"/>
    </row>
    <row r="8198" spans="35:39" x14ac:dyDescent="0.35">
      <c r="AI8198" s="84"/>
      <c r="AM8198" s="84"/>
    </row>
    <row r="8199" spans="35:39" x14ac:dyDescent="0.35">
      <c r="AI8199" s="84"/>
      <c r="AM8199" s="84"/>
    </row>
    <row r="8200" spans="35:39" x14ac:dyDescent="0.35">
      <c r="AI8200" s="84"/>
      <c r="AM8200" s="84"/>
    </row>
    <row r="8201" spans="35:39" x14ac:dyDescent="0.35">
      <c r="AI8201" s="84"/>
      <c r="AM8201" s="84"/>
    </row>
    <row r="8202" spans="35:39" x14ac:dyDescent="0.35">
      <c r="AI8202" s="84"/>
      <c r="AM8202" s="84"/>
    </row>
    <row r="8203" spans="35:39" x14ac:dyDescent="0.35">
      <c r="AI8203" s="84"/>
      <c r="AM8203" s="84"/>
    </row>
    <row r="8204" spans="35:39" x14ac:dyDescent="0.35">
      <c r="AI8204" s="84"/>
      <c r="AM8204" s="84"/>
    </row>
    <row r="8205" spans="35:39" x14ac:dyDescent="0.35">
      <c r="AI8205" s="84"/>
      <c r="AM8205" s="84"/>
    </row>
    <row r="8206" spans="35:39" x14ac:dyDescent="0.35">
      <c r="AI8206" s="84"/>
      <c r="AM8206" s="84"/>
    </row>
    <row r="8207" spans="35:39" x14ac:dyDescent="0.35">
      <c r="AI8207" s="84"/>
      <c r="AM8207" s="84"/>
    </row>
    <row r="8208" spans="35:39" x14ac:dyDescent="0.35">
      <c r="AI8208" s="84"/>
      <c r="AM8208" s="84"/>
    </row>
    <row r="8209" spans="35:39" x14ac:dyDescent="0.35">
      <c r="AI8209" s="84"/>
      <c r="AM8209" s="84"/>
    </row>
    <row r="8210" spans="35:39" x14ac:dyDescent="0.35">
      <c r="AI8210" s="84"/>
      <c r="AM8210" s="84"/>
    </row>
    <row r="8211" spans="35:39" x14ac:dyDescent="0.35">
      <c r="AI8211" s="84"/>
      <c r="AM8211" s="84"/>
    </row>
    <row r="8212" spans="35:39" x14ac:dyDescent="0.35">
      <c r="AI8212" s="84"/>
      <c r="AM8212" s="84"/>
    </row>
    <row r="8213" spans="35:39" x14ac:dyDescent="0.35">
      <c r="AI8213" s="84"/>
      <c r="AM8213" s="84"/>
    </row>
    <row r="8214" spans="35:39" x14ac:dyDescent="0.35">
      <c r="AI8214" s="84"/>
      <c r="AM8214" s="84"/>
    </row>
    <row r="8215" spans="35:39" x14ac:dyDescent="0.35">
      <c r="AI8215" s="84"/>
      <c r="AM8215" s="84"/>
    </row>
    <row r="8216" spans="35:39" x14ac:dyDescent="0.35">
      <c r="AI8216" s="84"/>
      <c r="AM8216" s="84"/>
    </row>
    <row r="8217" spans="35:39" x14ac:dyDescent="0.35">
      <c r="AI8217" s="84"/>
      <c r="AM8217" s="84"/>
    </row>
    <row r="8218" spans="35:39" x14ac:dyDescent="0.35">
      <c r="AI8218" s="84"/>
      <c r="AM8218" s="84"/>
    </row>
    <row r="8219" spans="35:39" x14ac:dyDescent="0.35">
      <c r="AI8219" s="84"/>
      <c r="AM8219" s="84"/>
    </row>
    <row r="8220" spans="35:39" x14ac:dyDescent="0.35">
      <c r="AI8220" s="84"/>
      <c r="AM8220" s="84"/>
    </row>
    <row r="8221" spans="35:39" x14ac:dyDescent="0.35">
      <c r="AI8221" s="84"/>
      <c r="AM8221" s="84"/>
    </row>
    <row r="8222" spans="35:39" x14ac:dyDescent="0.35">
      <c r="AI8222" s="84"/>
      <c r="AM8222" s="84"/>
    </row>
    <row r="8223" spans="35:39" x14ac:dyDescent="0.35">
      <c r="AI8223" s="84"/>
      <c r="AM8223" s="84"/>
    </row>
    <row r="8224" spans="35:39" x14ac:dyDescent="0.35">
      <c r="AI8224" s="84"/>
      <c r="AM8224" s="84"/>
    </row>
    <row r="8225" spans="35:39" x14ac:dyDescent="0.35">
      <c r="AI8225" s="84"/>
      <c r="AM8225" s="84"/>
    </row>
    <row r="8226" spans="35:39" x14ac:dyDescent="0.35">
      <c r="AI8226" s="84"/>
      <c r="AM8226" s="84"/>
    </row>
    <row r="8227" spans="35:39" x14ac:dyDescent="0.35">
      <c r="AI8227" s="84"/>
      <c r="AM8227" s="84"/>
    </row>
    <row r="8228" spans="35:39" x14ac:dyDescent="0.35">
      <c r="AI8228" s="84"/>
      <c r="AM8228" s="84"/>
    </row>
    <row r="8229" spans="35:39" x14ac:dyDescent="0.35">
      <c r="AI8229" s="84"/>
      <c r="AM8229" s="84"/>
    </row>
    <row r="8230" spans="35:39" x14ac:dyDescent="0.35">
      <c r="AI8230" s="84"/>
      <c r="AM8230" s="84"/>
    </row>
    <row r="8231" spans="35:39" x14ac:dyDescent="0.35">
      <c r="AI8231" s="84"/>
      <c r="AM8231" s="84"/>
    </row>
    <row r="8232" spans="35:39" x14ac:dyDescent="0.35">
      <c r="AI8232" s="84"/>
      <c r="AM8232" s="84"/>
    </row>
    <row r="8233" spans="35:39" x14ac:dyDescent="0.35">
      <c r="AI8233" s="84"/>
      <c r="AM8233" s="84"/>
    </row>
    <row r="8234" spans="35:39" x14ac:dyDescent="0.35">
      <c r="AI8234" s="84"/>
      <c r="AM8234" s="84"/>
    </row>
    <row r="8235" spans="35:39" x14ac:dyDescent="0.35">
      <c r="AI8235" s="84"/>
      <c r="AM8235" s="84"/>
    </row>
    <row r="8236" spans="35:39" x14ac:dyDescent="0.35">
      <c r="AI8236" s="84"/>
      <c r="AM8236" s="84"/>
    </row>
    <row r="8237" spans="35:39" x14ac:dyDescent="0.35">
      <c r="AI8237" s="84"/>
      <c r="AM8237" s="84"/>
    </row>
    <row r="8238" spans="35:39" x14ac:dyDescent="0.35">
      <c r="AI8238" s="84"/>
      <c r="AM8238" s="84"/>
    </row>
    <row r="8239" spans="35:39" x14ac:dyDescent="0.35">
      <c r="AI8239" s="84"/>
      <c r="AM8239" s="84"/>
    </row>
    <row r="8240" spans="35:39" x14ac:dyDescent="0.35">
      <c r="AI8240" s="84"/>
      <c r="AM8240" s="84"/>
    </row>
    <row r="8241" spans="35:39" x14ac:dyDescent="0.35">
      <c r="AI8241" s="84"/>
      <c r="AM8241" s="84"/>
    </row>
    <row r="8242" spans="35:39" x14ac:dyDescent="0.35">
      <c r="AI8242" s="84"/>
      <c r="AM8242" s="84"/>
    </row>
    <row r="8243" spans="35:39" x14ac:dyDescent="0.35">
      <c r="AI8243" s="84"/>
      <c r="AM8243" s="84"/>
    </row>
    <row r="8244" spans="35:39" x14ac:dyDescent="0.35">
      <c r="AI8244" s="84"/>
      <c r="AM8244" s="84"/>
    </row>
    <row r="8245" spans="35:39" x14ac:dyDescent="0.35">
      <c r="AI8245" s="84"/>
      <c r="AM8245" s="84"/>
    </row>
    <row r="8246" spans="35:39" x14ac:dyDescent="0.35">
      <c r="AI8246" s="84"/>
      <c r="AM8246" s="84"/>
    </row>
    <row r="8247" spans="35:39" x14ac:dyDescent="0.35">
      <c r="AI8247" s="84"/>
      <c r="AM8247" s="84"/>
    </row>
    <row r="8248" spans="35:39" x14ac:dyDescent="0.35">
      <c r="AI8248" s="84"/>
      <c r="AM8248" s="84"/>
    </row>
    <row r="8249" spans="35:39" x14ac:dyDescent="0.35">
      <c r="AI8249" s="84"/>
      <c r="AM8249" s="84"/>
    </row>
    <row r="8250" spans="35:39" x14ac:dyDescent="0.35">
      <c r="AI8250" s="84"/>
      <c r="AM8250" s="84"/>
    </row>
    <row r="8251" spans="35:39" x14ac:dyDescent="0.35">
      <c r="AI8251" s="84"/>
      <c r="AM8251" s="84"/>
    </row>
    <row r="8252" spans="35:39" x14ac:dyDescent="0.35">
      <c r="AI8252" s="84"/>
      <c r="AM8252" s="84"/>
    </row>
    <row r="8253" spans="35:39" x14ac:dyDescent="0.35">
      <c r="AI8253" s="84"/>
      <c r="AM8253" s="84"/>
    </row>
    <row r="8254" spans="35:39" x14ac:dyDescent="0.35">
      <c r="AI8254" s="84"/>
      <c r="AM8254" s="84"/>
    </row>
    <row r="8255" spans="35:39" x14ac:dyDescent="0.35">
      <c r="AI8255" s="84"/>
      <c r="AM8255" s="84"/>
    </row>
    <row r="8256" spans="35:39" x14ac:dyDescent="0.35">
      <c r="AI8256" s="84"/>
      <c r="AM8256" s="84"/>
    </row>
    <row r="8257" spans="35:39" x14ac:dyDescent="0.35">
      <c r="AI8257" s="84"/>
      <c r="AM8257" s="84"/>
    </row>
    <row r="8258" spans="35:39" x14ac:dyDescent="0.35">
      <c r="AI8258" s="84"/>
      <c r="AM8258" s="84"/>
    </row>
    <row r="8259" spans="35:39" x14ac:dyDescent="0.35">
      <c r="AI8259" s="84"/>
      <c r="AM8259" s="84"/>
    </row>
    <row r="8260" spans="35:39" x14ac:dyDescent="0.35">
      <c r="AI8260" s="84"/>
      <c r="AM8260" s="84"/>
    </row>
    <row r="8261" spans="35:39" x14ac:dyDescent="0.35">
      <c r="AI8261" s="84"/>
      <c r="AM8261" s="84"/>
    </row>
    <row r="8262" spans="35:39" x14ac:dyDescent="0.35">
      <c r="AI8262" s="84"/>
      <c r="AM8262" s="84"/>
    </row>
    <row r="8263" spans="35:39" x14ac:dyDescent="0.35">
      <c r="AI8263" s="84"/>
      <c r="AM8263" s="84"/>
    </row>
    <row r="8264" spans="35:39" x14ac:dyDescent="0.35">
      <c r="AI8264" s="84"/>
      <c r="AM8264" s="84"/>
    </row>
    <row r="8265" spans="35:39" x14ac:dyDescent="0.35">
      <c r="AI8265" s="84"/>
      <c r="AM8265" s="84"/>
    </row>
    <row r="8266" spans="35:39" x14ac:dyDescent="0.35">
      <c r="AI8266" s="84"/>
      <c r="AM8266" s="84"/>
    </row>
    <row r="8267" spans="35:39" x14ac:dyDescent="0.35">
      <c r="AI8267" s="84"/>
      <c r="AM8267" s="84"/>
    </row>
    <row r="8268" spans="35:39" x14ac:dyDescent="0.35">
      <c r="AI8268" s="84"/>
      <c r="AM8268" s="84"/>
    </row>
    <row r="8269" spans="35:39" x14ac:dyDescent="0.35">
      <c r="AI8269" s="84"/>
      <c r="AM8269" s="84"/>
    </row>
    <row r="8270" spans="35:39" x14ac:dyDescent="0.35">
      <c r="AI8270" s="84"/>
      <c r="AM8270" s="84"/>
    </row>
    <row r="8271" spans="35:39" x14ac:dyDescent="0.35">
      <c r="AI8271" s="84"/>
      <c r="AM8271" s="84"/>
    </row>
    <row r="8272" spans="35:39" x14ac:dyDescent="0.35">
      <c r="AI8272" s="84"/>
      <c r="AM8272" s="84"/>
    </row>
    <row r="8273" spans="35:39" x14ac:dyDescent="0.35">
      <c r="AI8273" s="84"/>
      <c r="AM8273" s="84"/>
    </row>
    <row r="8274" spans="35:39" x14ac:dyDescent="0.35">
      <c r="AI8274" s="84"/>
      <c r="AM8274" s="84"/>
    </row>
    <row r="8275" spans="35:39" x14ac:dyDescent="0.35">
      <c r="AI8275" s="84"/>
      <c r="AM8275" s="84"/>
    </row>
    <row r="8276" spans="35:39" x14ac:dyDescent="0.35">
      <c r="AI8276" s="84"/>
      <c r="AM8276" s="84"/>
    </row>
    <row r="8277" spans="35:39" x14ac:dyDescent="0.35">
      <c r="AI8277" s="84"/>
      <c r="AM8277" s="84"/>
    </row>
    <row r="8278" spans="35:39" x14ac:dyDescent="0.35">
      <c r="AI8278" s="84"/>
      <c r="AM8278" s="84"/>
    </row>
    <row r="8279" spans="35:39" x14ac:dyDescent="0.35">
      <c r="AI8279" s="84"/>
      <c r="AM8279" s="84"/>
    </row>
    <row r="8280" spans="35:39" x14ac:dyDescent="0.35">
      <c r="AI8280" s="84"/>
      <c r="AM8280" s="84"/>
    </row>
    <row r="8281" spans="35:39" x14ac:dyDescent="0.35">
      <c r="AI8281" s="84"/>
      <c r="AM8281" s="84"/>
    </row>
    <row r="8282" spans="35:39" x14ac:dyDescent="0.35">
      <c r="AI8282" s="84"/>
      <c r="AM8282" s="84"/>
    </row>
    <row r="8283" spans="35:39" x14ac:dyDescent="0.35">
      <c r="AI8283" s="84"/>
      <c r="AM8283" s="84"/>
    </row>
    <row r="8284" spans="35:39" x14ac:dyDescent="0.35">
      <c r="AI8284" s="84"/>
      <c r="AM8284" s="84"/>
    </row>
    <row r="8285" spans="35:39" x14ac:dyDescent="0.35">
      <c r="AI8285" s="84"/>
      <c r="AM8285" s="84"/>
    </row>
    <row r="8286" spans="35:39" x14ac:dyDescent="0.35">
      <c r="AI8286" s="84"/>
      <c r="AM8286" s="84"/>
    </row>
    <row r="8287" spans="35:39" x14ac:dyDescent="0.35">
      <c r="AI8287" s="84"/>
      <c r="AM8287" s="84"/>
    </row>
    <row r="8288" spans="35:39" x14ac:dyDescent="0.35">
      <c r="AI8288" s="84"/>
      <c r="AM8288" s="84"/>
    </row>
    <row r="8289" spans="35:39" x14ac:dyDescent="0.35">
      <c r="AI8289" s="84"/>
      <c r="AM8289" s="84"/>
    </row>
    <row r="8290" spans="35:39" x14ac:dyDescent="0.35">
      <c r="AI8290" s="84"/>
      <c r="AM8290" s="84"/>
    </row>
    <row r="8291" spans="35:39" x14ac:dyDescent="0.35">
      <c r="AI8291" s="84"/>
      <c r="AM8291" s="84"/>
    </row>
    <row r="8292" spans="35:39" x14ac:dyDescent="0.35">
      <c r="AI8292" s="84"/>
      <c r="AM8292" s="84"/>
    </row>
    <row r="8293" spans="35:39" x14ac:dyDescent="0.35">
      <c r="AI8293" s="84"/>
      <c r="AM8293" s="84"/>
    </row>
    <row r="8294" spans="35:39" x14ac:dyDescent="0.35">
      <c r="AI8294" s="84"/>
      <c r="AM8294" s="84"/>
    </row>
    <row r="8295" spans="35:39" x14ac:dyDescent="0.35">
      <c r="AI8295" s="84"/>
      <c r="AM8295" s="84"/>
    </row>
    <row r="8296" spans="35:39" x14ac:dyDescent="0.35">
      <c r="AI8296" s="84"/>
      <c r="AM8296" s="84"/>
    </row>
    <row r="8297" spans="35:39" x14ac:dyDescent="0.35">
      <c r="AI8297" s="84"/>
      <c r="AM8297" s="84"/>
    </row>
    <row r="8298" spans="35:39" x14ac:dyDescent="0.35">
      <c r="AI8298" s="84"/>
      <c r="AM8298" s="84"/>
    </row>
    <row r="8299" spans="35:39" x14ac:dyDescent="0.35">
      <c r="AI8299" s="84"/>
      <c r="AM8299" s="84"/>
    </row>
    <row r="8300" spans="35:39" x14ac:dyDescent="0.35">
      <c r="AI8300" s="84"/>
      <c r="AM8300" s="84"/>
    </row>
    <row r="8301" spans="35:39" x14ac:dyDescent="0.35">
      <c r="AI8301" s="84"/>
      <c r="AM8301" s="84"/>
    </row>
    <row r="8302" spans="35:39" x14ac:dyDescent="0.35">
      <c r="AI8302" s="84"/>
      <c r="AM8302" s="84"/>
    </row>
    <row r="8303" spans="35:39" x14ac:dyDescent="0.35">
      <c r="AI8303" s="84"/>
      <c r="AM8303" s="84"/>
    </row>
    <row r="8304" spans="35:39" x14ac:dyDescent="0.35">
      <c r="AI8304" s="84"/>
      <c r="AM8304" s="84"/>
    </row>
    <row r="8305" spans="35:39" x14ac:dyDescent="0.35">
      <c r="AI8305" s="84"/>
      <c r="AM8305" s="84"/>
    </row>
    <row r="8306" spans="35:39" x14ac:dyDescent="0.35">
      <c r="AI8306" s="84"/>
      <c r="AM8306" s="84"/>
    </row>
    <row r="8307" spans="35:39" x14ac:dyDescent="0.35">
      <c r="AI8307" s="84"/>
      <c r="AM8307" s="84"/>
    </row>
    <row r="8308" spans="35:39" x14ac:dyDescent="0.35">
      <c r="AI8308" s="84"/>
      <c r="AM8308" s="84"/>
    </row>
    <row r="8309" spans="35:39" x14ac:dyDescent="0.35">
      <c r="AI8309" s="84"/>
      <c r="AM8309" s="84"/>
    </row>
    <row r="8310" spans="35:39" x14ac:dyDescent="0.35">
      <c r="AI8310" s="84"/>
      <c r="AM8310" s="84"/>
    </row>
    <row r="8311" spans="35:39" x14ac:dyDescent="0.35">
      <c r="AI8311" s="84"/>
      <c r="AM8311" s="84"/>
    </row>
    <row r="8312" spans="35:39" x14ac:dyDescent="0.35">
      <c r="AI8312" s="84"/>
      <c r="AM8312" s="84"/>
    </row>
    <row r="8313" spans="35:39" x14ac:dyDescent="0.35">
      <c r="AI8313" s="84"/>
      <c r="AM8313" s="84"/>
    </row>
    <row r="8314" spans="35:39" x14ac:dyDescent="0.35">
      <c r="AI8314" s="84"/>
      <c r="AM8314" s="84"/>
    </row>
    <row r="8315" spans="35:39" x14ac:dyDescent="0.35">
      <c r="AI8315" s="84"/>
      <c r="AM8315" s="84"/>
    </row>
    <row r="8316" spans="35:39" x14ac:dyDescent="0.35">
      <c r="AI8316" s="84"/>
      <c r="AM8316" s="84"/>
    </row>
    <row r="8317" spans="35:39" x14ac:dyDescent="0.35">
      <c r="AI8317" s="84"/>
      <c r="AM8317" s="84"/>
    </row>
    <row r="8318" spans="35:39" x14ac:dyDescent="0.35">
      <c r="AI8318" s="84"/>
      <c r="AM8318" s="84"/>
    </row>
    <row r="8319" spans="35:39" x14ac:dyDescent="0.35">
      <c r="AI8319" s="84"/>
      <c r="AM8319" s="84"/>
    </row>
    <row r="8320" spans="35:39" x14ac:dyDescent="0.35">
      <c r="AI8320" s="84"/>
      <c r="AM8320" s="84"/>
    </row>
    <row r="8321" spans="35:39" x14ac:dyDescent="0.35">
      <c r="AI8321" s="84"/>
      <c r="AM8321" s="84"/>
    </row>
    <row r="8322" spans="35:39" x14ac:dyDescent="0.35">
      <c r="AI8322" s="84"/>
      <c r="AM8322" s="84"/>
    </row>
    <row r="8323" spans="35:39" x14ac:dyDescent="0.35">
      <c r="AI8323" s="84"/>
      <c r="AM8323" s="84"/>
    </row>
    <row r="8324" spans="35:39" x14ac:dyDescent="0.35">
      <c r="AI8324" s="84"/>
      <c r="AM8324" s="84"/>
    </row>
    <row r="8325" spans="35:39" x14ac:dyDescent="0.35">
      <c r="AI8325" s="84"/>
      <c r="AM8325" s="84"/>
    </row>
    <row r="8326" spans="35:39" x14ac:dyDescent="0.35">
      <c r="AI8326" s="84"/>
      <c r="AM8326" s="84"/>
    </row>
    <row r="8327" spans="35:39" x14ac:dyDescent="0.35">
      <c r="AI8327" s="84"/>
      <c r="AM8327" s="84"/>
    </row>
    <row r="8328" spans="35:39" x14ac:dyDescent="0.35">
      <c r="AI8328" s="84"/>
      <c r="AM8328" s="84"/>
    </row>
    <row r="8329" spans="35:39" x14ac:dyDescent="0.35">
      <c r="AI8329" s="84"/>
      <c r="AM8329" s="84"/>
    </row>
    <row r="8330" spans="35:39" x14ac:dyDescent="0.35">
      <c r="AI8330" s="84"/>
      <c r="AM8330" s="84"/>
    </row>
    <row r="8331" spans="35:39" x14ac:dyDescent="0.35">
      <c r="AI8331" s="84"/>
      <c r="AM8331" s="84"/>
    </row>
    <row r="8332" spans="35:39" x14ac:dyDescent="0.35">
      <c r="AI8332" s="84"/>
      <c r="AM8332" s="84"/>
    </row>
    <row r="8333" spans="35:39" x14ac:dyDescent="0.35">
      <c r="AI8333" s="84"/>
      <c r="AM8333" s="84"/>
    </row>
    <row r="8334" spans="35:39" x14ac:dyDescent="0.35">
      <c r="AI8334" s="84"/>
      <c r="AM8334" s="84"/>
    </row>
    <row r="8335" spans="35:39" x14ac:dyDescent="0.35">
      <c r="AI8335" s="84"/>
      <c r="AM8335" s="84"/>
    </row>
    <row r="8336" spans="35:39" x14ac:dyDescent="0.35">
      <c r="AI8336" s="84"/>
      <c r="AM8336" s="84"/>
    </row>
    <row r="8337" spans="35:39" x14ac:dyDescent="0.35">
      <c r="AI8337" s="84"/>
      <c r="AM8337" s="84"/>
    </row>
    <row r="8338" spans="35:39" x14ac:dyDescent="0.35">
      <c r="AI8338" s="84"/>
      <c r="AM8338" s="84"/>
    </row>
    <row r="8339" spans="35:39" x14ac:dyDescent="0.35">
      <c r="AI8339" s="84"/>
      <c r="AM8339" s="84"/>
    </row>
    <row r="8340" spans="35:39" x14ac:dyDescent="0.35">
      <c r="AI8340" s="84"/>
      <c r="AM8340" s="84"/>
    </row>
    <row r="8341" spans="35:39" x14ac:dyDescent="0.35">
      <c r="AI8341" s="84"/>
      <c r="AM8341" s="84"/>
    </row>
    <row r="8342" spans="35:39" x14ac:dyDescent="0.35">
      <c r="AI8342" s="84"/>
      <c r="AM8342" s="84"/>
    </row>
    <row r="8343" spans="35:39" x14ac:dyDescent="0.35">
      <c r="AI8343" s="84"/>
      <c r="AM8343" s="84"/>
    </row>
    <row r="8344" spans="35:39" x14ac:dyDescent="0.35">
      <c r="AI8344" s="84"/>
      <c r="AM8344" s="84"/>
    </row>
    <row r="8345" spans="35:39" x14ac:dyDescent="0.35">
      <c r="AI8345" s="84"/>
      <c r="AM8345" s="84"/>
    </row>
    <row r="8346" spans="35:39" x14ac:dyDescent="0.35">
      <c r="AI8346" s="84"/>
      <c r="AM8346" s="84"/>
    </row>
    <row r="8347" spans="35:39" x14ac:dyDescent="0.35">
      <c r="AI8347" s="84"/>
      <c r="AM8347" s="84"/>
    </row>
    <row r="8348" spans="35:39" x14ac:dyDescent="0.35">
      <c r="AI8348" s="84"/>
      <c r="AM8348" s="84"/>
    </row>
    <row r="8349" spans="35:39" x14ac:dyDescent="0.35">
      <c r="AI8349" s="84"/>
      <c r="AM8349" s="84"/>
    </row>
    <row r="8350" spans="35:39" x14ac:dyDescent="0.35">
      <c r="AI8350" s="84"/>
      <c r="AM8350" s="84"/>
    </row>
    <row r="8351" spans="35:39" x14ac:dyDescent="0.35">
      <c r="AI8351" s="84"/>
      <c r="AM8351" s="84"/>
    </row>
    <row r="8352" spans="35:39" x14ac:dyDescent="0.35">
      <c r="AI8352" s="84"/>
      <c r="AM8352" s="84"/>
    </row>
    <row r="8353" spans="35:39" x14ac:dyDescent="0.35">
      <c r="AI8353" s="84"/>
      <c r="AM8353" s="84"/>
    </row>
    <row r="8354" spans="35:39" x14ac:dyDescent="0.35">
      <c r="AI8354" s="84"/>
      <c r="AM8354" s="84"/>
    </row>
    <row r="8355" spans="35:39" x14ac:dyDescent="0.35">
      <c r="AI8355" s="84"/>
      <c r="AM8355" s="84"/>
    </row>
    <row r="8356" spans="35:39" x14ac:dyDescent="0.35">
      <c r="AI8356" s="84"/>
      <c r="AM8356" s="84"/>
    </row>
    <row r="8357" spans="35:39" x14ac:dyDescent="0.35">
      <c r="AI8357" s="84"/>
      <c r="AM8357" s="84"/>
    </row>
    <row r="8358" spans="35:39" x14ac:dyDescent="0.35">
      <c r="AI8358" s="84"/>
      <c r="AM8358" s="84"/>
    </row>
    <row r="8359" spans="35:39" x14ac:dyDescent="0.35">
      <c r="AI8359" s="84"/>
      <c r="AM8359" s="84"/>
    </row>
    <row r="8360" spans="35:39" x14ac:dyDescent="0.35">
      <c r="AI8360" s="84"/>
      <c r="AM8360" s="84"/>
    </row>
    <row r="8361" spans="35:39" x14ac:dyDescent="0.35">
      <c r="AI8361" s="84"/>
      <c r="AM8361" s="84"/>
    </row>
    <row r="8362" spans="35:39" x14ac:dyDescent="0.35">
      <c r="AI8362" s="84"/>
      <c r="AM8362" s="84"/>
    </row>
    <row r="8363" spans="35:39" x14ac:dyDescent="0.35">
      <c r="AI8363" s="84"/>
      <c r="AM8363" s="84"/>
    </row>
    <row r="8364" spans="35:39" x14ac:dyDescent="0.35">
      <c r="AI8364" s="84"/>
      <c r="AM8364" s="84"/>
    </row>
    <row r="8365" spans="35:39" x14ac:dyDescent="0.35">
      <c r="AI8365" s="84"/>
      <c r="AM8365" s="84"/>
    </row>
    <row r="8366" spans="35:39" x14ac:dyDescent="0.35">
      <c r="AI8366" s="84"/>
      <c r="AM8366" s="84"/>
    </row>
    <row r="8367" spans="35:39" x14ac:dyDescent="0.35">
      <c r="AI8367" s="84"/>
      <c r="AM8367" s="84"/>
    </row>
    <row r="8368" spans="35:39" x14ac:dyDescent="0.35">
      <c r="AI8368" s="84"/>
      <c r="AM8368" s="84"/>
    </row>
    <row r="8369" spans="35:39" x14ac:dyDescent="0.35">
      <c r="AI8369" s="84"/>
      <c r="AM8369" s="84"/>
    </row>
    <row r="8370" spans="35:39" x14ac:dyDescent="0.35">
      <c r="AI8370" s="84"/>
      <c r="AM8370" s="84"/>
    </row>
    <row r="8371" spans="35:39" x14ac:dyDescent="0.35">
      <c r="AI8371" s="84"/>
      <c r="AM8371" s="84"/>
    </row>
    <row r="8372" spans="35:39" x14ac:dyDescent="0.35">
      <c r="AI8372" s="84"/>
      <c r="AM8372" s="84"/>
    </row>
    <row r="8373" spans="35:39" x14ac:dyDescent="0.35">
      <c r="AI8373" s="84"/>
      <c r="AM8373" s="84"/>
    </row>
    <row r="8374" spans="35:39" x14ac:dyDescent="0.35">
      <c r="AI8374" s="84"/>
      <c r="AM8374" s="84"/>
    </row>
    <row r="8375" spans="35:39" x14ac:dyDescent="0.35">
      <c r="AI8375" s="84"/>
      <c r="AM8375" s="84"/>
    </row>
    <row r="8376" spans="35:39" x14ac:dyDescent="0.35">
      <c r="AI8376" s="84"/>
      <c r="AM8376" s="84"/>
    </row>
    <row r="8377" spans="35:39" x14ac:dyDescent="0.35">
      <c r="AI8377" s="84"/>
      <c r="AM8377" s="84"/>
    </row>
    <row r="8378" spans="35:39" x14ac:dyDescent="0.35">
      <c r="AI8378" s="84"/>
      <c r="AM8378" s="84"/>
    </row>
    <row r="8379" spans="35:39" x14ac:dyDescent="0.35">
      <c r="AI8379" s="84"/>
      <c r="AM8379" s="84"/>
    </row>
    <row r="8380" spans="35:39" x14ac:dyDescent="0.35">
      <c r="AI8380" s="84"/>
      <c r="AM8380" s="84"/>
    </row>
    <row r="8381" spans="35:39" x14ac:dyDescent="0.35">
      <c r="AI8381" s="84"/>
      <c r="AM8381" s="84"/>
    </row>
    <row r="8382" spans="35:39" x14ac:dyDescent="0.35">
      <c r="AI8382" s="84"/>
      <c r="AM8382" s="84"/>
    </row>
    <row r="8383" spans="35:39" x14ac:dyDescent="0.35">
      <c r="AI8383" s="84"/>
      <c r="AM8383" s="84"/>
    </row>
    <row r="8384" spans="35:39" x14ac:dyDescent="0.35">
      <c r="AI8384" s="84"/>
      <c r="AM8384" s="84"/>
    </row>
    <row r="8385" spans="35:39" x14ac:dyDescent="0.35">
      <c r="AI8385" s="84"/>
      <c r="AM8385" s="84"/>
    </row>
    <row r="8386" spans="35:39" x14ac:dyDescent="0.35">
      <c r="AI8386" s="84"/>
      <c r="AM8386" s="84"/>
    </row>
    <row r="8387" spans="35:39" x14ac:dyDescent="0.35">
      <c r="AI8387" s="84"/>
      <c r="AM8387" s="84"/>
    </row>
    <row r="8388" spans="35:39" x14ac:dyDescent="0.35">
      <c r="AI8388" s="84"/>
      <c r="AM8388" s="84"/>
    </row>
    <row r="8389" spans="35:39" x14ac:dyDescent="0.35">
      <c r="AI8389" s="84"/>
      <c r="AM8389" s="84"/>
    </row>
    <row r="8390" spans="35:39" x14ac:dyDescent="0.35">
      <c r="AI8390" s="84"/>
      <c r="AM8390" s="84"/>
    </row>
    <row r="8391" spans="35:39" x14ac:dyDescent="0.35">
      <c r="AI8391" s="84"/>
      <c r="AM8391" s="84"/>
    </row>
    <row r="8392" spans="35:39" x14ac:dyDescent="0.35">
      <c r="AI8392" s="84"/>
      <c r="AM8392" s="84"/>
    </row>
    <row r="8393" spans="35:39" x14ac:dyDescent="0.35">
      <c r="AI8393" s="84"/>
      <c r="AM8393" s="84"/>
    </row>
    <row r="8394" spans="35:39" x14ac:dyDescent="0.35">
      <c r="AI8394" s="84"/>
      <c r="AM8394" s="84"/>
    </row>
    <row r="8395" spans="35:39" x14ac:dyDescent="0.35">
      <c r="AI8395" s="84"/>
      <c r="AM8395" s="84"/>
    </row>
    <row r="8396" spans="35:39" x14ac:dyDescent="0.35">
      <c r="AI8396" s="84"/>
      <c r="AM8396" s="84"/>
    </row>
    <row r="8397" spans="35:39" x14ac:dyDescent="0.35">
      <c r="AI8397" s="84"/>
      <c r="AM8397" s="84"/>
    </row>
    <row r="8398" spans="35:39" x14ac:dyDescent="0.35">
      <c r="AI8398" s="84"/>
      <c r="AM8398" s="84"/>
    </row>
    <row r="8399" spans="35:39" x14ac:dyDescent="0.35">
      <c r="AI8399" s="84"/>
      <c r="AM8399" s="84"/>
    </row>
    <row r="8400" spans="35:39" x14ac:dyDescent="0.35">
      <c r="AI8400" s="84"/>
      <c r="AM8400" s="84"/>
    </row>
    <row r="8401" spans="35:39" x14ac:dyDescent="0.35">
      <c r="AI8401" s="84"/>
      <c r="AM8401" s="84"/>
    </row>
    <row r="8402" spans="35:39" x14ac:dyDescent="0.35">
      <c r="AI8402" s="84"/>
      <c r="AM8402" s="84"/>
    </row>
    <row r="8403" spans="35:39" x14ac:dyDescent="0.35">
      <c r="AI8403" s="84"/>
      <c r="AM8403" s="84"/>
    </row>
    <row r="8404" spans="35:39" x14ac:dyDescent="0.35">
      <c r="AI8404" s="84"/>
      <c r="AM8404" s="84"/>
    </row>
    <row r="8405" spans="35:39" x14ac:dyDescent="0.35">
      <c r="AI8405" s="84"/>
      <c r="AM8405" s="84"/>
    </row>
    <row r="8406" spans="35:39" x14ac:dyDescent="0.35">
      <c r="AI8406" s="84"/>
      <c r="AM8406" s="84"/>
    </row>
    <row r="8407" spans="35:39" x14ac:dyDescent="0.35">
      <c r="AI8407" s="84"/>
      <c r="AM8407" s="84"/>
    </row>
    <row r="8408" spans="35:39" x14ac:dyDescent="0.35">
      <c r="AI8408" s="84"/>
      <c r="AM8408" s="84"/>
    </row>
    <row r="8409" spans="35:39" x14ac:dyDescent="0.35">
      <c r="AI8409" s="84"/>
      <c r="AM8409" s="84"/>
    </row>
    <row r="8410" spans="35:39" x14ac:dyDescent="0.35">
      <c r="AI8410" s="84"/>
      <c r="AM8410" s="84"/>
    </row>
    <row r="8411" spans="35:39" x14ac:dyDescent="0.35">
      <c r="AI8411" s="84"/>
      <c r="AM8411" s="84"/>
    </row>
    <row r="8412" spans="35:39" x14ac:dyDescent="0.35">
      <c r="AI8412" s="84"/>
      <c r="AM8412" s="84"/>
    </row>
    <row r="8413" spans="35:39" x14ac:dyDescent="0.35">
      <c r="AI8413" s="84"/>
      <c r="AM8413" s="84"/>
    </row>
    <row r="8414" spans="35:39" x14ac:dyDescent="0.35">
      <c r="AI8414" s="84"/>
      <c r="AM8414" s="84"/>
    </row>
    <row r="8415" spans="35:39" x14ac:dyDescent="0.35">
      <c r="AI8415" s="84"/>
      <c r="AM8415" s="84"/>
    </row>
    <row r="8416" spans="35:39" x14ac:dyDescent="0.35">
      <c r="AI8416" s="84"/>
      <c r="AM8416" s="84"/>
    </row>
    <row r="8417" spans="35:39" x14ac:dyDescent="0.35">
      <c r="AI8417" s="84"/>
      <c r="AM8417" s="84"/>
    </row>
    <row r="8418" spans="35:39" x14ac:dyDescent="0.35">
      <c r="AI8418" s="84"/>
      <c r="AM8418" s="84"/>
    </row>
    <row r="8419" spans="35:39" x14ac:dyDescent="0.35">
      <c r="AI8419" s="84"/>
      <c r="AM8419" s="84"/>
    </row>
    <row r="8420" spans="35:39" x14ac:dyDescent="0.35">
      <c r="AI8420" s="84"/>
      <c r="AM8420" s="84"/>
    </row>
    <row r="8421" spans="35:39" x14ac:dyDescent="0.35">
      <c r="AI8421" s="84"/>
      <c r="AM8421" s="84"/>
    </row>
    <row r="8422" spans="35:39" x14ac:dyDescent="0.35">
      <c r="AI8422" s="84"/>
      <c r="AM8422" s="84"/>
    </row>
    <row r="8423" spans="35:39" x14ac:dyDescent="0.35">
      <c r="AI8423" s="84"/>
      <c r="AM8423" s="84"/>
    </row>
    <row r="8424" spans="35:39" x14ac:dyDescent="0.35">
      <c r="AI8424" s="84"/>
      <c r="AM8424" s="84"/>
    </row>
    <row r="8425" spans="35:39" x14ac:dyDescent="0.35">
      <c r="AI8425" s="84"/>
      <c r="AM8425" s="84"/>
    </row>
    <row r="8426" spans="35:39" x14ac:dyDescent="0.35">
      <c r="AI8426" s="84"/>
      <c r="AM8426" s="84"/>
    </row>
    <row r="8427" spans="35:39" x14ac:dyDescent="0.35">
      <c r="AI8427" s="84"/>
      <c r="AM8427" s="84"/>
    </row>
    <row r="8428" spans="35:39" x14ac:dyDescent="0.35">
      <c r="AI8428" s="84"/>
      <c r="AM8428" s="84"/>
    </row>
    <row r="8429" spans="35:39" x14ac:dyDescent="0.35">
      <c r="AI8429" s="84"/>
      <c r="AM8429" s="84"/>
    </row>
    <row r="8430" spans="35:39" x14ac:dyDescent="0.35">
      <c r="AI8430" s="84"/>
      <c r="AM8430" s="84"/>
    </row>
    <row r="8431" spans="35:39" x14ac:dyDescent="0.35">
      <c r="AI8431" s="84"/>
      <c r="AM8431" s="84"/>
    </row>
    <row r="8432" spans="35:39" x14ac:dyDescent="0.35">
      <c r="AI8432" s="84"/>
      <c r="AM8432" s="84"/>
    </row>
    <row r="8433" spans="35:39" x14ac:dyDescent="0.35">
      <c r="AI8433" s="84"/>
      <c r="AM8433" s="84"/>
    </row>
    <row r="8434" spans="35:39" x14ac:dyDescent="0.35">
      <c r="AI8434" s="84"/>
      <c r="AM8434" s="84"/>
    </row>
    <row r="8435" spans="35:39" x14ac:dyDescent="0.35">
      <c r="AI8435" s="84"/>
      <c r="AM8435" s="84"/>
    </row>
    <row r="8436" spans="35:39" x14ac:dyDescent="0.35">
      <c r="AI8436" s="84"/>
      <c r="AM8436" s="84"/>
    </row>
    <row r="8437" spans="35:39" x14ac:dyDescent="0.35">
      <c r="AI8437" s="84"/>
      <c r="AM8437" s="84"/>
    </row>
    <row r="8438" spans="35:39" x14ac:dyDescent="0.35">
      <c r="AI8438" s="84"/>
      <c r="AM8438" s="84"/>
    </row>
    <row r="8439" spans="35:39" x14ac:dyDescent="0.35">
      <c r="AI8439" s="84"/>
      <c r="AM8439" s="84"/>
    </row>
    <row r="8440" spans="35:39" x14ac:dyDescent="0.35">
      <c r="AI8440" s="84"/>
      <c r="AM8440" s="84"/>
    </row>
    <row r="8441" spans="35:39" x14ac:dyDescent="0.35">
      <c r="AI8441" s="84"/>
      <c r="AM8441" s="84"/>
    </row>
    <row r="8442" spans="35:39" x14ac:dyDescent="0.35">
      <c r="AI8442" s="84"/>
      <c r="AM8442" s="84"/>
    </row>
    <row r="8443" spans="35:39" x14ac:dyDescent="0.35">
      <c r="AI8443" s="84"/>
      <c r="AM8443" s="84"/>
    </row>
    <row r="8444" spans="35:39" x14ac:dyDescent="0.35">
      <c r="AI8444" s="84"/>
      <c r="AM8444" s="84"/>
    </row>
    <row r="8445" spans="35:39" x14ac:dyDescent="0.35">
      <c r="AI8445" s="84"/>
      <c r="AM8445" s="84"/>
    </row>
    <row r="8446" spans="35:39" x14ac:dyDescent="0.35">
      <c r="AI8446" s="84"/>
      <c r="AM8446" s="84"/>
    </row>
    <row r="8447" spans="35:39" x14ac:dyDescent="0.35">
      <c r="AI8447" s="84"/>
      <c r="AM8447" s="84"/>
    </row>
    <row r="8448" spans="35:39" x14ac:dyDescent="0.35">
      <c r="AI8448" s="84"/>
      <c r="AM8448" s="84"/>
    </row>
    <row r="8449" spans="35:39" x14ac:dyDescent="0.35">
      <c r="AI8449" s="84"/>
      <c r="AM8449" s="84"/>
    </row>
    <row r="8450" spans="35:39" x14ac:dyDescent="0.35">
      <c r="AI8450" s="84"/>
      <c r="AM8450" s="84"/>
    </row>
    <row r="8451" spans="35:39" x14ac:dyDescent="0.35">
      <c r="AI8451" s="84"/>
      <c r="AM8451" s="84"/>
    </row>
    <row r="8452" spans="35:39" x14ac:dyDescent="0.35">
      <c r="AI8452" s="84"/>
      <c r="AM8452" s="84"/>
    </row>
    <row r="8453" spans="35:39" x14ac:dyDescent="0.35">
      <c r="AI8453" s="84"/>
      <c r="AM8453" s="84"/>
    </row>
    <row r="8454" spans="35:39" x14ac:dyDescent="0.35">
      <c r="AI8454" s="84"/>
      <c r="AM8454" s="84"/>
    </row>
    <row r="8455" spans="35:39" x14ac:dyDescent="0.35">
      <c r="AI8455" s="84"/>
      <c r="AM8455" s="84"/>
    </row>
    <row r="8456" spans="35:39" x14ac:dyDescent="0.35">
      <c r="AI8456" s="84"/>
      <c r="AM8456" s="84"/>
    </row>
    <row r="8457" spans="35:39" x14ac:dyDescent="0.35">
      <c r="AI8457" s="84"/>
      <c r="AM8457" s="84"/>
    </row>
    <row r="8458" spans="35:39" x14ac:dyDescent="0.35">
      <c r="AI8458" s="84"/>
      <c r="AM8458" s="84"/>
    </row>
    <row r="8459" spans="35:39" x14ac:dyDescent="0.35">
      <c r="AI8459" s="84"/>
      <c r="AM8459" s="84"/>
    </row>
    <row r="8460" spans="35:39" x14ac:dyDescent="0.35">
      <c r="AI8460" s="84"/>
      <c r="AM8460" s="84"/>
    </row>
    <row r="8461" spans="35:39" x14ac:dyDescent="0.35">
      <c r="AI8461" s="84"/>
      <c r="AM8461" s="84"/>
    </row>
    <row r="8462" spans="35:39" x14ac:dyDescent="0.35">
      <c r="AI8462" s="84"/>
      <c r="AM8462" s="84"/>
    </row>
    <row r="8463" spans="35:39" x14ac:dyDescent="0.35">
      <c r="AI8463" s="84"/>
      <c r="AM8463" s="84"/>
    </row>
    <row r="8464" spans="35:39" x14ac:dyDescent="0.35">
      <c r="AI8464" s="84"/>
      <c r="AM8464" s="84"/>
    </row>
    <row r="8465" spans="35:39" x14ac:dyDescent="0.35">
      <c r="AI8465" s="84"/>
      <c r="AM8465" s="84"/>
    </row>
    <row r="8466" spans="35:39" x14ac:dyDescent="0.35">
      <c r="AI8466" s="84"/>
      <c r="AM8466" s="84"/>
    </row>
    <row r="8467" spans="35:39" x14ac:dyDescent="0.35">
      <c r="AI8467" s="84"/>
      <c r="AM8467" s="84"/>
    </row>
    <row r="8468" spans="35:39" x14ac:dyDescent="0.35">
      <c r="AI8468" s="84"/>
      <c r="AM8468" s="84"/>
    </row>
    <row r="8469" spans="35:39" x14ac:dyDescent="0.35">
      <c r="AI8469" s="84"/>
      <c r="AM8469" s="84"/>
    </row>
    <row r="8470" spans="35:39" x14ac:dyDescent="0.35">
      <c r="AI8470" s="84"/>
      <c r="AM8470" s="84"/>
    </row>
    <row r="8471" spans="35:39" x14ac:dyDescent="0.35">
      <c r="AI8471" s="84"/>
      <c r="AM8471" s="84"/>
    </row>
    <row r="8472" spans="35:39" x14ac:dyDescent="0.35">
      <c r="AI8472" s="84"/>
      <c r="AM8472" s="84"/>
    </row>
    <row r="8473" spans="35:39" x14ac:dyDescent="0.35">
      <c r="AI8473" s="84"/>
      <c r="AM8473" s="84"/>
    </row>
    <row r="8474" spans="35:39" x14ac:dyDescent="0.35">
      <c r="AI8474" s="84"/>
      <c r="AM8474" s="84"/>
    </row>
    <row r="8475" spans="35:39" x14ac:dyDescent="0.35">
      <c r="AI8475" s="84"/>
      <c r="AM8475" s="84"/>
    </row>
    <row r="8476" spans="35:39" x14ac:dyDescent="0.35">
      <c r="AI8476" s="84"/>
      <c r="AM8476" s="84"/>
    </row>
    <row r="8477" spans="35:39" x14ac:dyDescent="0.35">
      <c r="AI8477" s="84"/>
      <c r="AM8477" s="84"/>
    </row>
    <row r="8478" spans="35:39" x14ac:dyDescent="0.35">
      <c r="AI8478" s="84"/>
      <c r="AM8478" s="84"/>
    </row>
    <row r="8479" spans="35:39" x14ac:dyDescent="0.35">
      <c r="AI8479" s="84"/>
      <c r="AM8479" s="84"/>
    </row>
    <row r="8480" spans="35:39" x14ac:dyDescent="0.35">
      <c r="AI8480" s="84"/>
      <c r="AM8480" s="84"/>
    </row>
    <row r="8481" spans="35:39" x14ac:dyDescent="0.35">
      <c r="AI8481" s="84"/>
      <c r="AM8481" s="84"/>
    </row>
    <row r="8482" spans="35:39" x14ac:dyDescent="0.35">
      <c r="AI8482" s="84"/>
      <c r="AM8482" s="84"/>
    </row>
    <row r="8483" spans="35:39" x14ac:dyDescent="0.35">
      <c r="AI8483" s="84"/>
      <c r="AM8483" s="84"/>
    </row>
    <row r="8484" spans="35:39" x14ac:dyDescent="0.35">
      <c r="AI8484" s="84"/>
      <c r="AM8484" s="84"/>
    </row>
    <row r="8485" spans="35:39" x14ac:dyDescent="0.35">
      <c r="AI8485" s="84"/>
      <c r="AM8485" s="84"/>
    </row>
    <row r="8486" spans="35:39" x14ac:dyDescent="0.35">
      <c r="AI8486" s="84"/>
      <c r="AM8486" s="84"/>
    </row>
    <row r="8487" spans="35:39" x14ac:dyDescent="0.35">
      <c r="AI8487" s="84"/>
      <c r="AM8487" s="84"/>
    </row>
    <row r="8488" spans="35:39" x14ac:dyDescent="0.35">
      <c r="AI8488" s="84"/>
      <c r="AM8488" s="84"/>
    </row>
    <row r="8489" spans="35:39" x14ac:dyDescent="0.35">
      <c r="AI8489" s="84"/>
      <c r="AM8489" s="84"/>
    </row>
    <row r="8490" spans="35:39" x14ac:dyDescent="0.35">
      <c r="AI8490" s="84"/>
      <c r="AM8490" s="84"/>
    </row>
    <row r="8491" spans="35:39" x14ac:dyDescent="0.35">
      <c r="AI8491" s="84"/>
      <c r="AM8491" s="84"/>
    </row>
    <row r="8492" spans="35:39" x14ac:dyDescent="0.35">
      <c r="AI8492" s="84"/>
      <c r="AM8492" s="84"/>
    </row>
    <row r="8493" spans="35:39" x14ac:dyDescent="0.35">
      <c r="AI8493" s="84"/>
      <c r="AM8493" s="84"/>
    </row>
    <row r="8494" spans="35:39" x14ac:dyDescent="0.35">
      <c r="AI8494" s="84"/>
      <c r="AM8494" s="84"/>
    </row>
    <row r="8495" spans="35:39" x14ac:dyDescent="0.35">
      <c r="AI8495" s="84"/>
      <c r="AM8495" s="84"/>
    </row>
    <row r="8496" spans="35:39" x14ac:dyDescent="0.35">
      <c r="AI8496" s="84"/>
      <c r="AM8496" s="84"/>
    </row>
    <row r="8497" spans="35:39" x14ac:dyDescent="0.35">
      <c r="AI8497" s="84"/>
      <c r="AM8497" s="84"/>
    </row>
    <row r="8498" spans="35:39" x14ac:dyDescent="0.35">
      <c r="AI8498" s="84"/>
      <c r="AM8498" s="84"/>
    </row>
    <row r="8499" spans="35:39" x14ac:dyDescent="0.35">
      <c r="AI8499" s="84"/>
      <c r="AM8499" s="84"/>
    </row>
    <row r="8500" spans="35:39" x14ac:dyDescent="0.35">
      <c r="AI8500" s="84"/>
      <c r="AM8500" s="84"/>
    </row>
    <row r="8501" spans="35:39" x14ac:dyDescent="0.35">
      <c r="AI8501" s="84"/>
      <c r="AM8501" s="84"/>
    </row>
    <row r="8502" spans="35:39" x14ac:dyDescent="0.35">
      <c r="AI8502" s="84"/>
      <c r="AM8502" s="84"/>
    </row>
    <row r="8503" spans="35:39" x14ac:dyDescent="0.35">
      <c r="AI8503" s="84"/>
      <c r="AM8503" s="84"/>
    </row>
    <row r="8504" spans="35:39" x14ac:dyDescent="0.35">
      <c r="AI8504" s="84"/>
      <c r="AM8504" s="84"/>
    </row>
    <row r="8505" spans="35:39" x14ac:dyDescent="0.35">
      <c r="AI8505" s="84"/>
      <c r="AM8505" s="84"/>
    </row>
    <row r="8506" spans="35:39" x14ac:dyDescent="0.35">
      <c r="AI8506" s="84"/>
      <c r="AM8506" s="84"/>
    </row>
    <row r="8507" spans="35:39" x14ac:dyDescent="0.35">
      <c r="AI8507" s="84"/>
      <c r="AM8507" s="84"/>
    </row>
    <row r="8508" spans="35:39" x14ac:dyDescent="0.35">
      <c r="AI8508" s="84"/>
      <c r="AM8508" s="84"/>
    </row>
    <row r="8509" spans="35:39" x14ac:dyDescent="0.35">
      <c r="AI8509" s="84"/>
      <c r="AM8509" s="84"/>
    </row>
    <row r="8510" spans="35:39" x14ac:dyDescent="0.35">
      <c r="AI8510" s="84"/>
      <c r="AM8510" s="84"/>
    </row>
    <row r="8511" spans="35:39" x14ac:dyDescent="0.35">
      <c r="AI8511" s="84"/>
      <c r="AM8511" s="84"/>
    </row>
    <row r="8512" spans="35:39" x14ac:dyDescent="0.35">
      <c r="AI8512" s="84"/>
      <c r="AM8512" s="84"/>
    </row>
    <row r="8513" spans="35:39" x14ac:dyDescent="0.35">
      <c r="AI8513" s="84"/>
      <c r="AM8513" s="84"/>
    </row>
    <row r="8514" spans="35:39" x14ac:dyDescent="0.35">
      <c r="AI8514" s="84"/>
      <c r="AM8514" s="84"/>
    </row>
    <row r="8515" spans="35:39" x14ac:dyDescent="0.35">
      <c r="AI8515" s="84"/>
      <c r="AM8515" s="84"/>
    </row>
    <row r="8516" spans="35:39" x14ac:dyDescent="0.35">
      <c r="AI8516" s="84"/>
      <c r="AM8516" s="84"/>
    </row>
    <row r="8517" spans="35:39" x14ac:dyDescent="0.35">
      <c r="AI8517" s="84"/>
      <c r="AM8517" s="84"/>
    </row>
    <row r="8518" spans="35:39" x14ac:dyDescent="0.35">
      <c r="AI8518" s="84"/>
      <c r="AM8518" s="84"/>
    </row>
    <row r="8519" spans="35:39" x14ac:dyDescent="0.35">
      <c r="AI8519" s="84"/>
      <c r="AM8519" s="84"/>
    </row>
    <row r="8520" spans="35:39" x14ac:dyDescent="0.35">
      <c r="AI8520" s="84"/>
      <c r="AM8520" s="84"/>
    </row>
    <row r="8521" spans="35:39" x14ac:dyDescent="0.35">
      <c r="AI8521" s="84"/>
      <c r="AM8521" s="84"/>
    </row>
    <row r="8522" spans="35:39" x14ac:dyDescent="0.35">
      <c r="AI8522" s="84"/>
      <c r="AM8522" s="84"/>
    </row>
    <row r="8523" spans="35:39" x14ac:dyDescent="0.35">
      <c r="AI8523" s="84"/>
      <c r="AM8523" s="84"/>
    </row>
    <row r="8524" spans="35:39" x14ac:dyDescent="0.35">
      <c r="AI8524" s="84"/>
      <c r="AM8524" s="84"/>
    </row>
    <row r="8525" spans="35:39" x14ac:dyDescent="0.35">
      <c r="AI8525" s="84"/>
      <c r="AM8525" s="84"/>
    </row>
    <row r="8526" spans="35:39" x14ac:dyDescent="0.35">
      <c r="AI8526" s="84"/>
      <c r="AM8526" s="84"/>
    </row>
    <row r="8527" spans="35:39" x14ac:dyDescent="0.35">
      <c r="AI8527" s="84"/>
      <c r="AM8527" s="84"/>
    </row>
    <row r="8528" spans="35:39" x14ac:dyDescent="0.35">
      <c r="AI8528" s="84"/>
      <c r="AM8528" s="84"/>
    </row>
    <row r="8529" spans="35:39" x14ac:dyDescent="0.35">
      <c r="AI8529" s="84"/>
      <c r="AM8529" s="84"/>
    </row>
    <row r="8530" spans="35:39" x14ac:dyDescent="0.35">
      <c r="AI8530" s="84"/>
      <c r="AM8530" s="84"/>
    </row>
    <row r="8531" spans="35:39" x14ac:dyDescent="0.35">
      <c r="AI8531" s="84"/>
      <c r="AM8531" s="84"/>
    </row>
    <row r="8532" spans="35:39" x14ac:dyDescent="0.35">
      <c r="AI8532" s="84"/>
      <c r="AM8532" s="84"/>
    </row>
    <row r="8533" spans="35:39" x14ac:dyDescent="0.35">
      <c r="AI8533" s="84"/>
      <c r="AM8533" s="84"/>
    </row>
    <row r="8534" spans="35:39" x14ac:dyDescent="0.35">
      <c r="AI8534" s="84"/>
      <c r="AM8534" s="84"/>
    </row>
    <row r="8535" spans="35:39" x14ac:dyDescent="0.35">
      <c r="AI8535" s="84"/>
      <c r="AM8535" s="84"/>
    </row>
    <row r="8536" spans="35:39" x14ac:dyDescent="0.35">
      <c r="AI8536" s="84"/>
      <c r="AM8536" s="84"/>
    </row>
    <row r="8537" spans="35:39" x14ac:dyDescent="0.35">
      <c r="AI8537" s="84"/>
      <c r="AM8537" s="84"/>
    </row>
    <row r="8538" spans="35:39" x14ac:dyDescent="0.35">
      <c r="AI8538" s="84"/>
      <c r="AM8538" s="84"/>
    </row>
    <row r="8539" spans="35:39" x14ac:dyDescent="0.35">
      <c r="AI8539" s="84"/>
      <c r="AM8539" s="84"/>
    </row>
    <row r="8540" spans="35:39" x14ac:dyDescent="0.35">
      <c r="AI8540" s="84"/>
      <c r="AM8540" s="84"/>
    </row>
    <row r="8541" spans="35:39" x14ac:dyDescent="0.35">
      <c r="AI8541" s="84"/>
      <c r="AM8541" s="84"/>
    </row>
    <row r="8542" spans="35:39" x14ac:dyDescent="0.35">
      <c r="AI8542" s="84"/>
      <c r="AM8542" s="84"/>
    </row>
    <row r="8543" spans="35:39" x14ac:dyDescent="0.35">
      <c r="AI8543" s="84"/>
      <c r="AM8543" s="84"/>
    </row>
    <row r="8544" spans="35:39" x14ac:dyDescent="0.35">
      <c r="AI8544" s="84"/>
      <c r="AM8544" s="84"/>
    </row>
    <row r="8545" spans="35:39" x14ac:dyDescent="0.35">
      <c r="AI8545" s="84"/>
      <c r="AM8545" s="84"/>
    </row>
    <row r="8546" spans="35:39" x14ac:dyDescent="0.35">
      <c r="AI8546" s="84"/>
      <c r="AM8546" s="84"/>
    </row>
    <row r="8547" spans="35:39" x14ac:dyDescent="0.35">
      <c r="AI8547" s="84"/>
      <c r="AM8547" s="84"/>
    </row>
    <row r="8548" spans="35:39" x14ac:dyDescent="0.35">
      <c r="AI8548" s="84"/>
      <c r="AM8548" s="84"/>
    </row>
    <row r="8549" spans="35:39" x14ac:dyDescent="0.35">
      <c r="AI8549" s="84"/>
      <c r="AM8549" s="84"/>
    </row>
    <row r="8550" spans="35:39" x14ac:dyDescent="0.35">
      <c r="AI8550" s="84"/>
      <c r="AM8550" s="84"/>
    </row>
    <row r="8551" spans="35:39" x14ac:dyDescent="0.35">
      <c r="AI8551" s="84"/>
      <c r="AM8551" s="84"/>
    </row>
    <row r="8552" spans="35:39" x14ac:dyDescent="0.35">
      <c r="AI8552" s="84"/>
      <c r="AM8552" s="84"/>
    </row>
    <row r="8553" spans="35:39" x14ac:dyDescent="0.35">
      <c r="AI8553" s="84"/>
      <c r="AM8553" s="84"/>
    </row>
    <row r="8554" spans="35:39" x14ac:dyDescent="0.35">
      <c r="AI8554" s="84"/>
      <c r="AM8554" s="84"/>
    </row>
    <row r="8555" spans="35:39" x14ac:dyDescent="0.35">
      <c r="AI8555" s="84"/>
      <c r="AM8555" s="84"/>
    </row>
    <row r="8556" spans="35:39" x14ac:dyDescent="0.35">
      <c r="AI8556" s="84"/>
      <c r="AM8556" s="84"/>
    </row>
    <row r="8557" spans="35:39" x14ac:dyDescent="0.35">
      <c r="AI8557" s="84"/>
      <c r="AM8557" s="84"/>
    </row>
    <row r="8558" spans="35:39" x14ac:dyDescent="0.35">
      <c r="AI8558" s="84"/>
      <c r="AM8558" s="84"/>
    </row>
    <row r="8559" spans="35:39" x14ac:dyDescent="0.35">
      <c r="AI8559" s="84"/>
      <c r="AM8559" s="84"/>
    </row>
    <row r="8560" spans="35:39" x14ac:dyDescent="0.35">
      <c r="AI8560" s="84"/>
      <c r="AM8560" s="84"/>
    </row>
    <row r="8561" spans="35:39" x14ac:dyDescent="0.35">
      <c r="AI8561" s="84"/>
      <c r="AM8561" s="84"/>
    </row>
    <row r="8562" spans="35:39" x14ac:dyDescent="0.35">
      <c r="AI8562" s="84"/>
      <c r="AM8562" s="84"/>
    </row>
    <row r="8563" spans="35:39" x14ac:dyDescent="0.35">
      <c r="AI8563" s="84"/>
      <c r="AM8563" s="84"/>
    </row>
    <row r="8564" spans="35:39" x14ac:dyDescent="0.35">
      <c r="AI8564" s="84"/>
      <c r="AM8564" s="84"/>
    </row>
    <row r="8565" spans="35:39" x14ac:dyDescent="0.35">
      <c r="AI8565" s="84"/>
      <c r="AM8565" s="84"/>
    </row>
    <row r="8566" spans="35:39" x14ac:dyDescent="0.35">
      <c r="AI8566" s="84"/>
      <c r="AM8566" s="84"/>
    </row>
    <row r="8567" spans="35:39" x14ac:dyDescent="0.35">
      <c r="AI8567" s="84"/>
      <c r="AM8567" s="84"/>
    </row>
    <row r="8568" spans="35:39" x14ac:dyDescent="0.35">
      <c r="AI8568" s="84"/>
      <c r="AM8568" s="84"/>
    </row>
    <row r="8569" spans="35:39" x14ac:dyDescent="0.35">
      <c r="AI8569" s="84"/>
      <c r="AM8569" s="84"/>
    </row>
    <row r="8570" spans="35:39" x14ac:dyDescent="0.35">
      <c r="AI8570" s="84"/>
      <c r="AM8570" s="84"/>
    </row>
    <row r="8571" spans="35:39" x14ac:dyDescent="0.35">
      <c r="AI8571" s="84"/>
      <c r="AM8571" s="84"/>
    </row>
    <row r="8572" spans="35:39" x14ac:dyDescent="0.35">
      <c r="AI8572" s="84"/>
      <c r="AM8572" s="84"/>
    </row>
    <row r="8573" spans="35:39" x14ac:dyDescent="0.35">
      <c r="AI8573" s="84"/>
      <c r="AM8573" s="84"/>
    </row>
    <row r="8574" spans="35:39" x14ac:dyDescent="0.35">
      <c r="AI8574" s="84"/>
      <c r="AM8574" s="84"/>
    </row>
    <row r="8575" spans="35:39" x14ac:dyDescent="0.35">
      <c r="AI8575" s="84"/>
      <c r="AM8575" s="84"/>
    </row>
    <row r="8576" spans="35:39" x14ac:dyDescent="0.35">
      <c r="AI8576" s="84"/>
      <c r="AM8576" s="84"/>
    </row>
    <row r="8577" spans="35:39" x14ac:dyDescent="0.35">
      <c r="AI8577" s="84"/>
      <c r="AM8577" s="84"/>
    </row>
    <row r="8578" spans="35:39" x14ac:dyDescent="0.35">
      <c r="AI8578" s="84"/>
      <c r="AM8578" s="84"/>
    </row>
    <row r="8579" spans="35:39" x14ac:dyDescent="0.35">
      <c r="AI8579" s="84"/>
      <c r="AM8579" s="84"/>
    </row>
    <row r="8580" spans="35:39" x14ac:dyDescent="0.35">
      <c r="AI8580" s="84"/>
      <c r="AM8580" s="84"/>
    </row>
    <row r="8581" spans="35:39" x14ac:dyDescent="0.35">
      <c r="AI8581" s="84"/>
      <c r="AM8581" s="84"/>
    </row>
    <row r="8582" spans="35:39" x14ac:dyDescent="0.35">
      <c r="AI8582" s="84"/>
      <c r="AM8582" s="84"/>
    </row>
    <row r="8583" spans="35:39" x14ac:dyDescent="0.35">
      <c r="AI8583" s="84"/>
      <c r="AM8583" s="84"/>
    </row>
    <row r="8584" spans="35:39" x14ac:dyDescent="0.35">
      <c r="AI8584" s="84"/>
      <c r="AM8584" s="84"/>
    </row>
    <row r="8585" spans="35:39" x14ac:dyDescent="0.35">
      <c r="AI8585" s="84"/>
      <c r="AM8585" s="84"/>
    </row>
    <row r="8586" spans="35:39" x14ac:dyDescent="0.35">
      <c r="AI8586" s="84"/>
      <c r="AM8586" s="84"/>
    </row>
    <row r="8587" spans="35:39" x14ac:dyDescent="0.35">
      <c r="AI8587" s="84"/>
      <c r="AM8587" s="84"/>
    </row>
    <row r="8588" spans="35:39" x14ac:dyDescent="0.35">
      <c r="AI8588" s="84"/>
      <c r="AM8588" s="84"/>
    </row>
    <row r="8589" spans="35:39" x14ac:dyDescent="0.35">
      <c r="AI8589" s="84"/>
      <c r="AM8589" s="84"/>
    </row>
    <row r="8590" spans="35:39" x14ac:dyDescent="0.35">
      <c r="AI8590" s="84"/>
      <c r="AM8590" s="84"/>
    </row>
    <row r="8591" spans="35:39" x14ac:dyDescent="0.35">
      <c r="AI8591" s="84"/>
      <c r="AM8591" s="84"/>
    </row>
    <row r="8592" spans="35:39" x14ac:dyDescent="0.35">
      <c r="AI8592" s="84"/>
      <c r="AM8592" s="84"/>
    </row>
    <row r="8593" spans="35:39" x14ac:dyDescent="0.35">
      <c r="AI8593" s="84"/>
      <c r="AM8593" s="84"/>
    </row>
    <row r="8594" spans="35:39" x14ac:dyDescent="0.35">
      <c r="AI8594" s="84"/>
      <c r="AM8594" s="84"/>
    </row>
    <row r="8595" spans="35:39" x14ac:dyDescent="0.35">
      <c r="AI8595" s="84"/>
      <c r="AM8595" s="84"/>
    </row>
    <row r="8596" spans="35:39" x14ac:dyDescent="0.35">
      <c r="AI8596" s="84"/>
      <c r="AM8596" s="84"/>
    </row>
    <row r="8597" spans="35:39" x14ac:dyDescent="0.35">
      <c r="AI8597" s="84"/>
      <c r="AM8597" s="84"/>
    </row>
    <row r="8598" spans="35:39" x14ac:dyDescent="0.35">
      <c r="AI8598" s="84"/>
      <c r="AM8598" s="84"/>
    </row>
    <row r="8599" spans="35:39" x14ac:dyDescent="0.35">
      <c r="AI8599" s="84"/>
      <c r="AM8599" s="84"/>
    </row>
    <row r="8600" spans="35:39" x14ac:dyDescent="0.35">
      <c r="AI8600" s="84"/>
      <c r="AM8600" s="84"/>
    </row>
    <row r="8601" spans="35:39" x14ac:dyDescent="0.35">
      <c r="AI8601" s="84"/>
      <c r="AM8601" s="84"/>
    </row>
    <row r="8602" spans="35:39" x14ac:dyDescent="0.35">
      <c r="AI8602" s="84"/>
      <c r="AM8602" s="84"/>
    </row>
    <row r="8603" spans="35:39" x14ac:dyDescent="0.35">
      <c r="AI8603" s="84"/>
      <c r="AM8603" s="84"/>
    </row>
    <row r="8604" spans="35:39" x14ac:dyDescent="0.35">
      <c r="AI8604" s="84"/>
      <c r="AM8604" s="84"/>
    </row>
    <row r="8605" spans="35:39" x14ac:dyDescent="0.35">
      <c r="AI8605" s="84"/>
      <c r="AM8605" s="84"/>
    </row>
    <row r="8606" spans="35:39" x14ac:dyDescent="0.35">
      <c r="AI8606" s="84"/>
      <c r="AM8606" s="84"/>
    </row>
    <row r="8607" spans="35:39" x14ac:dyDescent="0.35">
      <c r="AI8607" s="84"/>
      <c r="AM8607" s="84"/>
    </row>
    <row r="8608" spans="35:39" x14ac:dyDescent="0.35">
      <c r="AI8608" s="84"/>
      <c r="AM8608" s="84"/>
    </row>
    <row r="8609" spans="35:39" x14ac:dyDescent="0.35">
      <c r="AI8609" s="84"/>
      <c r="AM8609" s="84"/>
    </row>
    <row r="8610" spans="35:39" x14ac:dyDescent="0.35">
      <c r="AI8610" s="84"/>
      <c r="AM8610" s="84"/>
    </row>
    <row r="8611" spans="35:39" x14ac:dyDescent="0.35">
      <c r="AI8611" s="84"/>
      <c r="AM8611" s="84"/>
    </row>
    <row r="8612" spans="35:39" x14ac:dyDescent="0.35">
      <c r="AI8612" s="84"/>
      <c r="AM8612" s="84"/>
    </row>
    <row r="8613" spans="35:39" x14ac:dyDescent="0.35">
      <c r="AI8613" s="84"/>
      <c r="AM8613" s="84"/>
    </row>
    <row r="8614" spans="35:39" x14ac:dyDescent="0.35">
      <c r="AI8614" s="84"/>
      <c r="AM8614" s="84"/>
    </row>
    <row r="8615" spans="35:39" x14ac:dyDescent="0.35">
      <c r="AI8615" s="84"/>
      <c r="AM8615" s="84"/>
    </row>
    <row r="8616" spans="35:39" x14ac:dyDescent="0.35">
      <c r="AI8616" s="84"/>
      <c r="AM8616" s="84"/>
    </row>
    <row r="8617" spans="35:39" x14ac:dyDescent="0.35">
      <c r="AI8617" s="84"/>
      <c r="AM8617" s="84"/>
    </row>
    <row r="8618" spans="35:39" x14ac:dyDescent="0.35">
      <c r="AI8618" s="84"/>
      <c r="AM8618" s="84"/>
    </row>
    <row r="8619" spans="35:39" x14ac:dyDescent="0.35">
      <c r="AI8619" s="84"/>
      <c r="AM8619" s="84"/>
    </row>
    <row r="8620" spans="35:39" x14ac:dyDescent="0.35">
      <c r="AI8620" s="84"/>
      <c r="AM8620" s="84"/>
    </row>
    <row r="8621" spans="35:39" x14ac:dyDescent="0.35">
      <c r="AI8621" s="84"/>
      <c r="AM8621" s="84"/>
    </row>
    <row r="8622" spans="35:39" x14ac:dyDescent="0.35">
      <c r="AI8622" s="84"/>
      <c r="AM8622" s="84"/>
    </row>
    <row r="8623" spans="35:39" x14ac:dyDescent="0.35">
      <c r="AI8623" s="84"/>
      <c r="AM8623" s="84"/>
    </row>
    <row r="8624" spans="35:39" x14ac:dyDescent="0.35">
      <c r="AI8624" s="84"/>
      <c r="AM8624" s="84"/>
    </row>
    <row r="8625" spans="35:39" x14ac:dyDescent="0.35">
      <c r="AI8625" s="84"/>
      <c r="AM8625" s="84"/>
    </row>
    <row r="8626" spans="35:39" x14ac:dyDescent="0.35">
      <c r="AI8626" s="84"/>
      <c r="AM8626" s="84"/>
    </row>
    <row r="8627" spans="35:39" x14ac:dyDescent="0.35">
      <c r="AI8627" s="84"/>
      <c r="AM8627" s="84"/>
    </row>
    <row r="8628" spans="35:39" x14ac:dyDescent="0.35">
      <c r="AI8628" s="84"/>
      <c r="AM8628" s="84"/>
    </row>
    <row r="8629" spans="35:39" x14ac:dyDescent="0.35">
      <c r="AI8629" s="84"/>
      <c r="AM8629" s="84"/>
    </row>
    <row r="8630" spans="35:39" x14ac:dyDescent="0.35">
      <c r="AI8630" s="84"/>
      <c r="AM8630" s="84"/>
    </row>
    <row r="8631" spans="35:39" x14ac:dyDescent="0.35">
      <c r="AI8631" s="84"/>
      <c r="AM8631" s="84"/>
    </row>
    <row r="8632" spans="35:39" x14ac:dyDescent="0.35">
      <c r="AI8632" s="84"/>
      <c r="AM8632" s="84"/>
    </row>
    <row r="8633" spans="35:39" x14ac:dyDescent="0.35">
      <c r="AI8633" s="84"/>
      <c r="AM8633" s="84"/>
    </row>
    <row r="8634" spans="35:39" x14ac:dyDescent="0.35">
      <c r="AI8634" s="84"/>
      <c r="AM8634" s="84"/>
    </row>
    <row r="8635" spans="35:39" x14ac:dyDescent="0.35">
      <c r="AI8635" s="84"/>
      <c r="AM8635" s="84"/>
    </row>
    <row r="8636" spans="35:39" x14ac:dyDescent="0.35">
      <c r="AI8636" s="84"/>
      <c r="AM8636" s="84"/>
    </row>
    <row r="8637" spans="35:39" x14ac:dyDescent="0.35">
      <c r="AI8637" s="84"/>
      <c r="AM8637" s="84"/>
    </row>
    <row r="8638" spans="35:39" x14ac:dyDescent="0.35">
      <c r="AI8638" s="84"/>
      <c r="AM8638" s="84"/>
    </row>
    <row r="8639" spans="35:39" x14ac:dyDescent="0.35">
      <c r="AI8639" s="84"/>
      <c r="AM8639" s="84"/>
    </row>
    <row r="8640" spans="35:39" x14ac:dyDescent="0.35">
      <c r="AI8640" s="84"/>
      <c r="AM8640" s="84"/>
    </row>
    <row r="8641" spans="35:39" x14ac:dyDescent="0.35">
      <c r="AI8641" s="84"/>
      <c r="AM8641" s="84"/>
    </row>
    <row r="8642" spans="35:39" x14ac:dyDescent="0.35">
      <c r="AI8642" s="84"/>
      <c r="AM8642" s="84"/>
    </row>
    <row r="8643" spans="35:39" x14ac:dyDescent="0.35">
      <c r="AI8643" s="84"/>
      <c r="AM8643" s="84"/>
    </row>
    <row r="8644" spans="35:39" x14ac:dyDescent="0.35">
      <c r="AI8644" s="84"/>
      <c r="AM8644" s="84"/>
    </row>
    <row r="8645" spans="35:39" x14ac:dyDescent="0.35">
      <c r="AI8645" s="84"/>
      <c r="AM8645" s="84"/>
    </row>
    <row r="8646" spans="35:39" x14ac:dyDescent="0.35">
      <c r="AI8646" s="84"/>
      <c r="AM8646" s="84"/>
    </row>
    <row r="8647" spans="35:39" x14ac:dyDescent="0.35">
      <c r="AI8647" s="84"/>
      <c r="AM8647" s="84"/>
    </row>
    <row r="8648" spans="35:39" x14ac:dyDescent="0.35">
      <c r="AI8648" s="84"/>
      <c r="AM8648" s="84"/>
    </row>
    <row r="8649" spans="35:39" x14ac:dyDescent="0.35">
      <c r="AI8649" s="84"/>
      <c r="AM8649" s="84"/>
    </row>
    <row r="8650" spans="35:39" x14ac:dyDescent="0.35">
      <c r="AI8650" s="84"/>
      <c r="AM8650" s="84"/>
    </row>
    <row r="8651" spans="35:39" x14ac:dyDescent="0.35">
      <c r="AI8651" s="84"/>
      <c r="AM8651" s="84"/>
    </row>
    <row r="8652" spans="35:39" x14ac:dyDescent="0.35">
      <c r="AI8652" s="84"/>
      <c r="AM8652" s="84"/>
    </row>
    <row r="8653" spans="35:39" x14ac:dyDescent="0.35">
      <c r="AI8653" s="84"/>
      <c r="AM8653" s="84"/>
    </row>
    <row r="8654" spans="35:39" x14ac:dyDescent="0.35">
      <c r="AI8654" s="84"/>
      <c r="AM8654" s="84"/>
    </row>
    <row r="8655" spans="35:39" x14ac:dyDescent="0.35">
      <c r="AI8655" s="84"/>
      <c r="AM8655" s="84"/>
    </row>
    <row r="8656" spans="35:39" x14ac:dyDescent="0.35">
      <c r="AI8656" s="84"/>
      <c r="AM8656" s="84"/>
    </row>
    <row r="8657" spans="35:39" x14ac:dyDescent="0.35">
      <c r="AI8657" s="84"/>
      <c r="AM8657" s="84"/>
    </row>
    <row r="8658" spans="35:39" x14ac:dyDescent="0.35">
      <c r="AI8658" s="84"/>
      <c r="AM8658" s="84"/>
    </row>
    <row r="8659" spans="35:39" x14ac:dyDescent="0.35">
      <c r="AI8659" s="84"/>
      <c r="AM8659" s="84"/>
    </row>
    <row r="8660" spans="35:39" x14ac:dyDescent="0.35">
      <c r="AI8660" s="84"/>
      <c r="AM8660" s="84"/>
    </row>
    <row r="8661" spans="35:39" x14ac:dyDescent="0.35">
      <c r="AI8661" s="84"/>
      <c r="AM8661" s="84"/>
    </row>
    <row r="8662" spans="35:39" x14ac:dyDescent="0.35">
      <c r="AI8662" s="84"/>
      <c r="AM8662" s="84"/>
    </row>
    <row r="8663" spans="35:39" x14ac:dyDescent="0.35">
      <c r="AI8663" s="84"/>
      <c r="AM8663" s="84"/>
    </row>
    <row r="8664" spans="35:39" x14ac:dyDescent="0.35">
      <c r="AI8664" s="84"/>
      <c r="AM8664" s="84"/>
    </row>
    <row r="8665" spans="35:39" x14ac:dyDescent="0.35">
      <c r="AI8665" s="84"/>
      <c r="AM8665" s="84"/>
    </row>
    <row r="8666" spans="35:39" x14ac:dyDescent="0.35">
      <c r="AI8666" s="84"/>
      <c r="AM8666" s="84"/>
    </row>
    <row r="8667" spans="35:39" x14ac:dyDescent="0.35">
      <c r="AI8667" s="84"/>
      <c r="AM8667" s="84"/>
    </row>
    <row r="8668" spans="35:39" x14ac:dyDescent="0.35">
      <c r="AI8668" s="84"/>
      <c r="AM8668" s="84"/>
    </row>
    <row r="8669" spans="35:39" x14ac:dyDescent="0.35">
      <c r="AI8669" s="84"/>
      <c r="AM8669" s="84"/>
    </row>
    <row r="8670" spans="35:39" x14ac:dyDescent="0.35">
      <c r="AI8670" s="84"/>
      <c r="AM8670" s="84"/>
    </row>
    <row r="8671" spans="35:39" x14ac:dyDescent="0.35">
      <c r="AI8671" s="84"/>
      <c r="AM8671" s="84"/>
    </row>
    <row r="8672" spans="35:39" x14ac:dyDescent="0.35">
      <c r="AI8672" s="84"/>
      <c r="AM8672" s="84"/>
    </row>
    <row r="8673" spans="35:39" x14ac:dyDescent="0.35">
      <c r="AI8673" s="84"/>
      <c r="AM8673" s="84"/>
    </row>
    <row r="8674" spans="35:39" x14ac:dyDescent="0.35">
      <c r="AI8674" s="84"/>
      <c r="AM8674" s="84"/>
    </row>
    <row r="8675" spans="35:39" x14ac:dyDescent="0.35">
      <c r="AI8675" s="84"/>
      <c r="AM8675" s="84"/>
    </row>
    <row r="8676" spans="35:39" x14ac:dyDescent="0.35">
      <c r="AI8676" s="84"/>
      <c r="AM8676" s="84"/>
    </row>
    <row r="8677" spans="35:39" x14ac:dyDescent="0.35">
      <c r="AI8677" s="84"/>
      <c r="AM8677" s="84"/>
    </row>
    <row r="8678" spans="35:39" x14ac:dyDescent="0.35">
      <c r="AI8678" s="84"/>
      <c r="AM8678" s="84"/>
    </row>
    <row r="8679" spans="35:39" x14ac:dyDescent="0.35">
      <c r="AI8679" s="84"/>
      <c r="AM8679" s="84"/>
    </row>
    <row r="8680" spans="35:39" x14ac:dyDescent="0.35">
      <c r="AI8680" s="84"/>
      <c r="AM8680" s="84"/>
    </row>
    <row r="8681" spans="35:39" x14ac:dyDescent="0.35">
      <c r="AI8681" s="84"/>
      <c r="AM8681" s="84"/>
    </row>
    <row r="8682" spans="35:39" x14ac:dyDescent="0.35">
      <c r="AI8682" s="84"/>
      <c r="AM8682" s="84"/>
    </row>
    <row r="8683" spans="35:39" x14ac:dyDescent="0.35">
      <c r="AI8683" s="84"/>
      <c r="AM8683" s="84"/>
    </row>
    <row r="8684" spans="35:39" x14ac:dyDescent="0.35">
      <c r="AI8684" s="84"/>
      <c r="AM8684" s="84"/>
    </row>
    <row r="8685" spans="35:39" x14ac:dyDescent="0.35">
      <c r="AI8685" s="84"/>
      <c r="AM8685" s="84"/>
    </row>
    <row r="8686" spans="35:39" x14ac:dyDescent="0.35">
      <c r="AI8686" s="84"/>
      <c r="AM8686" s="84"/>
    </row>
    <row r="8687" spans="35:39" x14ac:dyDescent="0.35">
      <c r="AI8687" s="84"/>
      <c r="AM8687" s="84"/>
    </row>
    <row r="8688" spans="35:39" x14ac:dyDescent="0.35">
      <c r="AI8688" s="84"/>
      <c r="AM8688" s="84"/>
    </row>
    <row r="8689" spans="35:39" x14ac:dyDescent="0.35">
      <c r="AI8689" s="84"/>
      <c r="AM8689" s="84"/>
    </row>
    <row r="8690" spans="35:39" x14ac:dyDescent="0.35">
      <c r="AI8690" s="84"/>
      <c r="AM8690" s="84"/>
    </row>
    <row r="8691" spans="35:39" x14ac:dyDescent="0.35">
      <c r="AI8691" s="84"/>
      <c r="AM8691" s="84"/>
    </row>
    <row r="8692" spans="35:39" x14ac:dyDescent="0.35">
      <c r="AI8692" s="84"/>
      <c r="AM8692" s="84"/>
    </row>
    <row r="8693" spans="35:39" x14ac:dyDescent="0.35">
      <c r="AI8693" s="84"/>
      <c r="AM8693" s="84"/>
    </row>
    <row r="8694" spans="35:39" x14ac:dyDescent="0.35">
      <c r="AI8694" s="84"/>
      <c r="AM8694" s="84"/>
    </row>
    <row r="8695" spans="35:39" x14ac:dyDescent="0.35">
      <c r="AI8695" s="84"/>
      <c r="AM8695" s="84"/>
    </row>
    <row r="8696" spans="35:39" x14ac:dyDescent="0.35">
      <c r="AI8696" s="84"/>
      <c r="AM8696" s="84"/>
    </row>
    <row r="8697" spans="35:39" x14ac:dyDescent="0.35">
      <c r="AI8697" s="84"/>
      <c r="AM8697" s="84"/>
    </row>
    <row r="8698" spans="35:39" x14ac:dyDescent="0.35">
      <c r="AI8698" s="84"/>
      <c r="AM8698" s="84"/>
    </row>
    <row r="8699" spans="35:39" x14ac:dyDescent="0.35">
      <c r="AI8699" s="84"/>
      <c r="AM8699" s="84"/>
    </row>
    <row r="8700" spans="35:39" x14ac:dyDescent="0.35">
      <c r="AI8700" s="84"/>
      <c r="AM8700" s="84"/>
    </row>
    <row r="8701" spans="35:39" x14ac:dyDescent="0.35">
      <c r="AI8701" s="84"/>
      <c r="AM8701" s="84"/>
    </row>
    <row r="8702" spans="35:39" x14ac:dyDescent="0.35">
      <c r="AI8702" s="84"/>
      <c r="AM8702" s="84"/>
    </row>
    <row r="8703" spans="35:39" x14ac:dyDescent="0.35">
      <c r="AI8703" s="84"/>
      <c r="AM8703" s="84"/>
    </row>
    <row r="8704" spans="35:39" x14ac:dyDescent="0.35">
      <c r="AI8704" s="84"/>
      <c r="AM8704" s="84"/>
    </row>
    <row r="8705" spans="35:39" x14ac:dyDescent="0.35">
      <c r="AI8705" s="84"/>
      <c r="AM8705" s="84"/>
    </row>
    <row r="8706" spans="35:39" x14ac:dyDescent="0.35">
      <c r="AI8706" s="84"/>
      <c r="AM8706" s="84"/>
    </row>
    <row r="8707" spans="35:39" x14ac:dyDescent="0.35">
      <c r="AI8707" s="84"/>
      <c r="AM8707" s="84"/>
    </row>
    <row r="8708" spans="35:39" x14ac:dyDescent="0.35">
      <c r="AI8708" s="84"/>
      <c r="AM8708" s="84"/>
    </row>
    <row r="8709" spans="35:39" x14ac:dyDescent="0.35">
      <c r="AI8709" s="84"/>
      <c r="AM8709" s="84"/>
    </row>
    <row r="8710" spans="35:39" x14ac:dyDescent="0.35">
      <c r="AI8710" s="84"/>
      <c r="AM8710" s="84"/>
    </row>
    <row r="8711" spans="35:39" x14ac:dyDescent="0.35">
      <c r="AI8711" s="84"/>
      <c r="AM8711" s="84"/>
    </row>
    <row r="8712" spans="35:39" x14ac:dyDescent="0.35">
      <c r="AI8712" s="84"/>
      <c r="AM8712" s="84"/>
    </row>
    <row r="8713" spans="35:39" x14ac:dyDescent="0.35">
      <c r="AI8713" s="84"/>
      <c r="AM8713" s="84"/>
    </row>
    <row r="8714" spans="35:39" x14ac:dyDescent="0.35">
      <c r="AI8714" s="84"/>
      <c r="AM8714" s="84"/>
    </row>
    <row r="8715" spans="35:39" x14ac:dyDescent="0.35">
      <c r="AI8715" s="84"/>
      <c r="AM8715" s="84"/>
    </row>
    <row r="8716" spans="35:39" x14ac:dyDescent="0.35">
      <c r="AI8716" s="84"/>
      <c r="AM8716" s="84"/>
    </row>
    <row r="8717" spans="35:39" x14ac:dyDescent="0.35">
      <c r="AI8717" s="84"/>
      <c r="AM8717" s="84"/>
    </row>
    <row r="8718" spans="35:39" x14ac:dyDescent="0.35">
      <c r="AI8718" s="84"/>
      <c r="AM8718" s="84"/>
    </row>
    <row r="8719" spans="35:39" x14ac:dyDescent="0.35">
      <c r="AI8719" s="84"/>
      <c r="AM8719" s="84"/>
    </row>
    <row r="8720" spans="35:39" x14ac:dyDescent="0.35">
      <c r="AI8720" s="84"/>
      <c r="AM8720" s="84"/>
    </row>
    <row r="8721" spans="35:39" x14ac:dyDescent="0.35">
      <c r="AI8721" s="84"/>
      <c r="AM8721" s="84"/>
    </row>
    <row r="8722" spans="35:39" x14ac:dyDescent="0.35">
      <c r="AI8722" s="84"/>
      <c r="AM8722" s="84"/>
    </row>
    <row r="8723" spans="35:39" x14ac:dyDescent="0.35">
      <c r="AI8723" s="84"/>
      <c r="AM8723" s="84"/>
    </row>
    <row r="8724" spans="35:39" x14ac:dyDescent="0.35">
      <c r="AI8724" s="84"/>
      <c r="AM8724" s="84"/>
    </row>
    <row r="8725" spans="35:39" x14ac:dyDescent="0.35">
      <c r="AI8725" s="84"/>
      <c r="AM8725" s="84"/>
    </row>
    <row r="8726" spans="35:39" x14ac:dyDescent="0.35">
      <c r="AI8726" s="84"/>
      <c r="AM8726" s="84"/>
    </row>
    <row r="8727" spans="35:39" x14ac:dyDescent="0.35">
      <c r="AI8727" s="84"/>
      <c r="AM8727" s="84"/>
    </row>
    <row r="8728" spans="35:39" x14ac:dyDescent="0.35">
      <c r="AI8728" s="84"/>
      <c r="AM8728" s="84"/>
    </row>
    <row r="8729" spans="35:39" x14ac:dyDescent="0.35">
      <c r="AI8729" s="84"/>
      <c r="AM8729" s="84"/>
    </row>
    <row r="8730" spans="35:39" x14ac:dyDescent="0.35">
      <c r="AI8730" s="84"/>
      <c r="AM8730" s="84"/>
    </row>
    <row r="8731" spans="35:39" x14ac:dyDescent="0.35">
      <c r="AI8731" s="84"/>
      <c r="AM8731" s="84"/>
    </row>
    <row r="8732" spans="35:39" x14ac:dyDescent="0.35">
      <c r="AI8732" s="84"/>
      <c r="AM8732" s="84"/>
    </row>
    <row r="8733" spans="35:39" x14ac:dyDescent="0.35">
      <c r="AI8733" s="84"/>
      <c r="AM8733" s="84"/>
    </row>
    <row r="8734" spans="35:39" x14ac:dyDescent="0.35">
      <c r="AI8734" s="84"/>
      <c r="AM8734" s="84"/>
    </row>
    <row r="8735" spans="35:39" x14ac:dyDescent="0.35">
      <c r="AI8735" s="84"/>
      <c r="AM8735" s="84"/>
    </row>
    <row r="8736" spans="35:39" x14ac:dyDescent="0.35">
      <c r="AI8736" s="84"/>
      <c r="AM8736" s="84"/>
    </row>
    <row r="8737" spans="35:39" x14ac:dyDescent="0.35">
      <c r="AI8737" s="84"/>
      <c r="AM8737" s="84"/>
    </row>
    <row r="8738" spans="35:39" x14ac:dyDescent="0.35">
      <c r="AI8738" s="84"/>
      <c r="AM8738" s="84"/>
    </row>
    <row r="8739" spans="35:39" x14ac:dyDescent="0.35">
      <c r="AI8739" s="84"/>
      <c r="AM8739" s="84"/>
    </row>
    <row r="8740" spans="35:39" x14ac:dyDescent="0.35">
      <c r="AI8740" s="84"/>
      <c r="AM8740" s="84"/>
    </row>
    <row r="8741" spans="35:39" x14ac:dyDescent="0.35">
      <c r="AI8741" s="84"/>
      <c r="AM8741" s="84"/>
    </row>
    <row r="8742" spans="35:39" x14ac:dyDescent="0.35">
      <c r="AI8742" s="84"/>
      <c r="AM8742" s="84"/>
    </row>
    <row r="8743" spans="35:39" x14ac:dyDescent="0.35">
      <c r="AI8743" s="84"/>
      <c r="AM8743" s="84"/>
    </row>
    <row r="8744" spans="35:39" x14ac:dyDescent="0.35">
      <c r="AI8744" s="84"/>
      <c r="AM8744" s="84"/>
    </row>
    <row r="8745" spans="35:39" x14ac:dyDescent="0.35">
      <c r="AI8745" s="84"/>
      <c r="AM8745" s="84"/>
    </row>
    <row r="8746" spans="35:39" x14ac:dyDescent="0.35">
      <c r="AI8746" s="84"/>
      <c r="AM8746" s="84"/>
    </row>
    <row r="8747" spans="35:39" x14ac:dyDescent="0.35">
      <c r="AI8747" s="84"/>
      <c r="AM8747" s="84"/>
    </row>
    <row r="8748" spans="35:39" x14ac:dyDescent="0.35">
      <c r="AI8748" s="84"/>
      <c r="AM8748" s="84"/>
    </row>
    <row r="8749" spans="35:39" x14ac:dyDescent="0.35">
      <c r="AI8749" s="84"/>
      <c r="AM8749" s="84"/>
    </row>
    <row r="8750" spans="35:39" x14ac:dyDescent="0.35">
      <c r="AI8750" s="84"/>
      <c r="AM8750" s="84"/>
    </row>
    <row r="8751" spans="35:39" x14ac:dyDescent="0.35">
      <c r="AI8751" s="84"/>
      <c r="AM8751" s="84"/>
    </row>
    <row r="8752" spans="35:39" x14ac:dyDescent="0.35">
      <c r="AI8752" s="84"/>
      <c r="AM8752" s="84"/>
    </row>
    <row r="8753" spans="35:39" x14ac:dyDescent="0.35">
      <c r="AI8753" s="84"/>
      <c r="AM8753" s="84"/>
    </row>
    <row r="8754" spans="35:39" x14ac:dyDescent="0.35">
      <c r="AI8754" s="84"/>
      <c r="AM8754" s="84"/>
    </row>
    <row r="8755" spans="35:39" x14ac:dyDescent="0.35">
      <c r="AI8755" s="84"/>
      <c r="AM8755" s="84"/>
    </row>
    <row r="8756" spans="35:39" x14ac:dyDescent="0.35">
      <c r="AI8756" s="84"/>
      <c r="AM8756" s="84"/>
    </row>
    <row r="8757" spans="35:39" x14ac:dyDescent="0.35">
      <c r="AI8757" s="84"/>
      <c r="AM8757" s="84"/>
    </row>
    <row r="8758" spans="35:39" x14ac:dyDescent="0.35">
      <c r="AI8758" s="84"/>
      <c r="AM8758" s="84"/>
    </row>
    <row r="8759" spans="35:39" x14ac:dyDescent="0.35">
      <c r="AI8759" s="84"/>
      <c r="AM8759" s="84"/>
    </row>
    <row r="8760" spans="35:39" x14ac:dyDescent="0.35">
      <c r="AI8760" s="84"/>
      <c r="AM8760" s="84"/>
    </row>
    <row r="8761" spans="35:39" x14ac:dyDescent="0.35">
      <c r="AI8761" s="84"/>
      <c r="AM8761" s="84"/>
    </row>
    <row r="8762" spans="35:39" x14ac:dyDescent="0.35">
      <c r="AI8762" s="84"/>
      <c r="AM8762" s="84"/>
    </row>
    <row r="8763" spans="35:39" x14ac:dyDescent="0.35">
      <c r="AI8763" s="84"/>
      <c r="AM8763" s="84"/>
    </row>
    <row r="8764" spans="35:39" x14ac:dyDescent="0.35">
      <c r="AI8764" s="84"/>
      <c r="AM8764" s="84"/>
    </row>
    <row r="8765" spans="35:39" x14ac:dyDescent="0.35">
      <c r="AI8765" s="84"/>
      <c r="AM8765" s="84"/>
    </row>
    <row r="8766" spans="35:39" x14ac:dyDescent="0.35">
      <c r="AI8766" s="84"/>
      <c r="AM8766" s="84"/>
    </row>
    <row r="8767" spans="35:39" x14ac:dyDescent="0.35">
      <c r="AI8767" s="84"/>
      <c r="AM8767" s="84"/>
    </row>
    <row r="8768" spans="35:39" x14ac:dyDescent="0.35">
      <c r="AI8768" s="84"/>
      <c r="AM8768" s="84"/>
    </row>
    <row r="8769" spans="35:39" x14ac:dyDescent="0.35">
      <c r="AI8769" s="84"/>
      <c r="AM8769" s="84"/>
    </row>
    <row r="8770" spans="35:39" x14ac:dyDescent="0.35">
      <c r="AI8770" s="84"/>
      <c r="AM8770" s="84"/>
    </row>
    <row r="8771" spans="35:39" x14ac:dyDescent="0.35">
      <c r="AI8771" s="84"/>
      <c r="AM8771" s="84"/>
    </row>
    <row r="8772" spans="35:39" x14ac:dyDescent="0.35">
      <c r="AI8772" s="84"/>
      <c r="AM8772" s="84"/>
    </row>
    <row r="8773" spans="35:39" x14ac:dyDescent="0.35">
      <c r="AI8773" s="84"/>
      <c r="AM8773" s="84"/>
    </row>
    <row r="8774" spans="35:39" x14ac:dyDescent="0.35">
      <c r="AI8774" s="84"/>
      <c r="AM8774" s="84"/>
    </row>
    <row r="8775" spans="35:39" x14ac:dyDescent="0.35">
      <c r="AI8775" s="84"/>
      <c r="AM8775" s="84"/>
    </row>
    <row r="8776" spans="35:39" x14ac:dyDescent="0.35">
      <c r="AI8776" s="84"/>
      <c r="AM8776" s="84"/>
    </row>
    <row r="8777" spans="35:39" x14ac:dyDescent="0.35">
      <c r="AI8777" s="84"/>
      <c r="AM8777" s="84"/>
    </row>
    <row r="8778" spans="35:39" x14ac:dyDescent="0.35">
      <c r="AI8778" s="84"/>
      <c r="AM8778" s="84"/>
    </row>
    <row r="8779" spans="35:39" x14ac:dyDescent="0.35">
      <c r="AI8779" s="84"/>
      <c r="AM8779" s="84"/>
    </row>
    <row r="8780" spans="35:39" x14ac:dyDescent="0.35">
      <c r="AI8780" s="84"/>
      <c r="AM8780" s="84"/>
    </row>
    <row r="8781" spans="35:39" x14ac:dyDescent="0.35">
      <c r="AI8781" s="84"/>
      <c r="AM8781" s="84"/>
    </row>
    <row r="8782" spans="35:39" x14ac:dyDescent="0.35">
      <c r="AI8782" s="84"/>
      <c r="AM8782" s="84"/>
    </row>
    <row r="8783" spans="35:39" x14ac:dyDescent="0.35">
      <c r="AI8783" s="84"/>
      <c r="AM8783" s="84"/>
    </row>
    <row r="8784" spans="35:39" x14ac:dyDescent="0.35">
      <c r="AI8784" s="84"/>
      <c r="AM8784" s="84"/>
    </row>
    <row r="8785" spans="35:39" x14ac:dyDescent="0.35">
      <c r="AI8785" s="84"/>
      <c r="AM8785" s="84"/>
    </row>
    <row r="8786" spans="35:39" x14ac:dyDescent="0.35">
      <c r="AI8786" s="84"/>
      <c r="AM8786" s="84"/>
    </row>
    <row r="8787" spans="35:39" x14ac:dyDescent="0.35">
      <c r="AI8787" s="84"/>
      <c r="AM8787" s="84"/>
    </row>
    <row r="8788" spans="35:39" x14ac:dyDescent="0.35">
      <c r="AI8788" s="84"/>
      <c r="AM8788" s="84"/>
    </row>
    <row r="8789" spans="35:39" x14ac:dyDescent="0.35">
      <c r="AI8789" s="84"/>
      <c r="AM8789" s="84"/>
    </row>
    <row r="8790" spans="35:39" x14ac:dyDescent="0.35">
      <c r="AI8790" s="84"/>
      <c r="AM8790" s="84"/>
    </row>
    <row r="8791" spans="35:39" x14ac:dyDescent="0.35">
      <c r="AI8791" s="84"/>
      <c r="AM8791" s="84"/>
    </row>
    <row r="8792" spans="35:39" x14ac:dyDescent="0.35">
      <c r="AI8792" s="84"/>
      <c r="AM8792" s="84"/>
    </row>
    <row r="8793" spans="35:39" x14ac:dyDescent="0.35">
      <c r="AI8793" s="84"/>
      <c r="AM8793" s="84"/>
    </row>
    <row r="8794" spans="35:39" x14ac:dyDescent="0.35">
      <c r="AI8794" s="84"/>
      <c r="AM8794" s="84"/>
    </row>
    <row r="8795" spans="35:39" x14ac:dyDescent="0.35">
      <c r="AI8795" s="84"/>
      <c r="AM8795" s="84"/>
    </row>
    <row r="8796" spans="35:39" x14ac:dyDescent="0.35">
      <c r="AI8796" s="84"/>
      <c r="AM8796" s="84"/>
    </row>
    <row r="8797" spans="35:39" x14ac:dyDescent="0.35">
      <c r="AI8797" s="84"/>
      <c r="AM8797" s="84"/>
    </row>
    <row r="8798" spans="35:39" x14ac:dyDescent="0.35">
      <c r="AI8798" s="84"/>
      <c r="AM8798" s="84"/>
    </row>
    <row r="8799" spans="35:39" x14ac:dyDescent="0.35">
      <c r="AI8799" s="84"/>
      <c r="AM8799" s="84"/>
    </row>
    <row r="8800" spans="35:39" x14ac:dyDescent="0.35">
      <c r="AI8800" s="84"/>
      <c r="AM8800" s="84"/>
    </row>
    <row r="8801" spans="35:39" x14ac:dyDescent="0.35">
      <c r="AI8801" s="84"/>
      <c r="AM8801" s="84"/>
    </row>
    <row r="8802" spans="35:39" x14ac:dyDescent="0.35">
      <c r="AI8802" s="84"/>
      <c r="AM8802" s="84"/>
    </row>
    <row r="8803" spans="35:39" x14ac:dyDescent="0.35">
      <c r="AI8803" s="84"/>
      <c r="AM8803" s="84"/>
    </row>
    <row r="8804" spans="35:39" x14ac:dyDescent="0.35">
      <c r="AI8804" s="84"/>
      <c r="AM8804" s="84"/>
    </row>
    <row r="8805" spans="35:39" x14ac:dyDescent="0.35">
      <c r="AI8805" s="84"/>
      <c r="AM8805" s="84"/>
    </row>
    <row r="8806" spans="35:39" x14ac:dyDescent="0.35">
      <c r="AI8806" s="84"/>
      <c r="AM8806" s="84"/>
    </row>
    <row r="8807" spans="35:39" x14ac:dyDescent="0.35">
      <c r="AI8807" s="84"/>
      <c r="AM8807" s="84"/>
    </row>
    <row r="8808" spans="35:39" x14ac:dyDescent="0.35">
      <c r="AI8808" s="84"/>
      <c r="AM8808" s="84"/>
    </row>
    <row r="8809" spans="35:39" x14ac:dyDescent="0.35">
      <c r="AI8809" s="84"/>
      <c r="AM8809" s="84"/>
    </row>
    <row r="8810" spans="35:39" x14ac:dyDescent="0.35">
      <c r="AI8810" s="84"/>
      <c r="AM8810" s="84"/>
    </row>
    <row r="8811" spans="35:39" x14ac:dyDescent="0.35">
      <c r="AI8811" s="84"/>
      <c r="AM8811" s="84"/>
    </row>
    <row r="8812" spans="35:39" x14ac:dyDescent="0.35">
      <c r="AI8812" s="84"/>
      <c r="AM8812" s="84"/>
    </row>
    <row r="8813" spans="35:39" x14ac:dyDescent="0.35">
      <c r="AI8813" s="84"/>
      <c r="AM8813" s="84"/>
    </row>
    <row r="8814" spans="35:39" x14ac:dyDescent="0.35">
      <c r="AI8814" s="84"/>
      <c r="AM8814" s="84"/>
    </row>
    <row r="8815" spans="35:39" x14ac:dyDescent="0.35">
      <c r="AI8815" s="84"/>
      <c r="AM8815" s="84"/>
    </row>
    <row r="8816" spans="35:39" x14ac:dyDescent="0.35">
      <c r="AI8816" s="84"/>
      <c r="AM8816" s="84"/>
    </row>
    <row r="8817" spans="35:39" x14ac:dyDescent="0.35">
      <c r="AI8817" s="84"/>
      <c r="AM8817" s="84"/>
    </row>
    <row r="8818" spans="35:39" x14ac:dyDescent="0.35">
      <c r="AI8818" s="84"/>
      <c r="AM8818" s="84"/>
    </row>
    <row r="8819" spans="35:39" x14ac:dyDescent="0.35">
      <c r="AI8819" s="84"/>
      <c r="AM8819" s="84"/>
    </row>
    <row r="8820" spans="35:39" x14ac:dyDescent="0.35">
      <c r="AI8820" s="84"/>
      <c r="AM8820" s="84"/>
    </row>
    <row r="8821" spans="35:39" x14ac:dyDescent="0.35">
      <c r="AI8821" s="84"/>
      <c r="AM8821" s="84"/>
    </row>
    <row r="8822" spans="35:39" x14ac:dyDescent="0.35">
      <c r="AI8822" s="84"/>
      <c r="AM8822" s="84"/>
    </row>
    <row r="8823" spans="35:39" x14ac:dyDescent="0.35">
      <c r="AI8823" s="84"/>
      <c r="AM8823" s="84"/>
    </row>
    <row r="8824" spans="35:39" x14ac:dyDescent="0.35">
      <c r="AI8824" s="84"/>
      <c r="AM8824" s="84"/>
    </row>
    <row r="8825" spans="35:39" x14ac:dyDescent="0.35">
      <c r="AI8825" s="84"/>
      <c r="AM8825" s="84"/>
    </row>
    <row r="8826" spans="35:39" x14ac:dyDescent="0.35">
      <c r="AI8826" s="84"/>
      <c r="AM8826" s="84"/>
    </row>
    <row r="8827" spans="35:39" x14ac:dyDescent="0.35">
      <c r="AI8827" s="84"/>
      <c r="AM8827" s="84"/>
    </row>
    <row r="8828" spans="35:39" x14ac:dyDescent="0.35">
      <c r="AI8828" s="84"/>
      <c r="AM8828" s="84"/>
    </row>
    <row r="8829" spans="35:39" x14ac:dyDescent="0.35">
      <c r="AI8829" s="84"/>
      <c r="AM8829" s="84"/>
    </row>
    <row r="8830" spans="35:39" x14ac:dyDescent="0.35">
      <c r="AI8830" s="84"/>
      <c r="AM8830" s="84"/>
    </row>
    <row r="8831" spans="35:39" x14ac:dyDescent="0.35">
      <c r="AI8831" s="84"/>
      <c r="AM8831" s="84"/>
    </row>
    <row r="8832" spans="35:39" x14ac:dyDescent="0.35">
      <c r="AI8832" s="84"/>
      <c r="AM8832" s="84"/>
    </row>
    <row r="8833" spans="35:39" x14ac:dyDescent="0.35">
      <c r="AI8833" s="84"/>
      <c r="AM8833" s="84"/>
    </row>
    <row r="8834" spans="35:39" x14ac:dyDescent="0.35">
      <c r="AI8834" s="84"/>
      <c r="AM8834" s="84"/>
    </row>
    <row r="8835" spans="35:39" x14ac:dyDescent="0.35">
      <c r="AI8835" s="84"/>
      <c r="AM8835" s="84"/>
    </row>
    <row r="8836" spans="35:39" x14ac:dyDescent="0.35">
      <c r="AI8836" s="84"/>
      <c r="AM8836" s="84"/>
    </row>
    <row r="8837" spans="35:39" x14ac:dyDescent="0.35">
      <c r="AI8837" s="84"/>
      <c r="AM8837" s="84"/>
    </row>
    <row r="8838" spans="35:39" x14ac:dyDescent="0.35">
      <c r="AI8838" s="84"/>
      <c r="AM8838" s="84"/>
    </row>
    <row r="8839" spans="35:39" x14ac:dyDescent="0.35">
      <c r="AI8839" s="84"/>
      <c r="AM8839" s="84"/>
    </row>
    <row r="8840" spans="35:39" x14ac:dyDescent="0.35">
      <c r="AI8840" s="84"/>
      <c r="AM8840" s="84"/>
    </row>
    <row r="8841" spans="35:39" x14ac:dyDescent="0.35">
      <c r="AI8841" s="84"/>
      <c r="AM8841" s="84"/>
    </row>
    <row r="8842" spans="35:39" x14ac:dyDescent="0.35">
      <c r="AI8842" s="84"/>
      <c r="AM8842" s="84"/>
    </row>
    <row r="8843" spans="35:39" x14ac:dyDescent="0.35">
      <c r="AI8843" s="84"/>
      <c r="AM8843" s="84"/>
    </row>
    <row r="8844" spans="35:39" x14ac:dyDescent="0.35">
      <c r="AI8844" s="84"/>
      <c r="AM8844" s="84"/>
    </row>
    <row r="8845" spans="35:39" x14ac:dyDescent="0.35">
      <c r="AI8845" s="84"/>
      <c r="AM8845" s="84"/>
    </row>
    <row r="8846" spans="35:39" x14ac:dyDescent="0.35">
      <c r="AI8846" s="84"/>
      <c r="AM8846" s="84"/>
    </row>
    <row r="8847" spans="35:39" x14ac:dyDescent="0.35">
      <c r="AI8847" s="84"/>
      <c r="AM8847" s="84"/>
    </row>
    <row r="8848" spans="35:39" x14ac:dyDescent="0.35">
      <c r="AI8848" s="84"/>
      <c r="AM8848" s="84"/>
    </row>
    <row r="8849" spans="35:39" x14ac:dyDescent="0.35">
      <c r="AI8849" s="84"/>
      <c r="AM8849" s="84"/>
    </row>
    <row r="8850" spans="35:39" x14ac:dyDescent="0.35">
      <c r="AI8850" s="84"/>
      <c r="AM8850" s="84"/>
    </row>
    <row r="8851" spans="35:39" x14ac:dyDescent="0.35">
      <c r="AI8851" s="84"/>
      <c r="AM8851" s="84"/>
    </row>
    <row r="8852" spans="35:39" x14ac:dyDescent="0.35">
      <c r="AI8852" s="84"/>
      <c r="AM8852" s="84"/>
    </row>
    <row r="8853" spans="35:39" x14ac:dyDescent="0.35">
      <c r="AI8853" s="84"/>
      <c r="AM8853" s="84"/>
    </row>
    <row r="8854" spans="35:39" x14ac:dyDescent="0.35">
      <c r="AI8854" s="84"/>
      <c r="AM8854" s="84"/>
    </row>
    <row r="8855" spans="35:39" x14ac:dyDescent="0.35">
      <c r="AI8855" s="84"/>
      <c r="AM8855" s="84"/>
    </row>
    <row r="8856" spans="35:39" x14ac:dyDescent="0.35">
      <c r="AI8856" s="84"/>
      <c r="AM8856" s="84"/>
    </row>
    <row r="8857" spans="35:39" x14ac:dyDescent="0.35">
      <c r="AI8857" s="84"/>
      <c r="AM8857" s="84"/>
    </row>
    <row r="8858" spans="35:39" x14ac:dyDescent="0.35">
      <c r="AI8858" s="84"/>
      <c r="AM8858" s="84"/>
    </row>
    <row r="8859" spans="35:39" x14ac:dyDescent="0.35">
      <c r="AI8859" s="84"/>
      <c r="AM8859" s="84"/>
    </row>
    <row r="8860" spans="35:39" x14ac:dyDescent="0.35">
      <c r="AI8860" s="84"/>
      <c r="AM8860" s="84"/>
    </row>
    <row r="8861" spans="35:39" x14ac:dyDescent="0.35">
      <c r="AI8861" s="84"/>
      <c r="AM8861" s="84"/>
    </row>
    <row r="8862" spans="35:39" x14ac:dyDescent="0.35">
      <c r="AI8862" s="84"/>
      <c r="AM8862" s="84"/>
    </row>
    <row r="8863" spans="35:39" x14ac:dyDescent="0.35">
      <c r="AI8863" s="84"/>
      <c r="AM8863" s="84"/>
    </row>
    <row r="8864" spans="35:39" x14ac:dyDescent="0.35">
      <c r="AI8864" s="84"/>
      <c r="AM8864" s="84"/>
    </row>
    <row r="8865" spans="35:39" x14ac:dyDescent="0.35">
      <c r="AI8865" s="84"/>
      <c r="AM8865" s="84"/>
    </row>
    <row r="8866" spans="35:39" x14ac:dyDescent="0.35">
      <c r="AI8866" s="84"/>
      <c r="AM8866" s="84"/>
    </row>
    <row r="8867" spans="35:39" x14ac:dyDescent="0.35">
      <c r="AI8867" s="84"/>
      <c r="AM8867" s="84"/>
    </row>
    <row r="8868" spans="35:39" x14ac:dyDescent="0.35">
      <c r="AI8868" s="84"/>
      <c r="AM8868" s="84"/>
    </row>
    <row r="8869" spans="35:39" x14ac:dyDescent="0.35">
      <c r="AI8869" s="84"/>
      <c r="AM8869" s="84"/>
    </row>
    <row r="8870" spans="35:39" x14ac:dyDescent="0.35">
      <c r="AI8870" s="84"/>
      <c r="AM8870" s="84"/>
    </row>
    <row r="8871" spans="35:39" x14ac:dyDescent="0.35">
      <c r="AI8871" s="84"/>
      <c r="AM8871" s="84"/>
    </row>
    <row r="8872" spans="35:39" x14ac:dyDescent="0.35">
      <c r="AI8872" s="84"/>
      <c r="AM8872" s="84"/>
    </row>
    <row r="8873" spans="35:39" x14ac:dyDescent="0.35">
      <c r="AI8873" s="84"/>
      <c r="AM8873" s="84"/>
    </row>
    <row r="8874" spans="35:39" x14ac:dyDescent="0.35">
      <c r="AI8874" s="84"/>
      <c r="AM8874" s="84"/>
    </row>
    <row r="8875" spans="35:39" x14ac:dyDescent="0.35">
      <c r="AI8875" s="84"/>
      <c r="AM8875" s="84"/>
    </row>
    <row r="8876" spans="35:39" x14ac:dyDescent="0.35">
      <c r="AI8876" s="84"/>
      <c r="AM8876" s="84"/>
    </row>
    <row r="8877" spans="35:39" x14ac:dyDescent="0.35">
      <c r="AI8877" s="84"/>
      <c r="AM8877" s="84"/>
    </row>
    <row r="8878" spans="35:39" x14ac:dyDescent="0.35">
      <c r="AI8878" s="84"/>
      <c r="AM8878" s="84"/>
    </row>
    <row r="8879" spans="35:39" x14ac:dyDescent="0.35">
      <c r="AI8879" s="84"/>
      <c r="AM8879" s="84"/>
    </row>
    <row r="8880" spans="35:39" x14ac:dyDescent="0.35">
      <c r="AI8880" s="84"/>
      <c r="AM8880" s="84"/>
    </row>
    <row r="8881" spans="35:39" x14ac:dyDescent="0.35">
      <c r="AI8881" s="84"/>
      <c r="AM8881" s="84"/>
    </row>
    <row r="8882" spans="35:39" x14ac:dyDescent="0.35">
      <c r="AI8882" s="84"/>
      <c r="AM8882" s="84"/>
    </row>
    <row r="8883" spans="35:39" x14ac:dyDescent="0.35">
      <c r="AI8883" s="84"/>
      <c r="AM8883" s="84"/>
    </row>
    <row r="8884" spans="35:39" x14ac:dyDescent="0.35">
      <c r="AI8884" s="84"/>
      <c r="AM8884" s="84"/>
    </row>
    <row r="8885" spans="35:39" x14ac:dyDescent="0.35">
      <c r="AI8885" s="84"/>
      <c r="AM8885" s="84"/>
    </row>
    <row r="8886" spans="35:39" x14ac:dyDescent="0.35">
      <c r="AI8886" s="84"/>
      <c r="AM8886" s="84"/>
    </row>
    <row r="8887" spans="35:39" x14ac:dyDescent="0.35">
      <c r="AI8887" s="84"/>
      <c r="AM8887" s="84"/>
    </row>
    <row r="8888" spans="35:39" x14ac:dyDescent="0.35">
      <c r="AI8888" s="84"/>
      <c r="AM8888" s="84"/>
    </row>
    <row r="8889" spans="35:39" x14ac:dyDescent="0.35">
      <c r="AI8889" s="84"/>
      <c r="AM8889" s="84"/>
    </row>
    <row r="8890" spans="35:39" x14ac:dyDescent="0.35">
      <c r="AI8890" s="84"/>
      <c r="AM8890" s="84"/>
    </row>
    <row r="8891" spans="35:39" x14ac:dyDescent="0.35">
      <c r="AI8891" s="84"/>
      <c r="AM8891" s="84"/>
    </row>
    <row r="8892" spans="35:39" x14ac:dyDescent="0.35">
      <c r="AI8892" s="84"/>
      <c r="AM8892" s="84"/>
    </row>
    <row r="8893" spans="35:39" x14ac:dyDescent="0.35">
      <c r="AI8893" s="84"/>
      <c r="AM8893" s="84"/>
    </row>
    <row r="8894" spans="35:39" x14ac:dyDescent="0.35">
      <c r="AI8894" s="84"/>
      <c r="AM8894" s="84"/>
    </row>
    <row r="8895" spans="35:39" x14ac:dyDescent="0.35">
      <c r="AI8895" s="84"/>
      <c r="AM8895" s="84"/>
    </row>
    <row r="8896" spans="35:39" x14ac:dyDescent="0.35">
      <c r="AI8896" s="84"/>
      <c r="AM8896" s="84"/>
    </row>
    <row r="8897" spans="35:39" x14ac:dyDescent="0.35">
      <c r="AI8897" s="84"/>
      <c r="AM8897" s="84"/>
    </row>
    <row r="8898" spans="35:39" x14ac:dyDescent="0.35">
      <c r="AI8898" s="84"/>
      <c r="AM8898" s="84"/>
    </row>
    <row r="8899" spans="35:39" x14ac:dyDescent="0.35">
      <c r="AI8899" s="84"/>
      <c r="AM8899" s="84"/>
    </row>
    <row r="8900" spans="35:39" x14ac:dyDescent="0.35">
      <c r="AI8900" s="84"/>
      <c r="AM8900" s="84"/>
    </row>
    <row r="8901" spans="35:39" x14ac:dyDescent="0.35">
      <c r="AI8901" s="84"/>
      <c r="AM8901" s="84"/>
    </row>
    <row r="8902" spans="35:39" x14ac:dyDescent="0.35">
      <c r="AI8902" s="84"/>
      <c r="AM8902" s="84"/>
    </row>
    <row r="8903" spans="35:39" x14ac:dyDescent="0.35">
      <c r="AI8903" s="84"/>
      <c r="AM8903" s="84"/>
    </row>
    <row r="8904" spans="35:39" x14ac:dyDescent="0.35">
      <c r="AI8904" s="84"/>
      <c r="AM8904" s="84"/>
    </row>
    <row r="8905" spans="35:39" x14ac:dyDescent="0.35">
      <c r="AI8905" s="84"/>
      <c r="AM8905" s="84"/>
    </row>
    <row r="8906" spans="35:39" x14ac:dyDescent="0.35">
      <c r="AI8906" s="84"/>
      <c r="AM8906" s="84"/>
    </row>
    <row r="8907" spans="35:39" x14ac:dyDescent="0.35">
      <c r="AI8907" s="84"/>
      <c r="AM8907" s="84"/>
    </row>
    <row r="8908" spans="35:39" x14ac:dyDescent="0.35">
      <c r="AI8908" s="84"/>
      <c r="AM8908" s="84"/>
    </row>
    <row r="8909" spans="35:39" x14ac:dyDescent="0.35">
      <c r="AI8909" s="84"/>
      <c r="AM8909" s="84"/>
    </row>
    <row r="8910" spans="35:39" x14ac:dyDescent="0.35">
      <c r="AI8910" s="84"/>
      <c r="AM8910" s="84"/>
    </row>
    <row r="8911" spans="35:39" x14ac:dyDescent="0.35">
      <c r="AI8911" s="84"/>
      <c r="AM8911" s="84"/>
    </row>
    <row r="8912" spans="35:39" x14ac:dyDescent="0.35">
      <c r="AI8912" s="84"/>
      <c r="AM8912" s="84"/>
    </row>
    <row r="8913" spans="35:39" x14ac:dyDescent="0.35">
      <c r="AI8913" s="84"/>
      <c r="AM8913" s="84"/>
    </row>
    <row r="8914" spans="35:39" x14ac:dyDescent="0.35">
      <c r="AI8914" s="84"/>
      <c r="AM8914" s="84"/>
    </row>
    <row r="8915" spans="35:39" x14ac:dyDescent="0.35">
      <c r="AI8915" s="84"/>
      <c r="AM8915" s="84"/>
    </row>
    <row r="8916" spans="35:39" x14ac:dyDescent="0.35">
      <c r="AI8916" s="84"/>
      <c r="AM8916" s="84"/>
    </row>
    <row r="8917" spans="35:39" x14ac:dyDescent="0.35">
      <c r="AI8917" s="84"/>
      <c r="AM8917" s="84"/>
    </row>
    <row r="8918" spans="35:39" x14ac:dyDescent="0.35">
      <c r="AI8918" s="84"/>
      <c r="AM8918" s="84"/>
    </row>
    <row r="8919" spans="35:39" x14ac:dyDescent="0.35">
      <c r="AI8919" s="84"/>
      <c r="AM8919" s="84"/>
    </row>
    <row r="8920" spans="35:39" x14ac:dyDescent="0.35">
      <c r="AI8920" s="84"/>
      <c r="AM8920" s="84"/>
    </row>
    <row r="8921" spans="35:39" x14ac:dyDescent="0.35">
      <c r="AI8921" s="84"/>
      <c r="AM8921" s="84"/>
    </row>
    <row r="8922" spans="35:39" x14ac:dyDescent="0.35">
      <c r="AI8922" s="84"/>
      <c r="AM8922" s="84"/>
    </row>
    <row r="8923" spans="35:39" x14ac:dyDescent="0.35">
      <c r="AI8923" s="84"/>
      <c r="AM8923" s="84"/>
    </row>
    <row r="8924" spans="35:39" x14ac:dyDescent="0.35">
      <c r="AI8924" s="84"/>
      <c r="AM8924" s="84"/>
    </row>
    <row r="8925" spans="35:39" x14ac:dyDescent="0.35">
      <c r="AI8925" s="84"/>
      <c r="AM8925" s="84"/>
    </row>
    <row r="8926" spans="35:39" x14ac:dyDescent="0.35">
      <c r="AI8926" s="84"/>
      <c r="AM8926" s="84"/>
    </row>
    <row r="8927" spans="35:39" x14ac:dyDescent="0.35">
      <c r="AI8927" s="84"/>
      <c r="AM8927" s="84"/>
    </row>
    <row r="8928" spans="35:39" x14ac:dyDescent="0.35">
      <c r="AI8928" s="84"/>
      <c r="AM8928" s="84"/>
    </row>
    <row r="8929" spans="35:39" x14ac:dyDescent="0.35">
      <c r="AI8929" s="84"/>
      <c r="AM8929" s="84"/>
    </row>
    <row r="8930" spans="35:39" x14ac:dyDescent="0.35">
      <c r="AI8930" s="84"/>
      <c r="AM8930" s="84"/>
    </row>
    <row r="8931" spans="35:39" x14ac:dyDescent="0.35">
      <c r="AI8931" s="84"/>
      <c r="AM8931" s="84"/>
    </row>
    <row r="8932" spans="35:39" x14ac:dyDescent="0.35">
      <c r="AI8932" s="84"/>
      <c r="AM8932" s="84"/>
    </row>
    <row r="8933" spans="35:39" x14ac:dyDescent="0.35">
      <c r="AI8933" s="84"/>
      <c r="AM8933" s="84"/>
    </row>
    <row r="8934" spans="35:39" x14ac:dyDescent="0.35">
      <c r="AI8934" s="84"/>
      <c r="AM8934" s="84"/>
    </row>
    <row r="8935" spans="35:39" x14ac:dyDescent="0.35">
      <c r="AI8935" s="84"/>
      <c r="AM8935" s="84"/>
    </row>
    <row r="8936" spans="35:39" x14ac:dyDescent="0.35">
      <c r="AI8936" s="84"/>
      <c r="AM8936" s="84"/>
    </row>
    <row r="8937" spans="35:39" x14ac:dyDescent="0.35">
      <c r="AI8937" s="84"/>
      <c r="AM8937" s="84"/>
    </row>
    <row r="8938" spans="35:39" x14ac:dyDescent="0.35">
      <c r="AI8938" s="84"/>
      <c r="AM8938" s="84"/>
    </row>
    <row r="8939" spans="35:39" x14ac:dyDescent="0.35">
      <c r="AI8939" s="84"/>
      <c r="AM8939" s="84"/>
    </row>
    <row r="8940" spans="35:39" x14ac:dyDescent="0.35">
      <c r="AI8940" s="84"/>
      <c r="AM8940" s="84"/>
    </row>
    <row r="8941" spans="35:39" x14ac:dyDescent="0.35">
      <c r="AI8941" s="84"/>
      <c r="AM8941" s="84"/>
    </row>
    <row r="8942" spans="35:39" x14ac:dyDescent="0.35">
      <c r="AI8942" s="84"/>
      <c r="AM8942" s="84"/>
    </row>
    <row r="8943" spans="35:39" x14ac:dyDescent="0.35">
      <c r="AI8943" s="84"/>
      <c r="AM8943" s="84"/>
    </row>
    <row r="8944" spans="35:39" x14ac:dyDescent="0.35">
      <c r="AI8944" s="84"/>
      <c r="AM8944" s="84"/>
    </row>
    <row r="8945" spans="35:39" x14ac:dyDescent="0.35">
      <c r="AI8945" s="84"/>
      <c r="AM8945" s="84"/>
    </row>
    <row r="8946" spans="35:39" x14ac:dyDescent="0.35">
      <c r="AI8946" s="84"/>
      <c r="AM8946" s="84"/>
    </row>
    <row r="8947" spans="35:39" x14ac:dyDescent="0.35">
      <c r="AI8947" s="84"/>
      <c r="AM8947" s="84"/>
    </row>
    <row r="8948" spans="35:39" x14ac:dyDescent="0.35">
      <c r="AI8948" s="84"/>
      <c r="AM8948" s="84"/>
    </row>
    <row r="8949" spans="35:39" x14ac:dyDescent="0.35">
      <c r="AI8949" s="84"/>
      <c r="AM8949" s="84"/>
    </row>
    <row r="8950" spans="35:39" x14ac:dyDescent="0.35">
      <c r="AI8950" s="84"/>
      <c r="AM8950" s="84"/>
    </row>
    <row r="8951" spans="35:39" x14ac:dyDescent="0.35">
      <c r="AI8951" s="84"/>
      <c r="AM8951" s="84"/>
    </row>
    <row r="8952" spans="35:39" x14ac:dyDescent="0.35">
      <c r="AI8952" s="84"/>
      <c r="AM8952" s="84"/>
    </row>
    <row r="8953" spans="35:39" x14ac:dyDescent="0.35">
      <c r="AI8953" s="84"/>
      <c r="AM8953" s="84"/>
    </row>
    <row r="8954" spans="35:39" x14ac:dyDescent="0.35">
      <c r="AI8954" s="84"/>
      <c r="AM8954" s="84"/>
    </row>
    <row r="8955" spans="35:39" x14ac:dyDescent="0.35">
      <c r="AI8955" s="84"/>
      <c r="AM8955" s="84"/>
    </row>
    <row r="8956" spans="35:39" x14ac:dyDescent="0.35">
      <c r="AI8956" s="84"/>
      <c r="AM8956" s="84"/>
    </row>
    <row r="8957" spans="35:39" x14ac:dyDescent="0.35">
      <c r="AI8957" s="84"/>
      <c r="AM8957" s="84"/>
    </row>
    <row r="8958" spans="35:39" x14ac:dyDescent="0.35">
      <c r="AI8958" s="84"/>
      <c r="AM8958" s="84"/>
    </row>
    <row r="8959" spans="35:39" x14ac:dyDescent="0.35">
      <c r="AI8959" s="84"/>
      <c r="AM8959" s="84"/>
    </row>
    <row r="8960" spans="35:39" x14ac:dyDescent="0.35">
      <c r="AI8960" s="84"/>
      <c r="AM8960" s="84"/>
    </row>
    <row r="8961" spans="35:39" x14ac:dyDescent="0.35">
      <c r="AI8961" s="84"/>
      <c r="AM8961" s="84"/>
    </row>
    <row r="8962" spans="35:39" x14ac:dyDescent="0.35">
      <c r="AI8962" s="84"/>
      <c r="AM8962" s="84"/>
    </row>
    <row r="8963" spans="35:39" x14ac:dyDescent="0.35">
      <c r="AI8963" s="84"/>
      <c r="AM8963" s="84"/>
    </row>
    <row r="8964" spans="35:39" x14ac:dyDescent="0.35">
      <c r="AI8964" s="84"/>
      <c r="AM8964" s="84"/>
    </row>
    <row r="8965" spans="35:39" x14ac:dyDescent="0.35">
      <c r="AI8965" s="84"/>
      <c r="AM8965" s="84"/>
    </row>
    <row r="8966" spans="35:39" x14ac:dyDescent="0.35">
      <c r="AI8966" s="84"/>
      <c r="AM8966" s="84"/>
    </row>
    <row r="8967" spans="35:39" x14ac:dyDescent="0.35">
      <c r="AI8967" s="84"/>
      <c r="AM8967" s="84"/>
    </row>
    <row r="8968" spans="35:39" x14ac:dyDescent="0.35">
      <c r="AI8968" s="84"/>
      <c r="AM8968" s="84"/>
    </row>
    <row r="8969" spans="35:39" x14ac:dyDescent="0.35">
      <c r="AI8969" s="84"/>
      <c r="AM8969" s="84"/>
    </row>
    <row r="8970" spans="35:39" x14ac:dyDescent="0.35">
      <c r="AI8970" s="84"/>
      <c r="AM8970" s="84"/>
    </row>
    <row r="8971" spans="35:39" x14ac:dyDescent="0.35">
      <c r="AI8971" s="84"/>
      <c r="AM8971" s="84"/>
    </row>
    <row r="8972" spans="35:39" x14ac:dyDescent="0.35">
      <c r="AI8972" s="84"/>
      <c r="AM8972" s="84"/>
    </row>
    <row r="8973" spans="35:39" x14ac:dyDescent="0.35">
      <c r="AI8973" s="84"/>
      <c r="AM8973" s="84"/>
    </row>
    <row r="8974" spans="35:39" x14ac:dyDescent="0.35">
      <c r="AI8974" s="84"/>
      <c r="AM8974" s="84"/>
    </row>
    <row r="8975" spans="35:39" x14ac:dyDescent="0.35">
      <c r="AI8975" s="84"/>
      <c r="AM8975" s="84"/>
    </row>
    <row r="8976" spans="35:39" x14ac:dyDescent="0.35">
      <c r="AI8976" s="84"/>
      <c r="AM8976" s="84"/>
    </row>
    <row r="8977" spans="35:39" x14ac:dyDescent="0.35">
      <c r="AI8977" s="84"/>
      <c r="AM8977" s="84"/>
    </row>
    <row r="8978" spans="35:39" x14ac:dyDescent="0.35">
      <c r="AI8978" s="84"/>
      <c r="AM8978" s="84"/>
    </row>
    <row r="8979" spans="35:39" x14ac:dyDescent="0.35">
      <c r="AI8979" s="84"/>
      <c r="AM8979" s="84"/>
    </row>
    <row r="8980" spans="35:39" x14ac:dyDescent="0.35">
      <c r="AI8980" s="84"/>
      <c r="AM8980" s="84"/>
    </row>
    <row r="8981" spans="35:39" x14ac:dyDescent="0.35">
      <c r="AI8981" s="84"/>
      <c r="AM8981" s="84"/>
    </row>
    <row r="8982" spans="35:39" x14ac:dyDescent="0.35">
      <c r="AI8982" s="84"/>
      <c r="AM8982" s="84"/>
    </row>
    <row r="8983" spans="35:39" x14ac:dyDescent="0.35">
      <c r="AI8983" s="84"/>
      <c r="AM8983" s="84"/>
    </row>
    <row r="8984" spans="35:39" x14ac:dyDescent="0.35">
      <c r="AI8984" s="84"/>
      <c r="AM8984" s="84"/>
    </row>
    <row r="8985" spans="35:39" x14ac:dyDescent="0.35">
      <c r="AI8985" s="84"/>
      <c r="AM8985" s="84"/>
    </row>
    <row r="8986" spans="35:39" x14ac:dyDescent="0.35">
      <c r="AI8986" s="84"/>
      <c r="AM8986" s="84"/>
    </row>
    <row r="8987" spans="35:39" x14ac:dyDescent="0.35">
      <c r="AI8987" s="84"/>
      <c r="AM8987" s="84"/>
    </row>
    <row r="8988" spans="35:39" x14ac:dyDescent="0.35">
      <c r="AI8988" s="84"/>
      <c r="AM8988" s="84"/>
    </row>
    <row r="8989" spans="35:39" x14ac:dyDescent="0.35">
      <c r="AI8989" s="84"/>
      <c r="AM8989" s="84"/>
    </row>
    <row r="8990" spans="35:39" x14ac:dyDescent="0.35">
      <c r="AI8990" s="84"/>
      <c r="AM8990" s="84"/>
    </row>
    <row r="8991" spans="35:39" x14ac:dyDescent="0.35">
      <c r="AI8991" s="84"/>
      <c r="AM8991" s="84"/>
    </row>
    <row r="8992" spans="35:39" x14ac:dyDescent="0.35">
      <c r="AI8992" s="84"/>
      <c r="AM8992" s="84"/>
    </row>
    <row r="8993" spans="35:39" x14ac:dyDescent="0.35">
      <c r="AI8993" s="84"/>
      <c r="AM8993" s="84"/>
    </row>
    <row r="8994" spans="35:39" x14ac:dyDescent="0.35">
      <c r="AI8994" s="84"/>
      <c r="AM8994" s="84"/>
    </row>
    <row r="8995" spans="35:39" x14ac:dyDescent="0.35">
      <c r="AI8995" s="84"/>
      <c r="AM8995" s="84"/>
    </row>
    <row r="8996" spans="35:39" x14ac:dyDescent="0.35">
      <c r="AI8996" s="84"/>
      <c r="AM8996" s="84"/>
    </row>
    <row r="8997" spans="35:39" x14ac:dyDescent="0.35">
      <c r="AI8997" s="84"/>
      <c r="AM8997" s="84"/>
    </row>
    <row r="8998" spans="35:39" x14ac:dyDescent="0.35">
      <c r="AI8998" s="84"/>
      <c r="AM8998" s="84"/>
    </row>
    <row r="8999" spans="35:39" x14ac:dyDescent="0.35">
      <c r="AI8999" s="84"/>
      <c r="AM8999" s="84"/>
    </row>
    <row r="9000" spans="35:39" x14ac:dyDescent="0.35">
      <c r="AI9000" s="84"/>
      <c r="AM9000" s="84"/>
    </row>
    <row r="9001" spans="35:39" x14ac:dyDescent="0.35">
      <c r="AI9001" s="84"/>
      <c r="AM9001" s="84"/>
    </row>
    <row r="9002" spans="35:39" x14ac:dyDescent="0.35">
      <c r="AI9002" s="84"/>
      <c r="AM9002" s="84"/>
    </row>
    <row r="9003" spans="35:39" x14ac:dyDescent="0.35">
      <c r="AI9003" s="84"/>
      <c r="AM9003" s="84"/>
    </row>
    <row r="9004" spans="35:39" x14ac:dyDescent="0.35">
      <c r="AI9004" s="84"/>
      <c r="AM9004" s="84"/>
    </row>
    <row r="9005" spans="35:39" x14ac:dyDescent="0.35">
      <c r="AI9005" s="84"/>
      <c r="AM9005" s="84"/>
    </row>
    <row r="9006" spans="35:39" x14ac:dyDescent="0.35">
      <c r="AI9006" s="84"/>
      <c r="AM9006" s="84"/>
    </row>
    <row r="9007" spans="35:39" x14ac:dyDescent="0.35">
      <c r="AI9007" s="84"/>
      <c r="AM9007" s="84"/>
    </row>
    <row r="9008" spans="35:39" x14ac:dyDescent="0.35">
      <c r="AI9008" s="84"/>
      <c r="AM9008" s="84"/>
    </row>
    <row r="9009" spans="35:39" x14ac:dyDescent="0.35">
      <c r="AI9009" s="84"/>
      <c r="AM9009" s="84"/>
    </row>
    <row r="9010" spans="35:39" x14ac:dyDescent="0.35">
      <c r="AI9010" s="84"/>
      <c r="AM9010" s="84"/>
    </row>
    <row r="9011" spans="35:39" x14ac:dyDescent="0.35">
      <c r="AI9011" s="84"/>
      <c r="AM9011" s="84"/>
    </row>
    <row r="9012" spans="35:39" x14ac:dyDescent="0.35">
      <c r="AI9012" s="84"/>
      <c r="AM9012" s="84"/>
    </row>
    <row r="9013" spans="35:39" x14ac:dyDescent="0.35">
      <c r="AI9013" s="84"/>
      <c r="AM9013" s="84"/>
    </row>
    <row r="9014" spans="35:39" x14ac:dyDescent="0.35">
      <c r="AI9014" s="84"/>
      <c r="AM9014" s="84"/>
    </row>
    <row r="9015" spans="35:39" x14ac:dyDescent="0.35">
      <c r="AI9015" s="84"/>
      <c r="AM9015" s="84"/>
    </row>
    <row r="9016" spans="35:39" x14ac:dyDescent="0.35">
      <c r="AI9016" s="84"/>
      <c r="AM9016" s="84"/>
    </row>
    <row r="9017" spans="35:39" x14ac:dyDescent="0.35">
      <c r="AI9017" s="84"/>
      <c r="AM9017" s="84"/>
    </row>
    <row r="9018" spans="35:39" x14ac:dyDescent="0.35">
      <c r="AI9018" s="84"/>
      <c r="AM9018" s="84"/>
    </row>
    <row r="9019" spans="35:39" x14ac:dyDescent="0.35">
      <c r="AI9019" s="84"/>
      <c r="AM9019" s="84"/>
    </row>
    <row r="9020" spans="35:39" x14ac:dyDescent="0.35">
      <c r="AI9020" s="84"/>
      <c r="AM9020" s="84"/>
    </row>
    <row r="9021" spans="35:39" x14ac:dyDescent="0.35">
      <c r="AI9021" s="84"/>
      <c r="AM9021" s="84"/>
    </row>
    <row r="9022" spans="35:39" x14ac:dyDescent="0.35">
      <c r="AI9022" s="84"/>
      <c r="AM9022" s="84"/>
    </row>
    <row r="9023" spans="35:39" x14ac:dyDescent="0.35">
      <c r="AI9023" s="84"/>
      <c r="AM9023" s="84"/>
    </row>
    <row r="9024" spans="35:39" x14ac:dyDescent="0.35">
      <c r="AI9024" s="84"/>
      <c r="AM9024" s="84"/>
    </row>
    <row r="9025" spans="35:39" x14ac:dyDescent="0.35">
      <c r="AI9025" s="84"/>
      <c r="AM9025" s="84"/>
    </row>
    <row r="9026" spans="35:39" x14ac:dyDescent="0.35">
      <c r="AI9026" s="84"/>
      <c r="AM9026" s="84"/>
    </row>
    <row r="9027" spans="35:39" x14ac:dyDescent="0.35">
      <c r="AI9027" s="84"/>
      <c r="AM9027" s="84"/>
    </row>
    <row r="9028" spans="35:39" x14ac:dyDescent="0.35">
      <c r="AI9028" s="84"/>
      <c r="AM9028" s="84"/>
    </row>
    <row r="9029" spans="35:39" x14ac:dyDescent="0.35">
      <c r="AI9029" s="84"/>
      <c r="AM9029" s="84"/>
    </row>
    <row r="9030" spans="35:39" x14ac:dyDescent="0.35">
      <c r="AI9030" s="84"/>
      <c r="AM9030" s="84"/>
    </row>
    <row r="9031" spans="35:39" x14ac:dyDescent="0.35">
      <c r="AI9031" s="84"/>
      <c r="AM9031" s="84"/>
    </row>
    <row r="9032" spans="35:39" x14ac:dyDescent="0.35">
      <c r="AI9032" s="84"/>
      <c r="AM9032" s="84"/>
    </row>
    <row r="9033" spans="35:39" x14ac:dyDescent="0.35">
      <c r="AI9033" s="84"/>
      <c r="AM9033" s="84"/>
    </row>
    <row r="9034" spans="35:39" x14ac:dyDescent="0.35">
      <c r="AI9034" s="84"/>
      <c r="AM9034" s="84"/>
    </row>
    <row r="9035" spans="35:39" x14ac:dyDescent="0.35">
      <c r="AI9035" s="84"/>
      <c r="AM9035" s="84"/>
    </row>
    <row r="9036" spans="35:39" x14ac:dyDescent="0.35">
      <c r="AI9036" s="84"/>
      <c r="AM9036" s="84"/>
    </row>
    <row r="9037" spans="35:39" x14ac:dyDescent="0.35">
      <c r="AI9037" s="84"/>
      <c r="AM9037" s="84"/>
    </row>
    <row r="9038" spans="35:39" x14ac:dyDescent="0.35">
      <c r="AI9038" s="84"/>
      <c r="AM9038" s="84"/>
    </row>
    <row r="9039" spans="35:39" x14ac:dyDescent="0.35">
      <c r="AI9039" s="84"/>
      <c r="AM9039" s="84"/>
    </row>
    <row r="9040" spans="35:39" x14ac:dyDescent="0.35">
      <c r="AI9040" s="84"/>
      <c r="AM9040" s="84"/>
    </row>
    <row r="9041" spans="35:39" x14ac:dyDescent="0.35">
      <c r="AI9041" s="84"/>
      <c r="AM9041" s="84"/>
    </row>
    <row r="9042" spans="35:39" x14ac:dyDescent="0.35">
      <c r="AI9042" s="84"/>
      <c r="AM9042" s="84"/>
    </row>
    <row r="9043" spans="35:39" x14ac:dyDescent="0.35">
      <c r="AI9043" s="84"/>
      <c r="AM9043" s="84"/>
    </row>
    <row r="9044" spans="35:39" x14ac:dyDescent="0.35">
      <c r="AI9044" s="84"/>
      <c r="AM9044" s="84"/>
    </row>
    <row r="9045" spans="35:39" x14ac:dyDescent="0.35">
      <c r="AI9045" s="84"/>
      <c r="AM9045" s="84"/>
    </row>
    <row r="9046" spans="35:39" x14ac:dyDescent="0.35">
      <c r="AI9046" s="84"/>
      <c r="AM9046" s="84"/>
    </row>
    <row r="9047" spans="35:39" x14ac:dyDescent="0.35">
      <c r="AI9047" s="84"/>
      <c r="AM9047" s="84"/>
    </row>
    <row r="9048" spans="35:39" x14ac:dyDescent="0.35">
      <c r="AI9048" s="84"/>
      <c r="AM9048" s="84"/>
    </row>
    <row r="9049" spans="35:39" x14ac:dyDescent="0.35">
      <c r="AI9049" s="84"/>
      <c r="AM9049" s="84"/>
    </row>
    <row r="9050" spans="35:39" x14ac:dyDescent="0.35">
      <c r="AI9050" s="84"/>
      <c r="AM9050" s="84"/>
    </row>
    <row r="9051" spans="35:39" x14ac:dyDescent="0.35">
      <c r="AI9051" s="84"/>
      <c r="AM9051" s="84"/>
    </row>
    <row r="9052" spans="35:39" x14ac:dyDescent="0.35">
      <c r="AI9052" s="84"/>
      <c r="AM9052" s="84"/>
    </row>
    <row r="9053" spans="35:39" x14ac:dyDescent="0.35">
      <c r="AI9053" s="84"/>
      <c r="AM9053" s="84"/>
    </row>
    <row r="9054" spans="35:39" x14ac:dyDescent="0.35">
      <c r="AI9054" s="84"/>
      <c r="AM9054" s="84"/>
    </row>
    <row r="9055" spans="35:39" x14ac:dyDescent="0.35">
      <c r="AI9055" s="84"/>
      <c r="AM9055" s="84"/>
    </row>
    <row r="9056" spans="35:39" x14ac:dyDescent="0.35">
      <c r="AI9056" s="84"/>
      <c r="AM9056" s="84"/>
    </row>
    <row r="9057" spans="35:39" x14ac:dyDescent="0.35">
      <c r="AI9057" s="84"/>
      <c r="AM9057" s="84"/>
    </row>
    <row r="9058" spans="35:39" x14ac:dyDescent="0.35">
      <c r="AI9058" s="84"/>
      <c r="AM9058" s="84"/>
    </row>
    <row r="9059" spans="35:39" x14ac:dyDescent="0.35">
      <c r="AI9059" s="84"/>
      <c r="AM9059" s="84"/>
    </row>
    <row r="9060" spans="35:39" x14ac:dyDescent="0.35">
      <c r="AI9060" s="84"/>
      <c r="AM9060" s="84"/>
    </row>
    <row r="9061" spans="35:39" x14ac:dyDescent="0.35">
      <c r="AI9061" s="84"/>
      <c r="AM9061" s="84"/>
    </row>
    <row r="9062" spans="35:39" x14ac:dyDescent="0.35">
      <c r="AI9062" s="84"/>
      <c r="AM9062" s="84"/>
    </row>
    <row r="9063" spans="35:39" x14ac:dyDescent="0.35">
      <c r="AI9063" s="84"/>
      <c r="AM9063" s="84"/>
    </row>
    <row r="9064" spans="35:39" x14ac:dyDescent="0.35">
      <c r="AI9064" s="84"/>
      <c r="AM9064" s="84"/>
    </row>
    <row r="9065" spans="35:39" x14ac:dyDescent="0.35">
      <c r="AI9065" s="84"/>
      <c r="AM9065" s="84"/>
    </row>
    <row r="9066" spans="35:39" x14ac:dyDescent="0.35">
      <c r="AI9066" s="84"/>
      <c r="AM9066" s="84"/>
    </row>
    <row r="9067" spans="35:39" x14ac:dyDescent="0.35">
      <c r="AI9067" s="84"/>
      <c r="AM9067" s="84"/>
    </row>
    <row r="9068" spans="35:39" x14ac:dyDescent="0.35">
      <c r="AI9068" s="84"/>
      <c r="AM9068" s="84"/>
    </row>
    <row r="9069" spans="35:39" x14ac:dyDescent="0.35">
      <c r="AI9069" s="84"/>
      <c r="AM9069" s="84"/>
    </row>
    <row r="9070" spans="35:39" x14ac:dyDescent="0.35">
      <c r="AI9070" s="84"/>
      <c r="AM9070" s="84"/>
    </row>
    <row r="9071" spans="35:39" x14ac:dyDescent="0.35">
      <c r="AI9071" s="84"/>
      <c r="AM9071" s="84"/>
    </row>
    <row r="9072" spans="35:39" x14ac:dyDescent="0.35">
      <c r="AI9072" s="84"/>
      <c r="AM9072" s="84"/>
    </row>
    <row r="9073" spans="35:39" x14ac:dyDescent="0.35">
      <c r="AI9073" s="84"/>
      <c r="AM9073" s="84"/>
    </row>
    <row r="9074" spans="35:39" x14ac:dyDescent="0.35">
      <c r="AI9074" s="84"/>
      <c r="AM9074" s="84"/>
    </row>
    <row r="9075" spans="35:39" x14ac:dyDescent="0.35">
      <c r="AI9075" s="84"/>
      <c r="AM9075" s="84"/>
    </row>
    <row r="9076" spans="35:39" x14ac:dyDescent="0.35">
      <c r="AI9076" s="84"/>
      <c r="AM9076" s="84"/>
    </row>
    <row r="9077" spans="35:39" x14ac:dyDescent="0.35">
      <c r="AI9077" s="84"/>
      <c r="AM9077" s="84"/>
    </row>
    <row r="9078" spans="35:39" x14ac:dyDescent="0.35">
      <c r="AI9078" s="84"/>
      <c r="AM9078" s="84"/>
    </row>
    <row r="9079" spans="35:39" x14ac:dyDescent="0.35">
      <c r="AI9079" s="84"/>
      <c r="AM9079" s="84"/>
    </row>
    <row r="9080" spans="35:39" x14ac:dyDescent="0.35">
      <c r="AI9080" s="84"/>
      <c r="AM9080" s="84"/>
    </row>
    <row r="9081" spans="35:39" x14ac:dyDescent="0.35">
      <c r="AI9081" s="84"/>
      <c r="AM9081" s="84"/>
    </row>
    <row r="9082" spans="35:39" x14ac:dyDescent="0.35">
      <c r="AI9082" s="84"/>
      <c r="AM9082" s="84"/>
    </row>
    <row r="9083" spans="35:39" x14ac:dyDescent="0.35">
      <c r="AI9083" s="84"/>
      <c r="AM9083" s="84"/>
    </row>
    <row r="9084" spans="35:39" x14ac:dyDescent="0.35">
      <c r="AI9084" s="84"/>
      <c r="AM9084" s="84"/>
    </row>
    <row r="9085" spans="35:39" x14ac:dyDescent="0.35">
      <c r="AI9085" s="84"/>
      <c r="AM9085" s="84"/>
    </row>
    <row r="9086" spans="35:39" x14ac:dyDescent="0.35">
      <c r="AI9086" s="84"/>
      <c r="AM9086" s="84"/>
    </row>
    <row r="9087" spans="35:39" x14ac:dyDescent="0.35">
      <c r="AI9087" s="84"/>
      <c r="AM9087" s="84"/>
    </row>
    <row r="9088" spans="35:39" x14ac:dyDescent="0.35">
      <c r="AI9088" s="84"/>
      <c r="AM9088" s="84"/>
    </row>
    <row r="9089" spans="35:39" x14ac:dyDescent="0.35">
      <c r="AI9089" s="84"/>
      <c r="AM9089" s="84"/>
    </row>
    <row r="9090" spans="35:39" x14ac:dyDescent="0.35">
      <c r="AI9090" s="84"/>
      <c r="AM9090" s="84"/>
    </row>
    <row r="9091" spans="35:39" x14ac:dyDescent="0.35">
      <c r="AI9091" s="84"/>
      <c r="AM9091" s="84"/>
    </row>
    <row r="9092" spans="35:39" x14ac:dyDescent="0.35">
      <c r="AI9092" s="84"/>
      <c r="AM9092" s="84"/>
    </row>
    <row r="9093" spans="35:39" x14ac:dyDescent="0.35">
      <c r="AI9093" s="84"/>
      <c r="AM9093" s="84"/>
    </row>
    <row r="9094" spans="35:39" x14ac:dyDescent="0.35">
      <c r="AI9094" s="84"/>
      <c r="AM9094" s="84"/>
    </row>
    <row r="9095" spans="35:39" x14ac:dyDescent="0.35">
      <c r="AI9095" s="84"/>
      <c r="AM9095" s="84"/>
    </row>
    <row r="9096" spans="35:39" x14ac:dyDescent="0.35">
      <c r="AI9096" s="84"/>
      <c r="AM9096" s="84"/>
    </row>
    <row r="9097" spans="35:39" x14ac:dyDescent="0.35">
      <c r="AI9097" s="84"/>
      <c r="AM9097" s="84"/>
    </row>
    <row r="9098" spans="35:39" x14ac:dyDescent="0.35">
      <c r="AI9098" s="84"/>
      <c r="AM9098" s="84"/>
    </row>
    <row r="9099" spans="35:39" x14ac:dyDescent="0.35">
      <c r="AI9099" s="84"/>
      <c r="AM9099" s="84"/>
    </row>
    <row r="9100" spans="35:39" x14ac:dyDescent="0.35">
      <c r="AI9100" s="84"/>
      <c r="AM9100" s="84"/>
    </row>
    <row r="9101" spans="35:39" x14ac:dyDescent="0.35">
      <c r="AI9101" s="84"/>
      <c r="AM9101" s="84"/>
    </row>
    <row r="9102" spans="35:39" x14ac:dyDescent="0.35">
      <c r="AI9102" s="84"/>
      <c r="AM9102" s="84"/>
    </row>
    <row r="9103" spans="35:39" x14ac:dyDescent="0.35">
      <c r="AI9103" s="84"/>
      <c r="AM9103" s="84"/>
    </row>
    <row r="9104" spans="35:39" x14ac:dyDescent="0.35">
      <c r="AI9104" s="84"/>
      <c r="AM9104" s="84"/>
    </row>
    <row r="9105" spans="35:39" x14ac:dyDescent="0.35">
      <c r="AI9105" s="84"/>
      <c r="AM9105" s="84"/>
    </row>
    <row r="9106" spans="35:39" x14ac:dyDescent="0.35">
      <c r="AI9106" s="84"/>
      <c r="AM9106" s="84"/>
    </row>
    <row r="9107" spans="35:39" x14ac:dyDescent="0.35">
      <c r="AI9107" s="84"/>
      <c r="AM9107" s="84"/>
    </row>
    <row r="9108" spans="35:39" x14ac:dyDescent="0.35">
      <c r="AI9108" s="84"/>
      <c r="AM9108" s="84"/>
    </row>
    <row r="9109" spans="35:39" x14ac:dyDescent="0.35">
      <c r="AI9109" s="84"/>
      <c r="AM9109" s="84"/>
    </row>
    <row r="9110" spans="35:39" x14ac:dyDescent="0.35">
      <c r="AI9110" s="84"/>
      <c r="AM9110" s="84"/>
    </row>
    <row r="9111" spans="35:39" x14ac:dyDescent="0.35">
      <c r="AI9111" s="84"/>
      <c r="AM9111" s="84"/>
    </row>
    <row r="9112" spans="35:39" x14ac:dyDescent="0.35">
      <c r="AI9112" s="84"/>
      <c r="AM9112" s="84"/>
    </row>
    <row r="9113" spans="35:39" x14ac:dyDescent="0.35">
      <c r="AI9113" s="84"/>
      <c r="AM9113" s="84"/>
    </row>
    <row r="9114" spans="35:39" x14ac:dyDescent="0.35">
      <c r="AI9114" s="84"/>
      <c r="AM9114" s="84"/>
    </row>
    <row r="9115" spans="35:39" x14ac:dyDescent="0.35">
      <c r="AI9115" s="84"/>
      <c r="AM9115" s="84"/>
    </row>
    <row r="9116" spans="35:39" x14ac:dyDescent="0.35">
      <c r="AI9116" s="84"/>
      <c r="AM9116" s="84"/>
    </row>
    <row r="9117" spans="35:39" x14ac:dyDescent="0.35">
      <c r="AI9117" s="84"/>
      <c r="AM9117" s="84"/>
    </row>
    <row r="9118" spans="35:39" x14ac:dyDescent="0.35">
      <c r="AI9118" s="84"/>
      <c r="AM9118" s="84"/>
    </row>
    <row r="9119" spans="35:39" x14ac:dyDescent="0.35">
      <c r="AI9119" s="84"/>
      <c r="AM9119" s="84"/>
    </row>
    <row r="9120" spans="35:39" x14ac:dyDescent="0.35">
      <c r="AI9120" s="84"/>
      <c r="AM9120" s="84"/>
    </row>
    <row r="9121" spans="35:39" x14ac:dyDescent="0.35">
      <c r="AI9121" s="84"/>
      <c r="AM9121" s="84"/>
    </row>
    <row r="9122" spans="35:39" x14ac:dyDescent="0.35">
      <c r="AI9122" s="84"/>
      <c r="AM9122" s="84"/>
    </row>
    <row r="9123" spans="35:39" x14ac:dyDescent="0.35">
      <c r="AI9123" s="84"/>
      <c r="AM9123" s="84"/>
    </row>
    <row r="9124" spans="35:39" x14ac:dyDescent="0.35">
      <c r="AI9124" s="84"/>
      <c r="AM9124" s="84"/>
    </row>
    <row r="9125" spans="35:39" x14ac:dyDescent="0.35">
      <c r="AI9125" s="84"/>
      <c r="AM9125" s="84"/>
    </row>
    <row r="9126" spans="35:39" x14ac:dyDescent="0.35">
      <c r="AI9126" s="84"/>
      <c r="AM9126" s="84"/>
    </row>
    <row r="9127" spans="35:39" x14ac:dyDescent="0.35">
      <c r="AI9127" s="84"/>
      <c r="AM9127" s="84"/>
    </row>
    <row r="9128" spans="35:39" x14ac:dyDescent="0.35">
      <c r="AI9128" s="84"/>
      <c r="AM9128" s="84"/>
    </row>
    <row r="9129" spans="35:39" x14ac:dyDescent="0.35">
      <c r="AI9129" s="84"/>
      <c r="AM9129" s="84"/>
    </row>
    <row r="9130" spans="35:39" x14ac:dyDescent="0.35">
      <c r="AI9130" s="84"/>
      <c r="AM9130" s="84"/>
    </row>
    <row r="9131" spans="35:39" x14ac:dyDescent="0.35">
      <c r="AI9131" s="84"/>
      <c r="AM9131" s="84"/>
    </row>
    <row r="9132" spans="35:39" x14ac:dyDescent="0.35">
      <c r="AI9132" s="84"/>
      <c r="AM9132" s="84"/>
    </row>
    <row r="9133" spans="35:39" x14ac:dyDescent="0.35">
      <c r="AI9133" s="84"/>
      <c r="AM9133" s="84"/>
    </row>
    <row r="9134" spans="35:39" x14ac:dyDescent="0.35">
      <c r="AI9134" s="84"/>
      <c r="AM9134" s="84"/>
    </row>
    <row r="9135" spans="35:39" x14ac:dyDescent="0.35">
      <c r="AI9135" s="84"/>
      <c r="AM9135" s="84"/>
    </row>
    <row r="9136" spans="35:39" x14ac:dyDescent="0.35">
      <c r="AI9136" s="84"/>
      <c r="AM9136" s="84"/>
    </row>
    <row r="9137" spans="35:39" x14ac:dyDescent="0.35">
      <c r="AI9137" s="84"/>
      <c r="AM9137" s="84"/>
    </row>
    <row r="9138" spans="35:39" x14ac:dyDescent="0.35">
      <c r="AI9138" s="84"/>
      <c r="AM9138" s="84"/>
    </row>
    <row r="9139" spans="35:39" x14ac:dyDescent="0.35">
      <c r="AI9139" s="84"/>
      <c r="AM9139" s="84"/>
    </row>
    <row r="9140" spans="35:39" x14ac:dyDescent="0.35">
      <c r="AI9140" s="84"/>
      <c r="AM9140" s="84"/>
    </row>
    <row r="9141" spans="35:39" x14ac:dyDescent="0.35">
      <c r="AI9141" s="84"/>
      <c r="AM9141" s="84"/>
    </row>
    <row r="9142" spans="35:39" x14ac:dyDescent="0.35">
      <c r="AI9142" s="84"/>
      <c r="AM9142" s="84"/>
    </row>
    <row r="9143" spans="35:39" x14ac:dyDescent="0.35">
      <c r="AI9143" s="84"/>
      <c r="AM9143" s="84"/>
    </row>
    <row r="9144" spans="35:39" x14ac:dyDescent="0.35">
      <c r="AI9144" s="84"/>
      <c r="AM9144" s="84"/>
    </row>
    <row r="9145" spans="35:39" x14ac:dyDescent="0.35">
      <c r="AI9145" s="84"/>
      <c r="AM9145" s="84"/>
    </row>
    <row r="9146" spans="35:39" x14ac:dyDescent="0.35">
      <c r="AI9146" s="84"/>
      <c r="AM9146" s="84"/>
    </row>
    <row r="9147" spans="35:39" x14ac:dyDescent="0.35">
      <c r="AI9147" s="84"/>
      <c r="AM9147" s="84"/>
    </row>
    <row r="9148" spans="35:39" x14ac:dyDescent="0.35">
      <c r="AI9148" s="84"/>
      <c r="AM9148" s="84"/>
    </row>
    <row r="9149" spans="35:39" x14ac:dyDescent="0.35">
      <c r="AI9149" s="84"/>
      <c r="AM9149" s="84"/>
    </row>
    <row r="9150" spans="35:39" x14ac:dyDescent="0.35">
      <c r="AI9150" s="84"/>
      <c r="AM9150" s="84"/>
    </row>
    <row r="9151" spans="35:39" x14ac:dyDescent="0.35">
      <c r="AI9151" s="84"/>
      <c r="AM9151" s="84"/>
    </row>
    <row r="9152" spans="35:39" x14ac:dyDescent="0.35">
      <c r="AI9152" s="84"/>
      <c r="AM9152" s="84"/>
    </row>
    <row r="9153" spans="35:39" x14ac:dyDescent="0.35">
      <c r="AI9153" s="84"/>
      <c r="AM9153" s="84"/>
    </row>
    <row r="9154" spans="35:39" x14ac:dyDescent="0.35">
      <c r="AI9154" s="84"/>
      <c r="AM9154" s="84"/>
    </row>
    <row r="9155" spans="35:39" x14ac:dyDescent="0.35">
      <c r="AI9155" s="84"/>
      <c r="AM9155" s="84"/>
    </row>
    <row r="9156" spans="35:39" x14ac:dyDescent="0.35">
      <c r="AI9156" s="84"/>
      <c r="AM9156" s="84"/>
    </row>
    <row r="9157" spans="35:39" x14ac:dyDescent="0.35">
      <c r="AI9157" s="84"/>
      <c r="AM9157" s="84"/>
    </row>
    <row r="9158" spans="35:39" x14ac:dyDescent="0.35">
      <c r="AI9158" s="84"/>
      <c r="AM9158" s="84"/>
    </row>
    <row r="9159" spans="35:39" x14ac:dyDescent="0.35">
      <c r="AI9159" s="84"/>
      <c r="AM9159" s="84"/>
    </row>
    <row r="9160" spans="35:39" x14ac:dyDescent="0.35">
      <c r="AI9160" s="84"/>
      <c r="AM9160" s="84"/>
    </row>
    <row r="9161" spans="35:39" x14ac:dyDescent="0.35">
      <c r="AI9161" s="84"/>
      <c r="AM9161" s="84"/>
    </row>
    <row r="9162" spans="35:39" x14ac:dyDescent="0.35">
      <c r="AI9162" s="84"/>
      <c r="AM9162" s="84"/>
    </row>
    <row r="9163" spans="35:39" x14ac:dyDescent="0.35">
      <c r="AI9163" s="84"/>
      <c r="AM9163" s="84"/>
    </row>
    <row r="9164" spans="35:39" x14ac:dyDescent="0.35">
      <c r="AI9164" s="84"/>
      <c r="AM9164" s="84"/>
    </row>
    <row r="9165" spans="35:39" x14ac:dyDescent="0.35">
      <c r="AI9165" s="84"/>
      <c r="AM9165" s="84"/>
    </row>
    <row r="9166" spans="35:39" x14ac:dyDescent="0.35">
      <c r="AI9166" s="84"/>
      <c r="AM9166" s="84"/>
    </row>
    <row r="9167" spans="35:39" x14ac:dyDescent="0.35">
      <c r="AI9167" s="84"/>
      <c r="AM9167" s="84"/>
    </row>
    <row r="9168" spans="35:39" x14ac:dyDescent="0.35">
      <c r="AI9168" s="84"/>
      <c r="AM9168" s="84"/>
    </row>
    <row r="9169" spans="35:39" x14ac:dyDescent="0.35">
      <c r="AI9169" s="84"/>
      <c r="AM9169" s="84"/>
    </row>
    <row r="9170" spans="35:39" x14ac:dyDescent="0.35">
      <c r="AI9170" s="84"/>
      <c r="AM9170" s="84"/>
    </row>
    <row r="9171" spans="35:39" x14ac:dyDescent="0.35">
      <c r="AI9171" s="84"/>
      <c r="AM9171" s="84"/>
    </row>
    <row r="9172" spans="35:39" x14ac:dyDescent="0.35">
      <c r="AI9172" s="84"/>
      <c r="AM9172" s="84"/>
    </row>
    <row r="9173" spans="35:39" x14ac:dyDescent="0.35">
      <c r="AI9173" s="84"/>
      <c r="AM9173" s="84"/>
    </row>
    <row r="9174" spans="35:39" x14ac:dyDescent="0.35">
      <c r="AI9174" s="84"/>
      <c r="AM9174" s="84"/>
    </row>
    <row r="9175" spans="35:39" x14ac:dyDescent="0.35">
      <c r="AI9175" s="84"/>
      <c r="AM9175" s="84"/>
    </row>
    <row r="9176" spans="35:39" x14ac:dyDescent="0.35">
      <c r="AI9176" s="84"/>
      <c r="AM9176" s="84"/>
    </row>
    <row r="9177" spans="35:39" x14ac:dyDescent="0.35">
      <c r="AI9177" s="84"/>
      <c r="AM9177" s="84"/>
    </row>
    <row r="9178" spans="35:39" x14ac:dyDescent="0.35">
      <c r="AI9178" s="84"/>
      <c r="AM9178" s="84"/>
    </row>
    <row r="9179" spans="35:39" x14ac:dyDescent="0.35">
      <c r="AI9179" s="84"/>
      <c r="AM9179" s="84"/>
    </row>
    <row r="9180" spans="35:39" x14ac:dyDescent="0.35">
      <c r="AI9180" s="84"/>
      <c r="AM9180" s="84"/>
    </row>
    <row r="9181" spans="35:39" x14ac:dyDescent="0.35">
      <c r="AI9181" s="84"/>
      <c r="AM9181" s="84"/>
    </row>
    <row r="9182" spans="35:39" x14ac:dyDescent="0.35">
      <c r="AI9182" s="84"/>
      <c r="AM9182" s="84"/>
    </row>
    <row r="9183" spans="35:39" x14ac:dyDescent="0.35">
      <c r="AI9183" s="84"/>
      <c r="AM9183" s="84"/>
    </row>
    <row r="9184" spans="35:39" x14ac:dyDescent="0.35">
      <c r="AI9184" s="84"/>
      <c r="AM9184" s="84"/>
    </row>
    <row r="9185" spans="35:39" x14ac:dyDescent="0.35">
      <c r="AI9185" s="84"/>
      <c r="AM9185" s="84"/>
    </row>
    <row r="9186" spans="35:39" x14ac:dyDescent="0.35">
      <c r="AI9186" s="84"/>
      <c r="AM9186" s="84"/>
    </row>
    <row r="9187" spans="35:39" x14ac:dyDescent="0.35">
      <c r="AI9187" s="84"/>
      <c r="AM9187" s="84"/>
    </row>
    <row r="9188" spans="35:39" x14ac:dyDescent="0.35">
      <c r="AI9188" s="84"/>
      <c r="AM9188" s="84"/>
    </row>
    <row r="9189" spans="35:39" x14ac:dyDescent="0.35">
      <c r="AI9189" s="84"/>
      <c r="AM9189" s="84"/>
    </row>
    <row r="9190" spans="35:39" x14ac:dyDescent="0.35">
      <c r="AI9190" s="84"/>
      <c r="AM9190" s="84"/>
    </row>
    <row r="9191" spans="35:39" x14ac:dyDescent="0.35">
      <c r="AI9191" s="84"/>
      <c r="AM9191" s="84"/>
    </row>
    <row r="9192" spans="35:39" x14ac:dyDescent="0.35">
      <c r="AI9192" s="84"/>
      <c r="AM9192" s="84"/>
    </row>
    <row r="9193" spans="35:39" x14ac:dyDescent="0.35">
      <c r="AI9193" s="84"/>
      <c r="AM9193" s="84"/>
    </row>
    <row r="9194" spans="35:39" x14ac:dyDescent="0.35">
      <c r="AI9194" s="84"/>
      <c r="AM9194" s="84"/>
    </row>
    <row r="9195" spans="35:39" x14ac:dyDescent="0.35">
      <c r="AI9195" s="84"/>
      <c r="AM9195" s="84"/>
    </row>
    <row r="9196" spans="35:39" x14ac:dyDescent="0.35">
      <c r="AI9196" s="84"/>
      <c r="AM9196" s="84"/>
    </row>
    <row r="9197" spans="35:39" x14ac:dyDescent="0.35">
      <c r="AI9197" s="84"/>
      <c r="AM9197" s="84"/>
    </row>
    <row r="9198" spans="35:39" x14ac:dyDescent="0.35">
      <c r="AI9198" s="84"/>
      <c r="AM9198" s="84"/>
    </row>
    <row r="9199" spans="35:39" x14ac:dyDescent="0.35">
      <c r="AI9199" s="84"/>
      <c r="AM9199" s="84"/>
    </row>
    <row r="9200" spans="35:39" x14ac:dyDescent="0.35">
      <c r="AI9200" s="84"/>
      <c r="AM9200" s="84"/>
    </row>
    <row r="9201" spans="35:39" x14ac:dyDescent="0.35">
      <c r="AI9201" s="84"/>
      <c r="AM9201" s="84"/>
    </row>
    <row r="9202" spans="35:39" x14ac:dyDescent="0.35">
      <c r="AI9202" s="84"/>
      <c r="AM9202" s="84"/>
    </row>
    <row r="9203" spans="35:39" x14ac:dyDescent="0.35">
      <c r="AI9203" s="84"/>
      <c r="AM9203" s="84"/>
    </row>
    <row r="9204" spans="35:39" x14ac:dyDescent="0.35">
      <c r="AI9204" s="84"/>
      <c r="AM9204" s="84"/>
    </row>
    <row r="9205" spans="35:39" x14ac:dyDescent="0.35">
      <c r="AI9205" s="84"/>
      <c r="AM9205" s="84"/>
    </row>
    <row r="9206" spans="35:39" x14ac:dyDescent="0.35">
      <c r="AI9206" s="84"/>
      <c r="AM9206" s="84"/>
    </row>
    <row r="9207" spans="35:39" x14ac:dyDescent="0.35">
      <c r="AI9207" s="84"/>
      <c r="AM9207" s="84"/>
    </row>
    <row r="9208" spans="35:39" x14ac:dyDescent="0.35">
      <c r="AI9208" s="84"/>
      <c r="AM9208" s="84"/>
    </row>
    <row r="9209" spans="35:39" x14ac:dyDescent="0.35">
      <c r="AI9209" s="84"/>
      <c r="AM9209" s="84"/>
    </row>
    <row r="9210" spans="35:39" x14ac:dyDescent="0.35">
      <c r="AI9210" s="84"/>
      <c r="AM9210" s="84"/>
    </row>
    <row r="9211" spans="35:39" x14ac:dyDescent="0.35">
      <c r="AI9211" s="84"/>
      <c r="AM9211" s="84"/>
    </row>
    <row r="9212" spans="35:39" x14ac:dyDescent="0.35">
      <c r="AI9212" s="84"/>
      <c r="AM9212" s="84"/>
    </row>
    <row r="9213" spans="35:39" x14ac:dyDescent="0.35">
      <c r="AI9213" s="84"/>
      <c r="AM9213" s="84"/>
    </row>
    <row r="9214" spans="35:39" x14ac:dyDescent="0.35">
      <c r="AI9214" s="84"/>
      <c r="AM9214" s="84"/>
    </row>
    <row r="9215" spans="35:39" x14ac:dyDescent="0.35">
      <c r="AI9215" s="84"/>
      <c r="AM9215" s="84"/>
    </row>
    <row r="9216" spans="35:39" x14ac:dyDescent="0.35">
      <c r="AI9216" s="84"/>
      <c r="AM9216" s="84"/>
    </row>
    <row r="9217" spans="35:39" x14ac:dyDescent="0.35">
      <c r="AI9217" s="84"/>
      <c r="AM9217" s="84"/>
    </row>
    <row r="9218" spans="35:39" x14ac:dyDescent="0.35">
      <c r="AI9218" s="84"/>
      <c r="AM9218" s="84"/>
    </row>
    <row r="9219" spans="35:39" x14ac:dyDescent="0.35">
      <c r="AI9219" s="84"/>
      <c r="AM9219" s="84"/>
    </row>
    <row r="9220" spans="35:39" x14ac:dyDescent="0.35">
      <c r="AI9220" s="84"/>
      <c r="AM9220" s="84"/>
    </row>
    <row r="9221" spans="35:39" x14ac:dyDescent="0.35">
      <c r="AI9221" s="84"/>
      <c r="AM9221" s="84"/>
    </row>
    <row r="9222" spans="35:39" x14ac:dyDescent="0.35">
      <c r="AI9222" s="84"/>
      <c r="AM9222" s="84"/>
    </row>
    <row r="9223" spans="35:39" x14ac:dyDescent="0.35">
      <c r="AI9223" s="84"/>
      <c r="AM9223" s="84"/>
    </row>
    <row r="9224" spans="35:39" x14ac:dyDescent="0.35">
      <c r="AI9224" s="84"/>
      <c r="AM9224" s="84"/>
    </row>
    <row r="9225" spans="35:39" x14ac:dyDescent="0.35">
      <c r="AI9225" s="84"/>
      <c r="AM9225" s="84"/>
    </row>
    <row r="9226" spans="35:39" x14ac:dyDescent="0.35">
      <c r="AI9226" s="84"/>
      <c r="AM9226" s="84"/>
    </row>
    <row r="9227" spans="35:39" x14ac:dyDescent="0.35">
      <c r="AI9227" s="84"/>
      <c r="AM9227" s="84"/>
    </row>
    <row r="9228" spans="35:39" x14ac:dyDescent="0.35">
      <c r="AI9228" s="84"/>
      <c r="AM9228" s="84"/>
    </row>
    <row r="9229" spans="35:39" x14ac:dyDescent="0.35">
      <c r="AI9229" s="84"/>
      <c r="AM9229" s="84"/>
    </row>
    <row r="9230" spans="35:39" x14ac:dyDescent="0.35">
      <c r="AI9230" s="84"/>
      <c r="AM9230" s="84"/>
    </row>
    <row r="9231" spans="35:39" x14ac:dyDescent="0.35">
      <c r="AI9231" s="84"/>
      <c r="AM9231" s="84"/>
    </row>
    <row r="9232" spans="35:39" x14ac:dyDescent="0.35">
      <c r="AI9232" s="84"/>
      <c r="AM9232" s="84"/>
    </row>
    <row r="9233" spans="35:39" x14ac:dyDescent="0.35">
      <c r="AI9233" s="84"/>
      <c r="AM9233" s="84"/>
    </row>
    <row r="9234" spans="35:39" x14ac:dyDescent="0.35">
      <c r="AI9234" s="84"/>
      <c r="AM9234" s="84"/>
    </row>
    <row r="9235" spans="35:39" x14ac:dyDescent="0.35">
      <c r="AI9235" s="84"/>
      <c r="AM9235" s="84"/>
    </row>
    <row r="9236" spans="35:39" x14ac:dyDescent="0.35">
      <c r="AI9236" s="84"/>
      <c r="AM9236" s="84"/>
    </row>
    <row r="9237" spans="35:39" x14ac:dyDescent="0.35">
      <c r="AI9237" s="84"/>
      <c r="AM9237" s="84"/>
    </row>
    <row r="9238" spans="35:39" x14ac:dyDescent="0.35">
      <c r="AI9238" s="84"/>
      <c r="AM9238" s="84"/>
    </row>
    <row r="9239" spans="35:39" x14ac:dyDescent="0.35">
      <c r="AI9239" s="84"/>
      <c r="AM9239" s="84"/>
    </row>
    <row r="9240" spans="35:39" x14ac:dyDescent="0.35">
      <c r="AI9240" s="84"/>
      <c r="AM9240" s="84"/>
    </row>
    <row r="9241" spans="35:39" x14ac:dyDescent="0.35">
      <c r="AI9241" s="84"/>
      <c r="AM9241" s="84"/>
    </row>
    <row r="9242" spans="35:39" x14ac:dyDescent="0.35">
      <c r="AI9242" s="84"/>
      <c r="AM9242" s="84"/>
    </row>
    <row r="9243" spans="35:39" x14ac:dyDescent="0.35">
      <c r="AI9243" s="84"/>
      <c r="AM9243" s="84"/>
    </row>
    <row r="9244" spans="35:39" x14ac:dyDescent="0.35">
      <c r="AI9244" s="84"/>
      <c r="AM9244" s="84"/>
    </row>
    <row r="9245" spans="35:39" x14ac:dyDescent="0.35">
      <c r="AI9245" s="84"/>
      <c r="AM9245" s="84"/>
    </row>
    <row r="9246" spans="35:39" x14ac:dyDescent="0.35">
      <c r="AI9246" s="84"/>
      <c r="AM9246" s="84"/>
    </row>
    <row r="9247" spans="35:39" x14ac:dyDescent="0.35">
      <c r="AI9247" s="84"/>
      <c r="AM9247" s="84"/>
    </row>
    <row r="9248" spans="35:39" x14ac:dyDescent="0.35">
      <c r="AI9248" s="84"/>
      <c r="AM9248" s="84"/>
    </row>
    <row r="9249" spans="35:39" x14ac:dyDescent="0.35">
      <c r="AI9249" s="84"/>
      <c r="AM9249" s="84"/>
    </row>
    <row r="9250" spans="35:39" x14ac:dyDescent="0.35">
      <c r="AI9250" s="84"/>
      <c r="AM9250" s="84"/>
    </row>
    <row r="9251" spans="35:39" x14ac:dyDescent="0.35">
      <c r="AI9251" s="84"/>
      <c r="AM9251" s="84"/>
    </row>
    <row r="9252" spans="35:39" x14ac:dyDescent="0.35">
      <c r="AI9252" s="84"/>
      <c r="AM9252" s="84"/>
    </row>
    <row r="9253" spans="35:39" x14ac:dyDescent="0.35">
      <c r="AI9253" s="84"/>
      <c r="AM9253" s="84"/>
    </row>
    <row r="9254" spans="35:39" x14ac:dyDescent="0.35">
      <c r="AI9254" s="84"/>
      <c r="AM9254" s="84"/>
    </row>
    <row r="9255" spans="35:39" x14ac:dyDescent="0.35">
      <c r="AI9255" s="84"/>
      <c r="AM9255" s="84"/>
    </row>
    <row r="9256" spans="35:39" x14ac:dyDescent="0.35">
      <c r="AI9256" s="84"/>
      <c r="AM9256" s="84"/>
    </row>
    <row r="9257" spans="35:39" x14ac:dyDescent="0.35">
      <c r="AI9257" s="84"/>
      <c r="AM9257" s="84"/>
    </row>
    <row r="9258" spans="35:39" x14ac:dyDescent="0.35">
      <c r="AI9258" s="84"/>
      <c r="AM9258" s="84"/>
    </row>
    <row r="9259" spans="35:39" x14ac:dyDescent="0.35">
      <c r="AI9259" s="84"/>
      <c r="AM9259" s="84"/>
    </row>
    <row r="9260" spans="35:39" x14ac:dyDescent="0.35">
      <c r="AI9260" s="84"/>
      <c r="AM9260" s="84"/>
    </row>
    <row r="9261" spans="35:39" x14ac:dyDescent="0.35">
      <c r="AI9261" s="84"/>
      <c r="AM9261" s="84"/>
    </row>
    <row r="9262" spans="35:39" x14ac:dyDescent="0.35">
      <c r="AI9262" s="84"/>
      <c r="AM9262" s="84"/>
    </row>
    <row r="9263" spans="35:39" x14ac:dyDescent="0.35">
      <c r="AI9263" s="84"/>
      <c r="AM9263" s="84"/>
    </row>
    <row r="9264" spans="35:39" x14ac:dyDescent="0.35">
      <c r="AI9264" s="84"/>
      <c r="AM9264" s="84"/>
    </row>
    <row r="9265" spans="35:39" x14ac:dyDescent="0.35">
      <c r="AI9265" s="84"/>
      <c r="AM9265" s="84"/>
    </row>
    <row r="9266" spans="35:39" x14ac:dyDescent="0.35">
      <c r="AI9266" s="84"/>
      <c r="AM9266" s="84"/>
    </row>
    <row r="9267" spans="35:39" x14ac:dyDescent="0.35">
      <c r="AI9267" s="84"/>
      <c r="AM9267" s="84"/>
    </row>
    <row r="9268" spans="35:39" x14ac:dyDescent="0.35">
      <c r="AI9268" s="84"/>
      <c r="AM9268" s="84"/>
    </row>
    <row r="9269" spans="35:39" x14ac:dyDescent="0.35">
      <c r="AI9269" s="84"/>
      <c r="AM9269" s="84"/>
    </row>
    <row r="9270" spans="35:39" x14ac:dyDescent="0.35">
      <c r="AI9270" s="84"/>
      <c r="AM9270" s="84"/>
    </row>
    <row r="9271" spans="35:39" x14ac:dyDescent="0.35">
      <c r="AI9271" s="84"/>
      <c r="AM9271" s="84"/>
    </row>
    <row r="9272" spans="35:39" x14ac:dyDescent="0.35">
      <c r="AI9272" s="84"/>
      <c r="AM9272" s="84"/>
    </row>
    <row r="9273" spans="35:39" x14ac:dyDescent="0.35">
      <c r="AI9273" s="84"/>
      <c r="AM9273" s="84"/>
    </row>
    <row r="9274" spans="35:39" x14ac:dyDescent="0.35">
      <c r="AI9274" s="84"/>
      <c r="AM9274" s="84"/>
    </row>
    <row r="9275" spans="35:39" x14ac:dyDescent="0.35">
      <c r="AI9275" s="84"/>
      <c r="AM9275" s="84"/>
    </row>
    <row r="9276" spans="35:39" x14ac:dyDescent="0.35">
      <c r="AI9276" s="84"/>
      <c r="AM9276" s="84"/>
    </row>
    <row r="9277" spans="35:39" x14ac:dyDescent="0.35">
      <c r="AI9277" s="84"/>
      <c r="AM9277" s="84"/>
    </row>
    <row r="9278" spans="35:39" x14ac:dyDescent="0.35">
      <c r="AI9278" s="84"/>
      <c r="AM9278" s="84"/>
    </row>
    <row r="9279" spans="35:39" x14ac:dyDescent="0.35">
      <c r="AI9279" s="84"/>
      <c r="AM9279" s="84"/>
    </row>
    <row r="9280" spans="35:39" x14ac:dyDescent="0.35">
      <c r="AI9280" s="84"/>
      <c r="AM9280" s="84"/>
    </row>
    <row r="9281" spans="35:39" x14ac:dyDescent="0.35">
      <c r="AI9281" s="84"/>
      <c r="AM9281" s="84"/>
    </row>
    <row r="9282" spans="35:39" x14ac:dyDescent="0.35">
      <c r="AI9282" s="84"/>
      <c r="AM9282" s="84"/>
    </row>
    <row r="9283" spans="35:39" x14ac:dyDescent="0.35">
      <c r="AI9283" s="84"/>
      <c r="AM9283" s="84"/>
    </row>
    <row r="9284" spans="35:39" x14ac:dyDescent="0.35">
      <c r="AI9284" s="84"/>
      <c r="AM9284" s="84"/>
    </row>
    <row r="9285" spans="35:39" x14ac:dyDescent="0.35">
      <c r="AI9285" s="84"/>
      <c r="AM9285" s="84"/>
    </row>
    <row r="9286" spans="35:39" x14ac:dyDescent="0.35">
      <c r="AI9286" s="84"/>
      <c r="AM9286" s="84"/>
    </row>
    <row r="9287" spans="35:39" x14ac:dyDescent="0.35">
      <c r="AI9287" s="84"/>
      <c r="AM9287" s="84"/>
    </row>
    <row r="9288" spans="35:39" x14ac:dyDescent="0.35">
      <c r="AI9288" s="84"/>
      <c r="AM9288" s="84"/>
    </row>
    <row r="9289" spans="35:39" x14ac:dyDescent="0.35">
      <c r="AI9289" s="84"/>
      <c r="AM9289" s="84"/>
    </row>
    <row r="9290" spans="35:39" x14ac:dyDescent="0.35">
      <c r="AI9290" s="84"/>
      <c r="AM9290" s="84"/>
    </row>
    <row r="9291" spans="35:39" x14ac:dyDescent="0.35">
      <c r="AI9291" s="84"/>
      <c r="AM9291" s="84"/>
    </row>
    <row r="9292" spans="35:39" x14ac:dyDescent="0.35">
      <c r="AI9292" s="84"/>
      <c r="AM9292" s="84"/>
    </row>
    <row r="9293" spans="35:39" x14ac:dyDescent="0.35">
      <c r="AI9293" s="84"/>
      <c r="AM9293" s="84"/>
    </row>
    <row r="9294" spans="35:39" x14ac:dyDescent="0.35">
      <c r="AI9294" s="84"/>
      <c r="AM9294" s="84"/>
    </row>
    <row r="9295" spans="35:39" x14ac:dyDescent="0.35">
      <c r="AI9295" s="84"/>
      <c r="AM9295" s="84"/>
    </row>
    <row r="9296" spans="35:39" x14ac:dyDescent="0.35">
      <c r="AI9296" s="84"/>
      <c r="AM9296" s="84"/>
    </row>
    <row r="9297" spans="35:39" x14ac:dyDescent="0.35">
      <c r="AI9297" s="84"/>
      <c r="AM9297" s="84"/>
    </row>
    <row r="9298" spans="35:39" x14ac:dyDescent="0.35">
      <c r="AI9298" s="84"/>
      <c r="AM9298" s="84"/>
    </row>
    <row r="9299" spans="35:39" x14ac:dyDescent="0.35">
      <c r="AI9299" s="84"/>
      <c r="AM9299" s="84"/>
    </row>
    <row r="9300" spans="35:39" x14ac:dyDescent="0.35">
      <c r="AI9300" s="84"/>
      <c r="AM9300" s="84"/>
    </row>
    <row r="9301" spans="35:39" x14ac:dyDescent="0.35">
      <c r="AI9301" s="84"/>
      <c r="AM9301" s="84"/>
    </row>
    <row r="9302" spans="35:39" x14ac:dyDescent="0.35">
      <c r="AI9302" s="84"/>
      <c r="AM9302" s="84"/>
    </row>
    <row r="9303" spans="35:39" x14ac:dyDescent="0.35">
      <c r="AI9303" s="84"/>
      <c r="AM9303" s="84"/>
    </row>
    <row r="9304" spans="35:39" x14ac:dyDescent="0.35">
      <c r="AI9304" s="84"/>
      <c r="AM9304" s="84"/>
    </row>
    <row r="9305" spans="35:39" x14ac:dyDescent="0.35">
      <c r="AI9305" s="84"/>
      <c r="AM9305" s="84"/>
    </row>
    <row r="9306" spans="35:39" x14ac:dyDescent="0.35">
      <c r="AI9306" s="84"/>
      <c r="AM9306" s="84"/>
    </row>
    <row r="9307" spans="35:39" x14ac:dyDescent="0.35">
      <c r="AI9307" s="84"/>
      <c r="AM9307" s="84"/>
    </row>
    <row r="9308" spans="35:39" x14ac:dyDescent="0.35">
      <c r="AI9308" s="84"/>
      <c r="AM9308" s="84"/>
    </row>
    <row r="9309" spans="35:39" x14ac:dyDescent="0.35">
      <c r="AI9309" s="84"/>
      <c r="AM9309" s="84"/>
    </row>
    <row r="9310" spans="35:39" x14ac:dyDescent="0.35">
      <c r="AI9310" s="84"/>
      <c r="AM9310" s="84"/>
    </row>
    <row r="9311" spans="35:39" x14ac:dyDescent="0.35">
      <c r="AI9311" s="84"/>
      <c r="AM9311" s="84"/>
    </row>
    <row r="9312" spans="35:39" x14ac:dyDescent="0.35">
      <c r="AI9312" s="84"/>
      <c r="AM9312" s="84"/>
    </row>
    <row r="9313" spans="35:39" x14ac:dyDescent="0.35">
      <c r="AI9313" s="84"/>
      <c r="AM9313" s="84"/>
    </row>
    <row r="9314" spans="35:39" x14ac:dyDescent="0.35">
      <c r="AI9314" s="84"/>
      <c r="AM9314" s="84"/>
    </row>
    <row r="9315" spans="35:39" x14ac:dyDescent="0.35">
      <c r="AI9315" s="84"/>
      <c r="AM9315" s="84"/>
    </row>
    <row r="9316" spans="35:39" x14ac:dyDescent="0.35">
      <c r="AI9316" s="84"/>
      <c r="AM9316" s="84"/>
    </row>
    <row r="9317" spans="35:39" x14ac:dyDescent="0.35">
      <c r="AI9317" s="84"/>
      <c r="AM9317" s="84"/>
    </row>
    <row r="9318" spans="35:39" x14ac:dyDescent="0.35">
      <c r="AI9318" s="84"/>
      <c r="AM9318" s="84"/>
    </row>
    <row r="9319" spans="35:39" x14ac:dyDescent="0.35">
      <c r="AI9319" s="84"/>
      <c r="AM9319" s="84"/>
    </row>
    <row r="9320" spans="35:39" x14ac:dyDescent="0.35">
      <c r="AI9320" s="84"/>
      <c r="AM9320" s="84"/>
    </row>
    <row r="9321" spans="35:39" x14ac:dyDescent="0.35">
      <c r="AI9321" s="84"/>
      <c r="AM9321" s="84"/>
    </row>
    <row r="9322" spans="35:39" x14ac:dyDescent="0.35">
      <c r="AI9322" s="84"/>
      <c r="AM9322" s="84"/>
    </row>
    <row r="9323" spans="35:39" x14ac:dyDescent="0.35">
      <c r="AI9323" s="84"/>
      <c r="AM9323" s="84"/>
    </row>
    <row r="9324" spans="35:39" x14ac:dyDescent="0.35">
      <c r="AI9324" s="84"/>
      <c r="AM9324" s="84"/>
    </row>
    <row r="9325" spans="35:39" x14ac:dyDescent="0.35">
      <c r="AI9325" s="84"/>
      <c r="AM9325" s="84"/>
    </row>
    <row r="9326" spans="35:39" x14ac:dyDescent="0.35">
      <c r="AI9326" s="84"/>
      <c r="AM9326" s="84"/>
    </row>
    <row r="9327" spans="35:39" x14ac:dyDescent="0.35">
      <c r="AI9327" s="84"/>
      <c r="AM9327" s="84"/>
    </row>
    <row r="9328" spans="35:39" x14ac:dyDescent="0.35">
      <c r="AI9328" s="84"/>
      <c r="AM9328" s="84"/>
    </row>
    <row r="9329" spans="35:39" x14ac:dyDescent="0.35">
      <c r="AI9329" s="84"/>
      <c r="AM9329" s="84"/>
    </row>
    <row r="9330" spans="35:39" x14ac:dyDescent="0.35">
      <c r="AI9330" s="84"/>
      <c r="AM9330" s="84"/>
    </row>
    <row r="9331" spans="35:39" x14ac:dyDescent="0.35">
      <c r="AI9331" s="84"/>
      <c r="AM9331" s="84"/>
    </row>
    <row r="9332" spans="35:39" x14ac:dyDescent="0.35">
      <c r="AI9332" s="84"/>
      <c r="AM9332" s="84"/>
    </row>
    <row r="9333" spans="35:39" x14ac:dyDescent="0.35">
      <c r="AI9333" s="84"/>
      <c r="AM9333" s="84"/>
    </row>
    <row r="9334" spans="35:39" x14ac:dyDescent="0.35">
      <c r="AI9334" s="84"/>
      <c r="AM9334" s="84"/>
    </row>
    <row r="9335" spans="35:39" x14ac:dyDescent="0.35">
      <c r="AI9335" s="84"/>
      <c r="AM9335" s="84"/>
    </row>
    <row r="9336" spans="35:39" x14ac:dyDescent="0.35">
      <c r="AI9336" s="84"/>
      <c r="AM9336" s="84"/>
    </row>
    <row r="9337" spans="35:39" x14ac:dyDescent="0.35">
      <c r="AI9337" s="84"/>
      <c r="AM9337" s="84"/>
    </row>
    <row r="9338" spans="35:39" x14ac:dyDescent="0.35">
      <c r="AI9338" s="84"/>
      <c r="AM9338" s="84"/>
    </row>
    <row r="9339" spans="35:39" x14ac:dyDescent="0.35">
      <c r="AI9339" s="84"/>
      <c r="AM9339" s="84"/>
    </row>
    <row r="9340" spans="35:39" x14ac:dyDescent="0.35">
      <c r="AI9340" s="84"/>
      <c r="AM9340" s="84"/>
    </row>
    <row r="9341" spans="35:39" x14ac:dyDescent="0.35">
      <c r="AI9341" s="84"/>
      <c r="AM9341" s="84"/>
    </row>
    <row r="9342" spans="35:39" x14ac:dyDescent="0.35">
      <c r="AI9342" s="84"/>
      <c r="AM9342" s="84"/>
    </row>
    <row r="9343" spans="35:39" x14ac:dyDescent="0.35">
      <c r="AI9343" s="84"/>
      <c r="AM9343" s="84"/>
    </row>
    <row r="9344" spans="35:39" x14ac:dyDescent="0.35">
      <c r="AI9344" s="84"/>
      <c r="AM9344" s="84"/>
    </row>
    <row r="9345" spans="35:39" x14ac:dyDescent="0.35">
      <c r="AI9345" s="84"/>
      <c r="AM9345" s="84"/>
    </row>
    <row r="9346" spans="35:39" x14ac:dyDescent="0.35">
      <c r="AI9346" s="84"/>
      <c r="AM9346" s="84"/>
    </row>
    <row r="9347" spans="35:39" x14ac:dyDescent="0.35">
      <c r="AI9347" s="84"/>
      <c r="AM9347" s="84"/>
    </row>
    <row r="9348" spans="35:39" x14ac:dyDescent="0.35">
      <c r="AI9348" s="84"/>
      <c r="AM9348" s="84"/>
    </row>
    <row r="9349" spans="35:39" x14ac:dyDescent="0.35">
      <c r="AI9349" s="84"/>
      <c r="AM9349" s="84"/>
    </row>
    <row r="9350" spans="35:39" x14ac:dyDescent="0.35">
      <c r="AI9350" s="84"/>
      <c r="AM9350" s="84"/>
    </row>
    <row r="9351" spans="35:39" x14ac:dyDescent="0.35">
      <c r="AI9351" s="84"/>
      <c r="AM9351" s="84"/>
    </row>
    <row r="9352" spans="35:39" x14ac:dyDescent="0.35">
      <c r="AI9352" s="84"/>
      <c r="AM9352" s="84"/>
    </row>
    <row r="9353" spans="35:39" x14ac:dyDescent="0.35">
      <c r="AI9353" s="84"/>
      <c r="AM9353" s="84"/>
    </row>
    <row r="9354" spans="35:39" x14ac:dyDescent="0.35">
      <c r="AI9354" s="84"/>
      <c r="AM9354" s="84"/>
    </row>
    <row r="9355" spans="35:39" x14ac:dyDescent="0.35">
      <c r="AI9355" s="84"/>
      <c r="AM9355" s="84"/>
    </row>
    <row r="9356" spans="35:39" x14ac:dyDescent="0.35">
      <c r="AI9356" s="84"/>
      <c r="AM9356" s="84"/>
    </row>
    <row r="9357" spans="35:39" x14ac:dyDescent="0.35">
      <c r="AI9357" s="84"/>
      <c r="AM9357" s="84"/>
    </row>
    <row r="9358" spans="35:39" x14ac:dyDescent="0.35">
      <c r="AI9358" s="84"/>
      <c r="AM9358" s="84"/>
    </row>
    <row r="9359" spans="35:39" x14ac:dyDescent="0.35">
      <c r="AI9359" s="84"/>
      <c r="AM9359" s="84"/>
    </row>
    <row r="9360" spans="35:39" x14ac:dyDescent="0.35">
      <c r="AI9360" s="84"/>
      <c r="AM9360" s="84"/>
    </row>
    <row r="9361" spans="35:39" x14ac:dyDescent="0.35">
      <c r="AI9361" s="84"/>
      <c r="AM9361" s="84"/>
    </row>
    <row r="9362" spans="35:39" x14ac:dyDescent="0.35">
      <c r="AI9362" s="84"/>
      <c r="AM9362" s="84"/>
    </row>
    <row r="9363" spans="35:39" x14ac:dyDescent="0.35">
      <c r="AI9363" s="84"/>
      <c r="AM9363" s="84"/>
    </row>
    <row r="9364" spans="35:39" x14ac:dyDescent="0.35">
      <c r="AI9364" s="84"/>
      <c r="AM9364" s="84"/>
    </row>
    <row r="9365" spans="35:39" x14ac:dyDescent="0.35">
      <c r="AI9365" s="84"/>
      <c r="AM9365" s="84"/>
    </row>
    <row r="9366" spans="35:39" x14ac:dyDescent="0.35">
      <c r="AI9366" s="84"/>
      <c r="AM9366" s="84"/>
    </row>
    <row r="9367" spans="35:39" x14ac:dyDescent="0.35">
      <c r="AI9367" s="84"/>
      <c r="AM9367" s="84"/>
    </row>
    <row r="9368" spans="35:39" x14ac:dyDescent="0.35">
      <c r="AI9368" s="84"/>
      <c r="AM9368" s="84"/>
    </row>
    <row r="9369" spans="35:39" x14ac:dyDescent="0.35">
      <c r="AI9369" s="84"/>
      <c r="AM9369" s="84"/>
    </row>
    <row r="9370" spans="35:39" x14ac:dyDescent="0.35">
      <c r="AI9370" s="84"/>
      <c r="AM9370" s="84"/>
    </row>
    <row r="9371" spans="35:39" x14ac:dyDescent="0.35">
      <c r="AI9371" s="84"/>
      <c r="AM9371" s="84"/>
    </row>
    <row r="9372" spans="35:39" x14ac:dyDescent="0.35">
      <c r="AI9372" s="84"/>
      <c r="AM9372" s="84"/>
    </row>
    <row r="9373" spans="35:39" x14ac:dyDescent="0.35">
      <c r="AI9373" s="84"/>
      <c r="AM9373" s="84"/>
    </row>
    <row r="9374" spans="35:39" x14ac:dyDescent="0.35">
      <c r="AI9374" s="84"/>
      <c r="AM9374" s="84"/>
    </row>
    <row r="9375" spans="35:39" x14ac:dyDescent="0.35">
      <c r="AI9375" s="84"/>
      <c r="AM9375" s="84"/>
    </row>
    <row r="9376" spans="35:39" x14ac:dyDescent="0.35">
      <c r="AI9376" s="84"/>
      <c r="AM9376" s="84"/>
    </row>
    <row r="9377" spans="35:39" x14ac:dyDescent="0.35">
      <c r="AI9377" s="84"/>
      <c r="AM9377" s="84"/>
    </row>
    <row r="9378" spans="35:39" x14ac:dyDescent="0.35">
      <c r="AI9378" s="84"/>
      <c r="AM9378" s="84"/>
    </row>
    <row r="9379" spans="35:39" x14ac:dyDescent="0.35">
      <c r="AI9379" s="84"/>
      <c r="AM9379" s="84"/>
    </row>
    <row r="9380" spans="35:39" x14ac:dyDescent="0.35">
      <c r="AI9380" s="84"/>
      <c r="AM9380" s="84"/>
    </row>
    <row r="9381" spans="35:39" x14ac:dyDescent="0.35">
      <c r="AI9381" s="84"/>
      <c r="AM9381" s="84"/>
    </row>
    <row r="9382" spans="35:39" x14ac:dyDescent="0.35">
      <c r="AI9382" s="84"/>
      <c r="AM9382" s="84"/>
    </row>
    <row r="9383" spans="35:39" x14ac:dyDescent="0.35">
      <c r="AI9383" s="84"/>
      <c r="AM9383" s="84"/>
    </row>
    <row r="9384" spans="35:39" x14ac:dyDescent="0.35">
      <c r="AI9384" s="84"/>
      <c r="AM9384" s="84"/>
    </row>
    <row r="9385" spans="35:39" x14ac:dyDescent="0.35">
      <c r="AI9385" s="84"/>
      <c r="AM9385" s="84"/>
    </row>
    <row r="9386" spans="35:39" x14ac:dyDescent="0.35">
      <c r="AI9386" s="84"/>
      <c r="AM9386" s="84"/>
    </row>
    <row r="9387" spans="35:39" x14ac:dyDescent="0.35">
      <c r="AI9387" s="84"/>
      <c r="AM9387" s="84"/>
    </row>
    <row r="9388" spans="35:39" x14ac:dyDescent="0.35">
      <c r="AI9388" s="84"/>
      <c r="AM9388" s="84"/>
    </row>
    <row r="9389" spans="35:39" x14ac:dyDescent="0.35">
      <c r="AI9389" s="84"/>
      <c r="AM9389" s="84"/>
    </row>
    <row r="9390" spans="35:39" x14ac:dyDescent="0.35">
      <c r="AI9390" s="84"/>
      <c r="AM9390" s="84"/>
    </row>
    <row r="9391" spans="35:39" x14ac:dyDescent="0.35">
      <c r="AI9391" s="84"/>
      <c r="AM9391" s="84"/>
    </row>
    <row r="9392" spans="35:39" x14ac:dyDescent="0.35">
      <c r="AI9392" s="84"/>
      <c r="AM9392" s="84"/>
    </row>
    <row r="9393" spans="35:39" x14ac:dyDescent="0.35">
      <c r="AI9393" s="84"/>
      <c r="AM9393" s="84"/>
    </row>
    <row r="9394" spans="35:39" x14ac:dyDescent="0.35">
      <c r="AI9394" s="84"/>
      <c r="AM9394" s="84"/>
    </row>
    <row r="9395" spans="35:39" x14ac:dyDescent="0.35">
      <c r="AI9395" s="84"/>
      <c r="AM9395" s="84"/>
    </row>
    <row r="9396" spans="35:39" x14ac:dyDescent="0.35">
      <c r="AI9396" s="84"/>
      <c r="AM9396" s="84"/>
    </row>
    <row r="9397" spans="35:39" x14ac:dyDescent="0.35">
      <c r="AI9397" s="84"/>
      <c r="AM9397" s="84"/>
    </row>
    <row r="9398" spans="35:39" x14ac:dyDescent="0.35">
      <c r="AI9398" s="84"/>
      <c r="AM9398" s="84"/>
    </row>
    <row r="9399" spans="35:39" x14ac:dyDescent="0.35">
      <c r="AI9399" s="84"/>
      <c r="AM9399" s="84"/>
    </row>
    <row r="9400" spans="35:39" x14ac:dyDescent="0.35">
      <c r="AI9400" s="84"/>
      <c r="AM9400" s="84"/>
    </row>
    <row r="9401" spans="35:39" x14ac:dyDescent="0.35">
      <c r="AI9401" s="84"/>
      <c r="AM9401" s="84"/>
    </row>
    <row r="9402" spans="35:39" x14ac:dyDescent="0.35">
      <c r="AI9402" s="84"/>
      <c r="AM9402" s="84"/>
    </row>
    <row r="9403" spans="35:39" x14ac:dyDescent="0.35">
      <c r="AI9403" s="84"/>
      <c r="AM9403" s="84"/>
    </row>
    <row r="9404" spans="35:39" x14ac:dyDescent="0.35">
      <c r="AI9404" s="84"/>
      <c r="AM9404" s="84"/>
    </row>
    <row r="9405" spans="35:39" x14ac:dyDescent="0.35">
      <c r="AI9405" s="84"/>
      <c r="AM9405" s="84"/>
    </row>
    <row r="9406" spans="35:39" x14ac:dyDescent="0.35">
      <c r="AI9406" s="84"/>
      <c r="AM9406" s="84"/>
    </row>
    <row r="9407" spans="35:39" x14ac:dyDescent="0.35">
      <c r="AI9407" s="84"/>
      <c r="AM9407" s="84"/>
    </row>
    <row r="9408" spans="35:39" x14ac:dyDescent="0.35">
      <c r="AI9408" s="84"/>
      <c r="AM9408" s="84"/>
    </row>
    <row r="9409" spans="35:39" x14ac:dyDescent="0.35">
      <c r="AI9409" s="84"/>
      <c r="AM9409" s="84"/>
    </row>
    <row r="9410" spans="35:39" x14ac:dyDescent="0.35">
      <c r="AI9410" s="84"/>
      <c r="AM9410" s="84"/>
    </row>
    <row r="9411" spans="35:39" x14ac:dyDescent="0.35">
      <c r="AI9411" s="84"/>
      <c r="AM9411" s="84"/>
    </row>
    <row r="9412" spans="35:39" x14ac:dyDescent="0.35">
      <c r="AI9412" s="84"/>
      <c r="AM9412" s="84"/>
    </row>
    <row r="9413" spans="35:39" x14ac:dyDescent="0.35">
      <c r="AI9413" s="84"/>
      <c r="AM9413" s="84"/>
    </row>
    <row r="9414" spans="35:39" x14ac:dyDescent="0.35">
      <c r="AI9414" s="84"/>
      <c r="AM9414" s="84"/>
    </row>
    <row r="9415" spans="35:39" x14ac:dyDescent="0.35">
      <c r="AI9415" s="84"/>
      <c r="AM9415" s="84"/>
    </row>
    <row r="9416" spans="35:39" x14ac:dyDescent="0.35">
      <c r="AI9416" s="84"/>
      <c r="AM9416" s="84"/>
    </row>
    <row r="9417" spans="35:39" x14ac:dyDescent="0.35">
      <c r="AI9417" s="84"/>
      <c r="AM9417" s="84"/>
    </row>
    <row r="9418" spans="35:39" x14ac:dyDescent="0.35">
      <c r="AI9418" s="84"/>
      <c r="AM9418" s="84"/>
    </row>
    <row r="9419" spans="35:39" x14ac:dyDescent="0.35">
      <c r="AI9419" s="84"/>
      <c r="AM9419" s="84"/>
    </row>
    <row r="9420" spans="35:39" x14ac:dyDescent="0.35">
      <c r="AI9420" s="84"/>
      <c r="AM9420" s="84"/>
    </row>
    <row r="9421" spans="35:39" x14ac:dyDescent="0.35">
      <c r="AI9421" s="84"/>
      <c r="AM9421" s="84"/>
    </row>
    <row r="9422" spans="35:39" x14ac:dyDescent="0.35">
      <c r="AI9422" s="84"/>
      <c r="AM9422" s="84"/>
    </row>
    <row r="9423" spans="35:39" x14ac:dyDescent="0.35">
      <c r="AI9423" s="84"/>
      <c r="AM9423" s="84"/>
    </row>
    <row r="9424" spans="35:39" x14ac:dyDescent="0.35">
      <c r="AI9424" s="84"/>
      <c r="AM9424" s="84"/>
    </row>
    <row r="9425" spans="35:39" x14ac:dyDescent="0.35">
      <c r="AI9425" s="84"/>
      <c r="AM9425" s="84"/>
    </row>
    <row r="9426" spans="35:39" x14ac:dyDescent="0.35">
      <c r="AI9426" s="84"/>
      <c r="AM9426" s="84"/>
    </row>
    <row r="9427" spans="35:39" x14ac:dyDescent="0.35">
      <c r="AI9427" s="84"/>
      <c r="AM9427" s="84"/>
    </row>
    <row r="9428" spans="35:39" x14ac:dyDescent="0.35">
      <c r="AI9428" s="84"/>
      <c r="AM9428" s="84"/>
    </row>
    <row r="9429" spans="35:39" x14ac:dyDescent="0.35">
      <c r="AI9429" s="84"/>
      <c r="AM9429" s="84"/>
    </row>
    <row r="9430" spans="35:39" x14ac:dyDescent="0.35">
      <c r="AI9430" s="84"/>
      <c r="AM9430" s="84"/>
    </row>
    <row r="9431" spans="35:39" x14ac:dyDescent="0.35">
      <c r="AI9431" s="84"/>
      <c r="AM9431" s="84"/>
    </row>
    <row r="9432" spans="35:39" x14ac:dyDescent="0.35">
      <c r="AI9432" s="84"/>
      <c r="AM9432" s="84"/>
    </row>
    <row r="9433" spans="35:39" x14ac:dyDescent="0.35">
      <c r="AI9433" s="84"/>
      <c r="AM9433" s="84"/>
    </row>
    <row r="9434" spans="35:39" x14ac:dyDescent="0.35">
      <c r="AI9434" s="84"/>
      <c r="AM9434" s="84"/>
    </row>
    <row r="9435" spans="35:39" x14ac:dyDescent="0.35">
      <c r="AI9435" s="84"/>
      <c r="AM9435" s="84"/>
    </row>
    <row r="9436" spans="35:39" x14ac:dyDescent="0.35">
      <c r="AI9436" s="84"/>
      <c r="AM9436" s="84"/>
    </row>
    <row r="9437" spans="35:39" x14ac:dyDescent="0.35">
      <c r="AI9437" s="84"/>
      <c r="AM9437" s="84"/>
    </row>
    <row r="9438" spans="35:39" x14ac:dyDescent="0.35">
      <c r="AI9438" s="84"/>
      <c r="AM9438" s="84"/>
    </row>
    <row r="9439" spans="35:39" x14ac:dyDescent="0.35">
      <c r="AI9439" s="84"/>
      <c r="AM9439" s="84"/>
    </row>
    <row r="9440" spans="35:39" x14ac:dyDescent="0.35">
      <c r="AI9440" s="84"/>
      <c r="AM9440" s="84"/>
    </row>
    <row r="9441" spans="35:39" x14ac:dyDescent="0.35">
      <c r="AI9441" s="84"/>
      <c r="AM9441" s="84"/>
    </row>
    <row r="9442" spans="35:39" x14ac:dyDescent="0.35">
      <c r="AI9442" s="84"/>
      <c r="AM9442" s="84"/>
    </row>
    <row r="9443" spans="35:39" x14ac:dyDescent="0.35">
      <c r="AI9443" s="84"/>
      <c r="AM9443" s="84"/>
    </row>
    <row r="9444" spans="35:39" x14ac:dyDescent="0.35">
      <c r="AI9444" s="84"/>
      <c r="AM9444" s="84"/>
    </row>
    <row r="9445" spans="35:39" x14ac:dyDescent="0.35">
      <c r="AI9445" s="84"/>
      <c r="AM9445" s="84"/>
    </row>
    <row r="9446" spans="35:39" x14ac:dyDescent="0.35">
      <c r="AI9446" s="84"/>
      <c r="AM9446" s="84"/>
    </row>
    <row r="9447" spans="35:39" x14ac:dyDescent="0.35">
      <c r="AI9447" s="84"/>
      <c r="AM9447" s="84"/>
    </row>
    <row r="9448" spans="35:39" x14ac:dyDescent="0.35">
      <c r="AI9448" s="84"/>
      <c r="AM9448" s="84"/>
    </row>
    <row r="9449" spans="35:39" x14ac:dyDescent="0.35">
      <c r="AI9449" s="84"/>
      <c r="AM9449" s="84"/>
    </row>
    <row r="9450" spans="35:39" x14ac:dyDescent="0.35">
      <c r="AI9450" s="84"/>
      <c r="AM9450" s="84"/>
    </row>
    <row r="9451" spans="35:39" x14ac:dyDescent="0.35">
      <c r="AI9451" s="84"/>
      <c r="AM9451" s="84"/>
    </row>
    <row r="9452" spans="35:39" x14ac:dyDescent="0.35">
      <c r="AI9452" s="84"/>
      <c r="AM9452" s="84"/>
    </row>
    <row r="9453" spans="35:39" x14ac:dyDescent="0.35">
      <c r="AI9453" s="84"/>
      <c r="AM9453" s="84"/>
    </row>
    <row r="9454" spans="35:39" x14ac:dyDescent="0.35">
      <c r="AI9454" s="84"/>
      <c r="AM9454" s="84"/>
    </row>
    <row r="9455" spans="35:39" x14ac:dyDescent="0.35">
      <c r="AI9455" s="84"/>
      <c r="AM9455" s="84"/>
    </row>
    <row r="9456" spans="35:39" x14ac:dyDescent="0.35">
      <c r="AI9456" s="84"/>
      <c r="AM9456" s="84"/>
    </row>
    <row r="9457" spans="35:39" x14ac:dyDescent="0.35">
      <c r="AI9457" s="84"/>
      <c r="AM9457" s="84"/>
    </row>
    <row r="9458" spans="35:39" x14ac:dyDescent="0.35">
      <c r="AI9458" s="84"/>
      <c r="AM9458" s="84"/>
    </row>
    <row r="9459" spans="35:39" x14ac:dyDescent="0.35">
      <c r="AI9459" s="84"/>
      <c r="AM9459" s="84"/>
    </row>
    <row r="9460" spans="35:39" x14ac:dyDescent="0.35">
      <c r="AI9460" s="84"/>
      <c r="AM9460" s="84"/>
    </row>
    <row r="9461" spans="35:39" x14ac:dyDescent="0.35">
      <c r="AI9461" s="84"/>
      <c r="AM9461" s="84"/>
    </row>
    <row r="9462" spans="35:39" x14ac:dyDescent="0.35">
      <c r="AI9462" s="84"/>
      <c r="AM9462" s="84"/>
    </row>
    <row r="9463" spans="35:39" x14ac:dyDescent="0.35">
      <c r="AI9463" s="84"/>
      <c r="AM9463" s="84"/>
    </row>
    <row r="9464" spans="35:39" x14ac:dyDescent="0.35">
      <c r="AI9464" s="84"/>
      <c r="AM9464" s="84"/>
    </row>
    <row r="9465" spans="35:39" x14ac:dyDescent="0.35">
      <c r="AI9465" s="84"/>
      <c r="AM9465" s="84"/>
    </row>
    <row r="9466" spans="35:39" x14ac:dyDescent="0.35">
      <c r="AI9466" s="84"/>
      <c r="AM9466" s="84"/>
    </row>
    <row r="9467" spans="35:39" x14ac:dyDescent="0.35">
      <c r="AI9467" s="84"/>
      <c r="AM9467" s="84"/>
    </row>
    <row r="9468" spans="35:39" x14ac:dyDescent="0.35">
      <c r="AI9468" s="84"/>
      <c r="AM9468" s="84"/>
    </row>
    <row r="9469" spans="35:39" x14ac:dyDescent="0.35">
      <c r="AI9469" s="84"/>
      <c r="AM9469" s="84"/>
    </row>
    <row r="9470" spans="35:39" x14ac:dyDescent="0.35">
      <c r="AI9470" s="84"/>
      <c r="AM9470" s="84"/>
    </row>
    <row r="9471" spans="35:39" x14ac:dyDescent="0.35">
      <c r="AI9471" s="84"/>
      <c r="AM9471" s="84"/>
    </row>
    <row r="9472" spans="35:39" x14ac:dyDescent="0.35">
      <c r="AI9472" s="84"/>
      <c r="AM9472" s="84"/>
    </row>
    <row r="9473" spans="35:39" x14ac:dyDescent="0.35">
      <c r="AI9473" s="84"/>
      <c r="AM9473" s="84"/>
    </row>
    <row r="9474" spans="35:39" x14ac:dyDescent="0.35">
      <c r="AI9474" s="84"/>
      <c r="AM9474" s="84"/>
    </row>
    <row r="9475" spans="35:39" x14ac:dyDescent="0.35">
      <c r="AI9475" s="84"/>
      <c r="AM9475" s="84"/>
    </row>
    <row r="9476" spans="35:39" x14ac:dyDescent="0.35">
      <c r="AI9476" s="84"/>
      <c r="AM9476" s="84"/>
    </row>
    <row r="9477" spans="35:39" x14ac:dyDescent="0.35">
      <c r="AI9477" s="84"/>
      <c r="AM9477" s="84"/>
    </row>
    <row r="9478" spans="35:39" x14ac:dyDescent="0.35">
      <c r="AI9478" s="84"/>
      <c r="AM9478" s="84"/>
    </row>
    <row r="9479" spans="35:39" x14ac:dyDescent="0.35">
      <c r="AI9479" s="84"/>
      <c r="AM9479" s="84"/>
    </row>
    <row r="9480" spans="35:39" x14ac:dyDescent="0.35">
      <c r="AI9480" s="84"/>
      <c r="AM9480" s="84"/>
    </row>
    <row r="9481" spans="35:39" x14ac:dyDescent="0.35">
      <c r="AI9481" s="84"/>
      <c r="AM9481" s="84"/>
    </row>
    <row r="9482" spans="35:39" x14ac:dyDescent="0.35">
      <c r="AI9482" s="84"/>
      <c r="AM9482" s="84"/>
    </row>
    <row r="9483" spans="35:39" x14ac:dyDescent="0.35">
      <c r="AI9483" s="84"/>
      <c r="AM9483" s="84"/>
    </row>
    <row r="9484" spans="35:39" x14ac:dyDescent="0.35">
      <c r="AI9484" s="84"/>
      <c r="AM9484" s="84"/>
    </row>
    <row r="9485" spans="35:39" x14ac:dyDescent="0.35">
      <c r="AI9485" s="84"/>
      <c r="AM9485" s="84"/>
    </row>
    <row r="9486" spans="35:39" x14ac:dyDescent="0.35">
      <c r="AI9486" s="84"/>
      <c r="AM9486" s="84"/>
    </row>
    <row r="9487" spans="35:39" x14ac:dyDescent="0.35">
      <c r="AI9487" s="84"/>
      <c r="AM9487" s="84"/>
    </row>
    <row r="9488" spans="35:39" x14ac:dyDescent="0.35">
      <c r="AI9488" s="84"/>
      <c r="AM9488" s="84"/>
    </row>
    <row r="9489" spans="35:39" x14ac:dyDescent="0.35">
      <c r="AI9489" s="84"/>
      <c r="AM9489" s="84"/>
    </row>
    <row r="9490" spans="35:39" x14ac:dyDescent="0.35">
      <c r="AI9490" s="84"/>
      <c r="AM9490" s="84"/>
    </row>
    <row r="9491" spans="35:39" x14ac:dyDescent="0.35">
      <c r="AI9491" s="84"/>
      <c r="AM9491" s="84"/>
    </row>
    <row r="9492" spans="35:39" x14ac:dyDescent="0.35">
      <c r="AI9492" s="84"/>
      <c r="AM9492" s="84"/>
    </row>
    <row r="9493" spans="35:39" x14ac:dyDescent="0.35">
      <c r="AI9493" s="84"/>
      <c r="AM9493" s="84"/>
    </row>
    <row r="9494" spans="35:39" x14ac:dyDescent="0.35">
      <c r="AI9494" s="84"/>
      <c r="AM9494" s="84"/>
    </row>
    <row r="9495" spans="35:39" x14ac:dyDescent="0.35">
      <c r="AI9495" s="84"/>
      <c r="AM9495" s="84"/>
    </row>
    <row r="9496" spans="35:39" x14ac:dyDescent="0.35">
      <c r="AI9496" s="84"/>
      <c r="AM9496" s="84"/>
    </row>
    <row r="9497" spans="35:39" x14ac:dyDescent="0.35">
      <c r="AI9497" s="84"/>
      <c r="AM9497" s="84"/>
    </row>
    <row r="9498" spans="35:39" x14ac:dyDescent="0.35">
      <c r="AI9498" s="84"/>
      <c r="AM9498" s="84"/>
    </row>
    <row r="9499" spans="35:39" x14ac:dyDescent="0.35">
      <c r="AI9499" s="84"/>
      <c r="AM9499" s="84"/>
    </row>
    <row r="9500" spans="35:39" x14ac:dyDescent="0.35">
      <c r="AI9500" s="84"/>
      <c r="AM9500" s="84"/>
    </row>
    <row r="9501" spans="35:39" x14ac:dyDescent="0.35">
      <c r="AI9501" s="84"/>
      <c r="AM9501" s="84"/>
    </row>
    <row r="9502" spans="35:39" x14ac:dyDescent="0.35">
      <c r="AI9502" s="84"/>
      <c r="AM9502" s="84"/>
    </row>
    <row r="9503" spans="35:39" x14ac:dyDescent="0.35">
      <c r="AI9503" s="84"/>
      <c r="AM9503" s="84"/>
    </row>
    <row r="9504" spans="35:39" x14ac:dyDescent="0.35">
      <c r="AI9504" s="84"/>
      <c r="AM9504" s="84"/>
    </row>
    <row r="9505" spans="35:39" x14ac:dyDescent="0.35">
      <c r="AI9505" s="84"/>
      <c r="AM9505" s="84"/>
    </row>
    <row r="9506" spans="35:39" x14ac:dyDescent="0.35">
      <c r="AI9506" s="84"/>
      <c r="AM9506" s="84"/>
    </row>
    <row r="9507" spans="35:39" x14ac:dyDescent="0.35">
      <c r="AI9507" s="84"/>
      <c r="AM9507" s="84"/>
    </row>
    <row r="9508" spans="35:39" x14ac:dyDescent="0.35">
      <c r="AI9508" s="84"/>
      <c r="AM9508" s="84"/>
    </row>
    <row r="9509" spans="35:39" x14ac:dyDescent="0.35">
      <c r="AI9509" s="84"/>
      <c r="AM9509" s="84"/>
    </row>
    <row r="9510" spans="35:39" x14ac:dyDescent="0.35">
      <c r="AI9510" s="84"/>
      <c r="AM9510" s="84"/>
    </row>
    <row r="9511" spans="35:39" x14ac:dyDescent="0.35">
      <c r="AI9511" s="84"/>
      <c r="AM9511" s="84"/>
    </row>
    <row r="9512" spans="35:39" x14ac:dyDescent="0.35">
      <c r="AI9512" s="84"/>
      <c r="AM9512" s="84"/>
    </row>
    <row r="9513" spans="35:39" x14ac:dyDescent="0.35">
      <c r="AI9513" s="84"/>
      <c r="AM9513" s="84"/>
    </row>
    <row r="9514" spans="35:39" x14ac:dyDescent="0.35">
      <c r="AI9514" s="84"/>
      <c r="AM9514" s="84"/>
    </row>
    <row r="9515" spans="35:39" x14ac:dyDescent="0.35">
      <c r="AI9515" s="84"/>
      <c r="AM9515" s="84"/>
    </row>
    <row r="9516" spans="35:39" x14ac:dyDescent="0.35">
      <c r="AI9516" s="84"/>
      <c r="AM9516" s="84"/>
    </row>
    <row r="9517" spans="35:39" x14ac:dyDescent="0.35">
      <c r="AI9517" s="84"/>
      <c r="AM9517" s="84"/>
    </row>
    <row r="9518" spans="35:39" x14ac:dyDescent="0.35">
      <c r="AI9518" s="84"/>
      <c r="AM9518" s="84"/>
    </row>
    <row r="9519" spans="35:39" x14ac:dyDescent="0.35">
      <c r="AI9519" s="84"/>
      <c r="AM9519" s="84"/>
    </row>
    <row r="9520" spans="35:39" x14ac:dyDescent="0.35">
      <c r="AI9520" s="84"/>
      <c r="AM9520" s="84"/>
    </row>
    <row r="9521" spans="35:39" x14ac:dyDescent="0.35">
      <c r="AI9521" s="84"/>
      <c r="AM9521" s="84"/>
    </row>
    <row r="9522" spans="35:39" x14ac:dyDescent="0.35">
      <c r="AI9522" s="84"/>
      <c r="AM9522" s="84"/>
    </row>
    <row r="9523" spans="35:39" x14ac:dyDescent="0.35">
      <c r="AI9523" s="84"/>
      <c r="AM9523" s="84"/>
    </row>
    <row r="9524" spans="35:39" x14ac:dyDescent="0.35">
      <c r="AI9524" s="84"/>
      <c r="AM9524" s="84"/>
    </row>
    <row r="9525" spans="35:39" x14ac:dyDescent="0.35">
      <c r="AI9525" s="84"/>
      <c r="AM9525" s="84"/>
    </row>
    <row r="9526" spans="35:39" x14ac:dyDescent="0.35">
      <c r="AI9526" s="84"/>
      <c r="AM9526" s="84"/>
    </row>
    <row r="9527" spans="35:39" x14ac:dyDescent="0.35">
      <c r="AI9527" s="84"/>
      <c r="AM9527" s="84"/>
    </row>
    <row r="9528" spans="35:39" x14ac:dyDescent="0.35">
      <c r="AI9528" s="84"/>
      <c r="AM9528" s="84"/>
    </row>
    <row r="9529" spans="35:39" x14ac:dyDescent="0.35">
      <c r="AI9529" s="84"/>
      <c r="AM9529" s="84"/>
    </row>
    <row r="9530" spans="35:39" x14ac:dyDescent="0.35">
      <c r="AI9530" s="84"/>
      <c r="AM9530" s="84"/>
    </row>
    <row r="9531" spans="35:39" x14ac:dyDescent="0.35">
      <c r="AI9531" s="84"/>
      <c r="AM9531" s="84"/>
    </row>
    <row r="9532" spans="35:39" x14ac:dyDescent="0.35">
      <c r="AI9532" s="84"/>
      <c r="AM9532" s="84"/>
    </row>
    <row r="9533" spans="35:39" x14ac:dyDescent="0.35">
      <c r="AI9533" s="84"/>
      <c r="AM9533" s="84"/>
    </row>
    <row r="9534" spans="35:39" x14ac:dyDescent="0.35">
      <c r="AI9534" s="84"/>
      <c r="AM9534" s="84"/>
    </row>
    <row r="9535" spans="35:39" x14ac:dyDescent="0.35">
      <c r="AI9535" s="84"/>
      <c r="AM9535" s="84"/>
    </row>
    <row r="9536" spans="35:39" x14ac:dyDescent="0.35">
      <c r="AI9536" s="84"/>
      <c r="AM9536" s="84"/>
    </row>
    <row r="9537" spans="35:39" x14ac:dyDescent="0.35">
      <c r="AI9537" s="84"/>
      <c r="AM9537" s="84"/>
    </row>
    <row r="9538" spans="35:39" x14ac:dyDescent="0.35">
      <c r="AI9538" s="84"/>
      <c r="AM9538" s="84"/>
    </row>
    <row r="9539" spans="35:39" x14ac:dyDescent="0.35">
      <c r="AI9539" s="84"/>
      <c r="AM9539" s="84"/>
    </row>
    <row r="9540" spans="35:39" x14ac:dyDescent="0.35">
      <c r="AI9540" s="84"/>
      <c r="AM9540" s="84"/>
    </row>
    <row r="9541" spans="35:39" x14ac:dyDescent="0.35">
      <c r="AI9541" s="84"/>
      <c r="AM9541" s="84"/>
    </row>
    <row r="9542" spans="35:39" x14ac:dyDescent="0.35">
      <c r="AI9542" s="84"/>
      <c r="AM9542" s="84"/>
    </row>
    <row r="9543" spans="35:39" x14ac:dyDescent="0.35">
      <c r="AI9543" s="84"/>
      <c r="AM9543" s="84"/>
    </row>
    <row r="9544" spans="35:39" x14ac:dyDescent="0.35">
      <c r="AI9544" s="84"/>
      <c r="AM9544" s="84"/>
    </row>
    <row r="9545" spans="35:39" x14ac:dyDescent="0.35">
      <c r="AI9545" s="84"/>
      <c r="AM9545" s="84"/>
    </row>
    <row r="9546" spans="35:39" x14ac:dyDescent="0.35">
      <c r="AI9546" s="84"/>
      <c r="AM9546" s="84"/>
    </row>
    <row r="9547" spans="35:39" x14ac:dyDescent="0.35">
      <c r="AI9547" s="84"/>
      <c r="AM9547" s="84"/>
    </row>
    <row r="9548" spans="35:39" x14ac:dyDescent="0.35">
      <c r="AI9548" s="84"/>
      <c r="AM9548" s="84"/>
    </row>
    <row r="9549" spans="35:39" x14ac:dyDescent="0.35">
      <c r="AI9549" s="84"/>
      <c r="AM9549" s="84"/>
    </row>
    <row r="9550" spans="35:39" x14ac:dyDescent="0.35">
      <c r="AI9550" s="84"/>
      <c r="AM9550" s="84"/>
    </row>
    <row r="9551" spans="35:39" x14ac:dyDescent="0.35">
      <c r="AI9551" s="84"/>
      <c r="AM9551" s="84"/>
    </row>
    <row r="9552" spans="35:39" x14ac:dyDescent="0.35">
      <c r="AI9552" s="84"/>
      <c r="AM9552" s="84"/>
    </row>
    <row r="9553" spans="35:39" x14ac:dyDescent="0.35">
      <c r="AI9553" s="84"/>
      <c r="AM9553" s="84"/>
    </row>
    <row r="9554" spans="35:39" x14ac:dyDescent="0.35">
      <c r="AI9554" s="84"/>
      <c r="AM9554" s="84"/>
    </row>
    <row r="9555" spans="35:39" x14ac:dyDescent="0.35">
      <c r="AI9555" s="84"/>
      <c r="AM9555" s="84"/>
    </row>
    <row r="9556" spans="35:39" x14ac:dyDescent="0.35">
      <c r="AI9556" s="84"/>
      <c r="AM9556" s="84"/>
    </row>
    <row r="9557" spans="35:39" x14ac:dyDescent="0.35">
      <c r="AI9557" s="84"/>
      <c r="AM9557" s="84"/>
    </row>
    <row r="9558" spans="35:39" x14ac:dyDescent="0.35">
      <c r="AI9558" s="84"/>
      <c r="AM9558" s="84"/>
    </row>
    <row r="9559" spans="35:39" x14ac:dyDescent="0.35">
      <c r="AI9559" s="84"/>
      <c r="AM9559" s="84"/>
    </row>
    <row r="9560" spans="35:39" x14ac:dyDescent="0.35">
      <c r="AI9560" s="84"/>
      <c r="AM9560" s="84"/>
    </row>
    <row r="9561" spans="35:39" x14ac:dyDescent="0.35">
      <c r="AI9561" s="84"/>
      <c r="AM9561" s="84"/>
    </row>
    <row r="9562" spans="35:39" x14ac:dyDescent="0.35">
      <c r="AI9562" s="84"/>
      <c r="AM9562" s="84"/>
    </row>
    <row r="9563" spans="35:39" x14ac:dyDescent="0.35">
      <c r="AI9563" s="84"/>
      <c r="AM9563" s="84"/>
    </row>
    <row r="9564" spans="35:39" x14ac:dyDescent="0.35">
      <c r="AI9564" s="84"/>
      <c r="AM9564" s="84"/>
    </row>
    <row r="9565" spans="35:39" x14ac:dyDescent="0.35">
      <c r="AI9565" s="84"/>
      <c r="AM9565" s="84"/>
    </row>
    <row r="9566" spans="35:39" x14ac:dyDescent="0.35">
      <c r="AI9566" s="84"/>
      <c r="AM9566" s="84"/>
    </row>
    <row r="9567" spans="35:39" x14ac:dyDescent="0.35">
      <c r="AI9567" s="84"/>
      <c r="AM9567" s="84"/>
    </row>
    <row r="9568" spans="35:39" x14ac:dyDescent="0.35">
      <c r="AI9568" s="84"/>
      <c r="AM9568" s="84"/>
    </row>
    <row r="9569" spans="35:39" x14ac:dyDescent="0.35">
      <c r="AI9569" s="84"/>
      <c r="AM9569" s="84"/>
    </row>
    <row r="9570" spans="35:39" x14ac:dyDescent="0.35">
      <c r="AI9570" s="84"/>
      <c r="AM9570" s="84"/>
    </row>
    <row r="9571" spans="35:39" x14ac:dyDescent="0.35">
      <c r="AI9571" s="84"/>
      <c r="AM9571" s="84"/>
    </row>
    <row r="9572" spans="35:39" x14ac:dyDescent="0.35">
      <c r="AI9572" s="84"/>
      <c r="AM9572" s="84"/>
    </row>
    <row r="9573" spans="35:39" x14ac:dyDescent="0.35">
      <c r="AI9573" s="84"/>
      <c r="AM9573" s="84"/>
    </row>
    <row r="9574" spans="35:39" x14ac:dyDescent="0.35">
      <c r="AI9574" s="84"/>
      <c r="AM9574" s="84"/>
    </row>
    <row r="9575" spans="35:39" x14ac:dyDescent="0.35">
      <c r="AI9575" s="84"/>
      <c r="AM9575" s="84"/>
    </row>
    <row r="9576" spans="35:39" x14ac:dyDescent="0.35">
      <c r="AI9576" s="84"/>
      <c r="AM9576" s="84"/>
    </row>
    <row r="9577" spans="35:39" x14ac:dyDescent="0.35">
      <c r="AI9577" s="84"/>
      <c r="AM9577" s="84"/>
    </row>
    <row r="9578" spans="35:39" x14ac:dyDescent="0.35">
      <c r="AI9578" s="84"/>
      <c r="AM9578" s="84"/>
    </row>
    <row r="9579" spans="35:39" x14ac:dyDescent="0.35">
      <c r="AI9579" s="84"/>
      <c r="AM9579" s="84"/>
    </row>
    <row r="9580" spans="35:39" x14ac:dyDescent="0.35">
      <c r="AI9580" s="84"/>
      <c r="AM9580" s="84"/>
    </row>
    <row r="9581" spans="35:39" x14ac:dyDescent="0.35">
      <c r="AI9581" s="84"/>
      <c r="AM9581" s="84"/>
    </row>
    <row r="9582" spans="35:39" x14ac:dyDescent="0.35">
      <c r="AI9582" s="84"/>
      <c r="AM9582" s="84"/>
    </row>
    <row r="9583" spans="35:39" x14ac:dyDescent="0.35">
      <c r="AI9583" s="84"/>
      <c r="AM9583" s="84"/>
    </row>
    <row r="9584" spans="35:39" x14ac:dyDescent="0.35">
      <c r="AI9584" s="84"/>
      <c r="AM9584" s="84"/>
    </row>
    <row r="9585" spans="35:39" x14ac:dyDescent="0.35">
      <c r="AI9585" s="84"/>
      <c r="AM9585" s="84"/>
    </row>
    <row r="9586" spans="35:39" x14ac:dyDescent="0.35">
      <c r="AI9586" s="84"/>
      <c r="AM9586" s="84"/>
    </row>
    <row r="9587" spans="35:39" x14ac:dyDescent="0.35">
      <c r="AI9587" s="84"/>
      <c r="AM9587" s="84"/>
    </row>
    <row r="9588" spans="35:39" x14ac:dyDescent="0.35">
      <c r="AI9588" s="84"/>
      <c r="AM9588" s="84"/>
    </row>
    <row r="9589" spans="35:39" x14ac:dyDescent="0.35">
      <c r="AI9589" s="84"/>
      <c r="AM9589" s="84"/>
    </row>
    <row r="9590" spans="35:39" x14ac:dyDescent="0.35">
      <c r="AI9590" s="84"/>
      <c r="AM9590" s="84"/>
    </row>
    <row r="9591" spans="35:39" x14ac:dyDescent="0.35">
      <c r="AI9591" s="84"/>
      <c r="AM9591" s="84"/>
    </row>
    <row r="9592" spans="35:39" x14ac:dyDescent="0.35">
      <c r="AI9592" s="84"/>
      <c r="AM9592" s="84"/>
    </row>
    <row r="9593" spans="35:39" x14ac:dyDescent="0.35">
      <c r="AI9593" s="84"/>
      <c r="AM9593" s="84"/>
    </row>
    <row r="9594" spans="35:39" x14ac:dyDescent="0.35">
      <c r="AI9594" s="84"/>
      <c r="AM9594" s="84"/>
    </row>
    <row r="9595" spans="35:39" x14ac:dyDescent="0.35">
      <c r="AI9595" s="84"/>
      <c r="AM9595" s="84"/>
    </row>
    <row r="9596" spans="35:39" x14ac:dyDescent="0.35">
      <c r="AI9596" s="84"/>
      <c r="AM9596" s="84"/>
    </row>
    <row r="9597" spans="35:39" x14ac:dyDescent="0.35">
      <c r="AI9597" s="84"/>
      <c r="AM9597" s="84"/>
    </row>
    <row r="9598" spans="35:39" x14ac:dyDescent="0.35">
      <c r="AI9598" s="84"/>
      <c r="AM9598" s="84"/>
    </row>
    <row r="9599" spans="35:39" x14ac:dyDescent="0.35">
      <c r="AI9599" s="84"/>
      <c r="AM9599" s="84"/>
    </row>
    <row r="9600" spans="35:39" x14ac:dyDescent="0.35">
      <c r="AI9600" s="84"/>
      <c r="AM9600" s="84"/>
    </row>
    <row r="9601" spans="35:39" x14ac:dyDescent="0.35">
      <c r="AI9601" s="84"/>
      <c r="AM9601" s="84"/>
    </row>
    <row r="9602" spans="35:39" x14ac:dyDescent="0.35">
      <c r="AI9602" s="84"/>
      <c r="AM9602" s="84"/>
    </row>
    <row r="9603" spans="35:39" x14ac:dyDescent="0.35">
      <c r="AI9603" s="84"/>
      <c r="AM9603" s="84"/>
    </row>
    <row r="9604" spans="35:39" x14ac:dyDescent="0.35">
      <c r="AI9604" s="84"/>
      <c r="AM9604" s="84"/>
    </row>
    <row r="9605" spans="35:39" x14ac:dyDescent="0.35">
      <c r="AI9605" s="84"/>
      <c r="AM9605" s="84"/>
    </row>
    <row r="9606" spans="35:39" x14ac:dyDescent="0.35">
      <c r="AI9606" s="84"/>
      <c r="AM9606" s="84"/>
    </row>
    <row r="9607" spans="35:39" x14ac:dyDescent="0.35">
      <c r="AI9607" s="84"/>
      <c r="AM9607" s="84"/>
    </row>
    <row r="9608" spans="35:39" x14ac:dyDescent="0.35">
      <c r="AI9608" s="84"/>
      <c r="AM9608" s="84"/>
    </row>
    <row r="9609" spans="35:39" x14ac:dyDescent="0.35">
      <c r="AI9609" s="84"/>
      <c r="AM9609" s="84"/>
    </row>
    <row r="9610" spans="35:39" x14ac:dyDescent="0.35">
      <c r="AI9610" s="84"/>
      <c r="AM9610" s="84"/>
    </row>
    <row r="9611" spans="35:39" x14ac:dyDescent="0.35">
      <c r="AI9611" s="84"/>
      <c r="AM9611" s="84"/>
    </row>
    <row r="9612" spans="35:39" x14ac:dyDescent="0.35">
      <c r="AI9612" s="84"/>
      <c r="AM9612" s="84"/>
    </row>
    <row r="9613" spans="35:39" x14ac:dyDescent="0.35">
      <c r="AI9613" s="84"/>
      <c r="AM9613" s="84"/>
    </row>
    <row r="9614" spans="35:39" x14ac:dyDescent="0.35">
      <c r="AI9614" s="84"/>
      <c r="AM9614" s="84"/>
    </row>
    <row r="9615" spans="35:39" x14ac:dyDescent="0.35">
      <c r="AI9615" s="84"/>
      <c r="AM9615" s="84"/>
    </row>
    <row r="9616" spans="35:39" x14ac:dyDescent="0.35">
      <c r="AI9616" s="84"/>
      <c r="AM9616" s="84"/>
    </row>
    <row r="9617" spans="35:39" x14ac:dyDescent="0.35">
      <c r="AI9617" s="84"/>
      <c r="AM9617" s="84"/>
    </row>
    <row r="9618" spans="35:39" x14ac:dyDescent="0.35">
      <c r="AI9618" s="84"/>
      <c r="AM9618" s="84"/>
    </row>
    <row r="9619" spans="35:39" x14ac:dyDescent="0.35">
      <c r="AI9619" s="84"/>
      <c r="AM9619" s="84"/>
    </row>
    <row r="9620" spans="35:39" x14ac:dyDescent="0.35">
      <c r="AI9620" s="84"/>
      <c r="AM9620" s="84"/>
    </row>
    <row r="9621" spans="35:39" x14ac:dyDescent="0.35">
      <c r="AI9621" s="84"/>
      <c r="AM9621" s="84"/>
    </row>
    <row r="9622" spans="35:39" x14ac:dyDescent="0.35">
      <c r="AI9622" s="84"/>
      <c r="AM9622" s="84"/>
    </row>
    <row r="9623" spans="35:39" x14ac:dyDescent="0.35">
      <c r="AI9623" s="84"/>
      <c r="AM9623" s="84"/>
    </row>
    <row r="9624" spans="35:39" x14ac:dyDescent="0.35">
      <c r="AI9624" s="84"/>
      <c r="AM9624" s="84"/>
    </row>
    <row r="9625" spans="35:39" x14ac:dyDescent="0.35">
      <c r="AI9625" s="84"/>
      <c r="AM9625" s="84"/>
    </row>
    <row r="9626" spans="35:39" x14ac:dyDescent="0.35">
      <c r="AI9626" s="84"/>
      <c r="AM9626" s="84"/>
    </row>
    <row r="9627" spans="35:39" x14ac:dyDescent="0.35">
      <c r="AI9627" s="84"/>
      <c r="AM9627" s="84"/>
    </row>
    <row r="9628" spans="35:39" x14ac:dyDescent="0.35">
      <c r="AI9628" s="84"/>
      <c r="AM9628" s="84"/>
    </row>
    <row r="9629" spans="35:39" x14ac:dyDescent="0.35">
      <c r="AI9629" s="84"/>
      <c r="AM9629" s="84"/>
    </row>
    <row r="9630" spans="35:39" x14ac:dyDescent="0.35">
      <c r="AI9630" s="84"/>
      <c r="AM9630" s="84"/>
    </row>
    <row r="9631" spans="35:39" x14ac:dyDescent="0.35">
      <c r="AI9631" s="84"/>
      <c r="AM9631" s="84"/>
    </row>
    <row r="9632" spans="35:39" x14ac:dyDescent="0.35">
      <c r="AI9632" s="84"/>
      <c r="AM9632" s="84"/>
    </row>
    <row r="9633" spans="35:39" x14ac:dyDescent="0.35">
      <c r="AI9633" s="84"/>
      <c r="AM9633" s="84"/>
    </row>
    <row r="9634" spans="35:39" x14ac:dyDescent="0.35">
      <c r="AI9634" s="84"/>
      <c r="AM9634" s="84"/>
    </row>
    <row r="9635" spans="35:39" x14ac:dyDescent="0.35">
      <c r="AI9635" s="84"/>
      <c r="AM9635" s="84"/>
    </row>
    <row r="9636" spans="35:39" x14ac:dyDescent="0.35">
      <c r="AI9636" s="84"/>
      <c r="AM9636" s="84"/>
    </row>
    <row r="9637" spans="35:39" x14ac:dyDescent="0.35">
      <c r="AI9637" s="84"/>
      <c r="AM9637" s="84"/>
    </row>
    <row r="9638" spans="35:39" x14ac:dyDescent="0.35">
      <c r="AI9638" s="84"/>
      <c r="AM9638" s="84"/>
    </row>
    <row r="9639" spans="35:39" x14ac:dyDescent="0.35">
      <c r="AI9639" s="84"/>
      <c r="AM9639" s="84"/>
    </row>
    <row r="9640" spans="35:39" x14ac:dyDescent="0.35">
      <c r="AI9640" s="84"/>
      <c r="AM9640" s="84"/>
    </row>
    <row r="9641" spans="35:39" x14ac:dyDescent="0.35">
      <c r="AI9641" s="84"/>
      <c r="AM9641" s="84"/>
    </row>
    <row r="9642" spans="35:39" x14ac:dyDescent="0.35">
      <c r="AI9642" s="84"/>
      <c r="AM9642" s="84"/>
    </row>
    <row r="9643" spans="35:39" x14ac:dyDescent="0.35">
      <c r="AI9643" s="84"/>
      <c r="AM9643" s="84"/>
    </row>
    <row r="9644" spans="35:39" x14ac:dyDescent="0.35">
      <c r="AI9644" s="84"/>
      <c r="AM9644" s="84"/>
    </row>
    <row r="9645" spans="35:39" x14ac:dyDescent="0.35">
      <c r="AI9645" s="84"/>
      <c r="AM9645" s="84"/>
    </row>
    <row r="9646" spans="35:39" x14ac:dyDescent="0.35">
      <c r="AI9646" s="84"/>
      <c r="AM9646" s="84"/>
    </row>
    <row r="9647" spans="35:39" x14ac:dyDescent="0.35">
      <c r="AI9647" s="84"/>
      <c r="AM9647" s="84"/>
    </row>
    <row r="9648" spans="35:39" x14ac:dyDescent="0.35">
      <c r="AI9648" s="84"/>
      <c r="AM9648" s="84"/>
    </row>
    <row r="9649" spans="35:39" x14ac:dyDescent="0.35">
      <c r="AI9649" s="84"/>
      <c r="AM9649" s="84"/>
    </row>
    <row r="9650" spans="35:39" x14ac:dyDescent="0.35">
      <c r="AI9650" s="84"/>
      <c r="AM9650" s="84"/>
    </row>
    <row r="9651" spans="35:39" x14ac:dyDescent="0.35">
      <c r="AI9651" s="84"/>
      <c r="AM9651" s="84"/>
    </row>
    <row r="9652" spans="35:39" x14ac:dyDescent="0.35">
      <c r="AI9652" s="84"/>
      <c r="AM9652" s="84"/>
    </row>
    <row r="9653" spans="35:39" x14ac:dyDescent="0.35">
      <c r="AI9653" s="84"/>
      <c r="AM9653" s="84"/>
    </row>
    <row r="9654" spans="35:39" x14ac:dyDescent="0.35">
      <c r="AI9654" s="84"/>
      <c r="AM9654" s="84"/>
    </row>
    <row r="9655" spans="35:39" x14ac:dyDescent="0.35">
      <c r="AI9655" s="84"/>
      <c r="AM9655" s="84"/>
    </row>
    <row r="9656" spans="35:39" x14ac:dyDescent="0.35">
      <c r="AI9656" s="84"/>
      <c r="AM9656" s="84"/>
    </row>
    <row r="9657" spans="35:39" x14ac:dyDescent="0.35">
      <c r="AI9657" s="84"/>
      <c r="AM9657" s="84"/>
    </row>
    <row r="9658" spans="35:39" x14ac:dyDescent="0.35">
      <c r="AI9658" s="84"/>
      <c r="AM9658" s="84"/>
    </row>
    <row r="9659" spans="35:39" x14ac:dyDescent="0.35">
      <c r="AI9659" s="84"/>
      <c r="AM9659" s="84"/>
    </row>
    <row r="9660" spans="35:39" x14ac:dyDescent="0.35">
      <c r="AI9660" s="84"/>
      <c r="AM9660" s="84"/>
    </row>
    <row r="9661" spans="35:39" x14ac:dyDescent="0.35">
      <c r="AI9661" s="84"/>
      <c r="AM9661" s="84"/>
    </row>
    <row r="9662" spans="35:39" x14ac:dyDescent="0.35">
      <c r="AI9662" s="84"/>
      <c r="AM9662" s="84"/>
    </row>
    <row r="9663" spans="35:39" x14ac:dyDescent="0.35">
      <c r="AI9663" s="84"/>
      <c r="AM9663" s="84"/>
    </row>
    <row r="9664" spans="35:39" x14ac:dyDescent="0.35">
      <c r="AI9664" s="84"/>
      <c r="AM9664" s="84"/>
    </row>
    <row r="9665" spans="35:39" x14ac:dyDescent="0.35">
      <c r="AI9665" s="84"/>
      <c r="AM9665" s="84"/>
    </row>
    <row r="9666" spans="35:39" x14ac:dyDescent="0.35">
      <c r="AI9666" s="84"/>
      <c r="AM9666" s="84"/>
    </row>
    <row r="9667" spans="35:39" x14ac:dyDescent="0.35">
      <c r="AI9667" s="84"/>
      <c r="AM9667" s="84"/>
    </row>
    <row r="9668" spans="35:39" x14ac:dyDescent="0.35">
      <c r="AI9668" s="84"/>
      <c r="AM9668" s="84"/>
    </row>
    <row r="9669" spans="35:39" x14ac:dyDescent="0.35">
      <c r="AI9669" s="84"/>
      <c r="AM9669" s="84"/>
    </row>
    <row r="9670" spans="35:39" x14ac:dyDescent="0.35">
      <c r="AI9670" s="84"/>
      <c r="AM9670" s="84"/>
    </row>
    <row r="9671" spans="35:39" x14ac:dyDescent="0.35">
      <c r="AI9671" s="84"/>
      <c r="AM9671" s="84"/>
    </row>
    <row r="9672" spans="35:39" x14ac:dyDescent="0.35">
      <c r="AI9672" s="84"/>
      <c r="AM9672" s="84"/>
    </row>
    <row r="9673" spans="35:39" x14ac:dyDescent="0.35">
      <c r="AI9673" s="84"/>
      <c r="AM9673" s="84"/>
    </row>
    <row r="9674" spans="35:39" x14ac:dyDescent="0.35">
      <c r="AI9674" s="84"/>
      <c r="AM9674" s="84"/>
    </row>
    <row r="9675" spans="35:39" x14ac:dyDescent="0.35">
      <c r="AI9675" s="84"/>
      <c r="AM9675" s="84"/>
    </row>
    <row r="9676" spans="35:39" x14ac:dyDescent="0.35">
      <c r="AI9676" s="84"/>
      <c r="AM9676" s="84"/>
    </row>
    <row r="9677" spans="35:39" x14ac:dyDescent="0.35">
      <c r="AI9677" s="84"/>
      <c r="AM9677" s="84"/>
    </row>
    <row r="9678" spans="35:39" x14ac:dyDescent="0.35">
      <c r="AI9678" s="84"/>
      <c r="AM9678" s="84"/>
    </row>
    <row r="9679" spans="35:39" x14ac:dyDescent="0.35">
      <c r="AI9679" s="84"/>
      <c r="AM9679" s="84"/>
    </row>
    <row r="9680" spans="35:39" x14ac:dyDescent="0.35">
      <c r="AI9680" s="84"/>
      <c r="AM9680" s="84"/>
    </row>
    <row r="9681" spans="35:39" x14ac:dyDescent="0.35">
      <c r="AI9681" s="84"/>
      <c r="AM9681" s="84"/>
    </row>
    <row r="9682" spans="35:39" x14ac:dyDescent="0.35">
      <c r="AI9682" s="84"/>
      <c r="AM9682" s="84"/>
    </row>
    <row r="9683" spans="35:39" x14ac:dyDescent="0.35">
      <c r="AI9683" s="84"/>
      <c r="AM9683" s="84"/>
    </row>
    <row r="9684" spans="35:39" x14ac:dyDescent="0.35">
      <c r="AI9684" s="84"/>
      <c r="AM9684" s="84"/>
    </row>
    <row r="9685" spans="35:39" x14ac:dyDescent="0.35">
      <c r="AI9685" s="84"/>
      <c r="AM9685" s="84"/>
    </row>
    <row r="9686" spans="35:39" x14ac:dyDescent="0.35">
      <c r="AI9686" s="84"/>
      <c r="AM9686" s="84"/>
    </row>
    <row r="9687" spans="35:39" x14ac:dyDescent="0.35">
      <c r="AI9687" s="84"/>
      <c r="AM9687" s="84"/>
    </row>
    <row r="9688" spans="35:39" x14ac:dyDescent="0.35">
      <c r="AI9688" s="84"/>
      <c r="AM9688" s="84"/>
    </row>
    <row r="9689" spans="35:39" x14ac:dyDescent="0.35">
      <c r="AI9689" s="84"/>
      <c r="AM9689" s="84"/>
    </row>
    <row r="9690" spans="35:39" x14ac:dyDescent="0.35">
      <c r="AI9690" s="84"/>
      <c r="AM9690" s="84"/>
    </row>
    <row r="9691" spans="35:39" x14ac:dyDescent="0.35">
      <c r="AI9691" s="84"/>
      <c r="AM9691" s="84"/>
    </row>
    <row r="9692" spans="35:39" x14ac:dyDescent="0.35">
      <c r="AI9692" s="84"/>
      <c r="AM9692" s="84"/>
    </row>
    <row r="9693" spans="35:39" x14ac:dyDescent="0.35">
      <c r="AI9693" s="84"/>
      <c r="AM9693" s="84"/>
    </row>
    <row r="9694" spans="35:39" x14ac:dyDescent="0.35">
      <c r="AI9694" s="84"/>
      <c r="AM9694" s="84"/>
    </row>
    <row r="9695" spans="35:39" x14ac:dyDescent="0.35">
      <c r="AI9695" s="84"/>
      <c r="AM9695" s="84"/>
    </row>
    <row r="9696" spans="35:39" x14ac:dyDescent="0.35">
      <c r="AI9696" s="84"/>
      <c r="AM9696" s="84"/>
    </row>
    <row r="9697" spans="35:39" x14ac:dyDescent="0.35">
      <c r="AI9697" s="84"/>
      <c r="AM9697" s="84"/>
    </row>
    <row r="9698" spans="35:39" x14ac:dyDescent="0.35">
      <c r="AI9698" s="84"/>
      <c r="AM9698" s="84"/>
    </row>
    <row r="9699" spans="35:39" x14ac:dyDescent="0.35">
      <c r="AI9699" s="84"/>
      <c r="AM9699" s="84"/>
    </row>
    <row r="9700" spans="35:39" x14ac:dyDescent="0.35">
      <c r="AI9700" s="84"/>
      <c r="AM9700" s="84"/>
    </row>
    <row r="9701" spans="35:39" x14ac:dyDescent="0.35">
      <c r="AI9701" s="84"/>
      <c r="AM9701" s="84"/>
    </row>
    <row r="9702" spans="35:39" x14ac:dyDescent="0.35">
      <c r="AI9702" s="84"/>
      <c r="AM9702" s="84"/>
    </row>
    <row r="9703" spans="35:39" x14ac:dyDescent="0.35">
      <c r="AI9703" s="84"/>
      <c r="AM9703" s="84"/>
    </row>
    <row r="9704" spans="35:39" x14ac:dyDescent="0.35">
      <c r="AI9704" s="84"/>
      <c r="AM9704" s="84"/>
    </row>
    <row r="9705" spans="35:39" x14ac:dyDescent="0.35">
      <c r="AI9705" s="84"/>
      <c r="AM9705" s="84"/>
    </row>
    <row r="9706" spans="35:39" x14ac:dyDescent="0.35">
      <c r="AI9706" s="84"/>
      <c r="AM9706" s="84"/>
    </row>
    <row r="9707" spans="35:39" x14ac:dyDescent="0.35">
      <c r="AI9707" s="84"/>
      <c r="AM9707" s="84"/>
    </row>
    <row r="9708" spans="35:39" x14ac:dyDescent="0.35">
      <c r="AI9708" s="84"/>
      <c r="AM9708" s="84"/>
    </row>
    <row r="9709" spans="35:39" x14ac:dyDescent="0.35">
      <c r="AI9709" s="84"/>
      <c r="AM9709" s="84"/>
    </row>
    <row r="9710" spans="35:39" x14ac:dyDescent="0.35">
      <c r="AI9710" s="84"/>
      <c r="AM9710" s="84"/>
    </row>
    <row r="9711" spans="35:39" x14ac:dyDescent="0.35">
      <c r="AI9711" s="84"/>
      <c r="AM9711" s="84"/>
    </row>
    <row r="9712" spans="35:39" x14ac:dyDescent="0.35">
      <c r="AI9712" s="84"/>
      <c r="AM9712" s="84"/>
    </row>
    <row r="9713" spans="35:39" x14ac:dyDescent="0.35">
      <c r="AI9713" s="84"/>
      <c r="AM9713" s="84"/>
    </row>
    <row r="9714" spans="35:39" x14ac:dyDescent="0.35">
      <c r="AI9714" s="84"/>
      <c r="AM9714" s="84"/>
    </row>
    <row r="9715" spans="35:39" x14ac:dyDescent="0.35">
      <c r="AI9715" s="84"/>
      <c r="AM9715" s="84"/>
    </row>
    <row r="9716" spans="35:39" x14ac:dyDescent="0.35">
      <c r="AI9716" s="84"/>
      <c r="AM9716" s="84"/>
    </row>
    <row r="9717" spans="35:39" x14ac:dyDescent="0.35">
      <c r="AI9717" s="84"/>
      <c r="AM9717" s="84"/>
    </row>
    <row r="9718" spans="35:39" x14ac:dyDescent="0.35">
      <c r="AI9718" s="84"/>
      <c r="AM9718" s="84"/>
    </row>
    <row r="9719" spans="35:39" x14ac:dyDescent="0.35">
      <c r="AI9719" s="84"/>
      <c r="AM9719" s="84"/>
    </row>
    <row r="9720" spans="35:39" x14ac:dyDescent="0.35">
      <c r="AI9720" s="84"/>
      <c r="AM9720" s="84"/>
    </row>
    <row r="9721" spans="35:39" x14ac:dyDescent="0.35">
      <c r="AI9721" s="84"/>
      <c r="AM9721" s="84"/>
    </row>
    <row r="9722" spans="35:39" x14ac:dyDescent="0.35">
      <c r="AI9722" s="84"/>
      <c r="AM9722" s="84"/>
    </row>
    <row r="9723" spans="35:39" x14ac:dyDescent="0.35">
      <c r="AI9723" s="84"/>
      <c r="AM9723" s="84"/>
    </row>
    <row r="9724" spans="35:39" x14ac:dyDescent="0.35">
      <c r="AI9724" s="84"/>
      <c r="AM9724" s="84"/>
    </row>
    <row r="9725" spans="35:39" x14ac:dyDescent="0.35">
      <c r="AI9725" s="84"/>
      <c r="AM9725" s="84"/>
    </row>
    <row r="9726" spans="35:39" x14ac:dyDescent="0.35">
      <c r="AI9726" s="84"/>
      <c r="AM9726" s="84"/>
    </row>
    <row r="9727" spans="35:39" x14ac:dyDescent="0.35">
      <c r="AI9727" s="84"/>
      <c r="AM9727" s="84"/>
    </row>
    <row r="9728" spans="35:39" x14ac:dyDescent="0.35">
      <c r="AI9728" s="84"/>
      <c r="AM9728" s="84"/>
    </row>
    <row r="9729" spans="35:39" x14ac:dyDescent="0.35">
      <c r="AI9729" s="84"/>
      <c r="AM9729" s="84"/>
    </row>
    <row r="9730" spans="35:39" x14ac:dyDescent="0.35">
      <c r="AI9730" s="84"/>
      <c r="AM9730" s="84"/>
    </row>
    <row r="9731" spans="35:39" x14ac:dyDescent="0.35">
      <c r="AI9731" s="84"/>
      <c r="AM9731" s="84"/>
    </row>
    <row r="9732" spans="35:39" x14ac:dyDescent="0.35">
      <c r="AI9732" s="84"/>
      <c r="AM9732" s="84"/>
    </row>
    <row r="9733" spans="35:39" x14ac:dyDescent="0.35">
      <c r="AI9733" s="84"/>
      <c r="AM9733" s="84"/>
    </row>
    <row r="9734" spans="35:39" x14ac:dyDescent="0.35">
      <c r="AI9734" s="84"/>
      <c r="AM9734" s="84"/>
    </row>
    <row r="9735" spans="35:39" x14ac:dyDescent="0.35">
      <c r="AI9735" s="84"/>
      <c r="AM9735" s="84"/>
    </row>
    <row r="9736" spans="35:39" x14ac:dyDescent="0.35">
      <c r="AI9736" s="84"/>
      <c r="AM9736" s="84"/>
    </row>
    <row r="9737" spans="35:39" x14ac:dyDescent="0.35">
      <c r="AI9737" s="84"/>
      <c r="AM9737" s="84"/>
    </row>
    <row r="9738" spans="35:39" x14ac:dyDescent="0.35">
      <c r="AI9738" s="84"/>
      <c r="AM9738" s="84"/>
    </row>
    <row r="9739" spans="35:39" x14ac:dyDescent="0.35">
      <c r="AI9739" s="84"/>
      <c r="AM9739" s="84"/>
    </row>
    <row r="9740" spans="35:39" x14ac:dyDescent="0.35">
      <c r="AI9740" s="84"/>
      <c r="AM9740" s="84"/>
    </row>
    <row r="9741" spans="35:39" x14ac:dyDescent="0.35">
      <c r="AI9741" s="84"/>
      <c r="AM9741" s="84"/>
    </row>
    <row r="9742" spans="35:39" x14ac:dyDescent="0.35">
      <c r="AI9742" s="84"/>
      <c r="AM9742" s="84"/>
    </row>
    <row r="9743" spans="35:39" x14ac:dyDescent="0.35">
      <c r="AI9743" s="84"/>
      <c r="AM9743" s="84"/>
    </row>
    <row r="9744" spans="35:39" x14ac:dyDescent="0.35">
      <c r="AI9744" s="84"/>
      <c r="AM9744" s="84"/>
    </row>
    <row r="9745" spans="35:39" x14ac:dyDescent="0.35">
      <c r="AI9745" s="84"/>
      <c r="AM9745" s="84"/>
    </row>
    <row r="9746" spans="35:39" x14ac:dyDescent="0.35">
      <c r="AI9746" s="84"/>
      <c r="AM9746" s="84"/>
    </row>
    <row r="9747" spans="35:39" x14ac:dyDescent="0.35">
      <c r="AI9747" s="84"/>
      <c r="AM9747" s="84"/>
    </row>
    <row r="9748" spans="35:39" x14ac:dyDescent="0.35">
      <c r="AI9748" s="84"/>
      <c r="AM9748" s="84"/>
    </row>
    <row r="9749" spans="35:39" x14ac:dyDescent="0.35">
      <c r="AI9749" s="84"/>
      <c r="AM9749" s="84"/>
    </row>
    <row r="9750" spans="35:39" x14ac:dyDescent="0.35">
      <c r="AI9750" s="84"/>
      <c r="AM9750" s="84"/>
    </row>
    <row r="9751" spans="35:39" x14ac:dyDescent="0.35">
      <c r="AI9751" s="84"/>
      <c r="AM9751" s="84"/>
    </row>
    <row r="9752" spans="35:39" x14ac:dyDescent="0.35">
      <c r="AI9752" s="84"/>
      <c r="AM9752" s="84"/>
    </row>
    <row r="9753" spans="35:39" x14ac:dyDescent="0.35">
      <c r="AI9753" s="84"/>
      <c r="AM9753" s="84"/>
    </row>
    <row r="9754" spans="35:39" x14ac:dyDescent="0.35">
      <c r="AI9754" s="84"/>
      <c r="AM9754" s="84"/>
    </row>
    <row r="9755" spans="35:39" x14ac:dyDescent="0.35">
      <c r="AI9755" s="84"/>
      <c r="AM9755" s="84"/>
    </row>
    <row r="9756" spans="35:39" x14ac:dyDescent="0.35">
      <c r="AI9756" s="84"/>
      <c r="AM9756" s="84"/>
    </row>
    <row r="9757" spans="35:39" x14ac:dyDescent="0.35">
      <c r="AI9757" s="84"/>
      <c r="AM9757" s="84"/>
    </row>
    <row r="9758" spans="35:39" x14ac:dyDescent="0.35">
      <c r="AI9758" s="84"/>
      <c r="AM9758" s="84"/>
    </row>
    <row r="9759" spans="35:39" x14ac:dyDescent="0.35">
      <c r="AI9759" s="84"/>
      <c r="AM9759" s="84"/>
    </row>
    <row r="9760" spans="35:39" x14ac:dyDescent="0.35">
      <c r="AI9760" s="84"/>
      <c r="AM9760" s="84"/>
    </row>
    <row r="9761" spans="35:39" x14ac:dyDescent="0.35">
      <c r="AI9761" s="84"/>
      <c r="AM9761" s="84"/>
    </row>
    <row r="9762" spans="35:39" x14ac:dyDescent="0.35">
      <c r="AI9762" s="84"/>
      <c r="AM9762" s="84"/>
    </row>
    <row r="9763" spans="35:39" x14ac:dyDescent="0.35">
      <c r="AI9763" s="84"/>
      <c r="AM9763" s="84"/>
    </row>
    <row r="9764" spans="35:39" x14ac:dyDescent="0.35">
      <c r="AI9764" s="84"/>
      <c r="AM9764" s="84"/>
    </row>
    <row r="9765" spans="35:39" x14ac:dyDescent="0.35">
      <c r="AI9765" s="84"/>
      <c r="AM9765" s="84"/>
    </row>
    <row r="9766" spans="35:39" x14ac:dyDescent="0.35">
      <c r="AI9766" s="84"/>
      <c r="AM9766" s="84"/>
    </row>
    <row r="9767" spans="35:39" x14ac:dyDescent="0.35">
      <c r="AI9767" s="84"/>
      <c r="AM9767" s="84"/>
    </row>
    <row r="9768" spans="35:39" x14ac:dyDescent="0.35">
      <c r="AI9768" s="84"/>
      <c r="AM9768" s="84"/>
    </row>
    <row r="9769" spans="35:39" x14ac:dyDescent="0.35">
      <c r="AI9769" s="84"/>
      <c r="AM9769" s="84"/>
    </row>
    <row r="9770" spans="35:39" x14ac:dyDescent="0.35">
      <c r="AI9770" s="84"/>
      <c r="AM9770" s="84"/>
    </row>
    <row r="9771" spans="35:39" x14ac:dyDescent="0.35">
      <c r="AI9771" s="84"/>
      <c r="AM9771" s="84"/>
    </row>
    <row r="9772" spans="35:39" x14ac:dyDescent="0.35">
      <c r="AI9772" s="84"/>
      <c r="AM9772" s="84"/>
    </row>
    <row r="9773" spans="35:39" x14ac:dyDescent="0.35">
      <c r="AI9773" s="84"/>
      <c r="AM9773" s="84"/>
    </row>
    <row r="9774" spans="35:39" x14ac:dyDescent="0.35">
      <c r="AI9774" s="84"/>
      <c r="AM9774" s="84"/>
    </row>
    <row r="9775" spans="35:39" x14ac:dyDescent="0.35">
      <c r="AI9775" s="84"/>
      <c r="AM9775" s="84"/>
    </row>
    <row r="9776" spans="35:39" x14ac:dyDescent="0.35">
      <c r="AI9776" s="84"/>
      <c r="AM9776" s="84"/>
    </row>
    <row r="9777" spans="35:39" x14ac:dyDescent="0.35">
      <c r="AI9777" s="84"/>
      <c r="AM9777" s="84"/>
    </row>
    <row r="9778" spans="35:39" x14ac:dyDescent="0.35">
      <c r="AI9778" s="84"/>
      <c r="AM9778" s="84"/>
    </row>
    <row r="9779" spans="35:39" x14ac:dyDescent="0.35">
      <c r="AI9779" s="84"/>
      <c r="AM9779" s="84"/>
    </row>
    <row r="9780" spans="35:39" x14ac:dyDescent="0.35">
      <c r="AI9780" s="84"/>
      <c r="AM9780" s="84"/>
    </row>
    <row r="9781" spans="35:39" x14ac:dyDescent="0.35">
      <c r="AI9781" s="84"/>
      <c r="AM9781" s="84"/>
    </row>
    <row r="9782" spans="35:39" x14ac:dyDescent="0.35">
      <c r="AI9782" s="84"/>
      <c r="AM9782" s="84"/>
    </row>
    <row r="9783" spans="35:39" x14ac:dyDescent="0.35">
      <c r="AI9783" s="84"/>
      <c r="AM9783" s="84"/>
    </row>
    <row r="9784" spans="35:39" x14ac:dyDescent="0.35">
      <c r="AI9784" s="84"/>
      <c r="AM9784" s="84"/>
    </row>
    <row r="9785" spans="35:39" x14ac:dyDescent="0.35">
      <c r="AI9785" s="84"/>
      <c r="AM9785" s="84"/>
    </row>
    <row r="9786" spans="35:39" x14ac:dyDescent="0.35">
      <c r="AI9786" s="84"/>
      <c r="AM9786" s="84"/>
    </row>
    <row r="9787" spans="35:39" x14ac:dyDescent="0.35">
      <c r="AI9787" s="84"/>
      <c r="AM9787" s="84"/>
    </row>
    <row r="9788" spans="35:39" x14ac:dyDescent="0.35">
      <c r="AI9788" s="84"/>
      <c r="AM9788" s="84"/>
    </row>
    <row r="9789" spans="35:39" x14ac:dyDescent="0.35">
      <c r="AI9789" s="84"/>
      <c r="AM9789" s="84"/>
    </row>
    <row r="9790" spans="35:39" x14ac:dyDescent="0.35">
      <c r="AI9790" s="84"/>
      <c r="AM9790" s="84"/>
    </row>
    <row r="9791" spans="35:39" x14ac:dyDescent="0.35">
      <c r="AI9791" s="84"/>
      <c r="AM9791" s="84"/>
    </row>
    <row r="9792" spans="35:39" x14ac:dyDescent="0.35">
      <c r="AI9792" s="84"/>
      <c r="AM9792" s="84"/>
    </row>
    <row r="9793" spans="35:39" x14ac:dyDescent="0.35">
      <c r="AI9793" s="84"/>
      <c r="AM9793" s="84"/>
    </row>
    <row r="9794" spans="35:39" x14ac:dyDescent="0.35">
      <c r="AI9794" s="84"/>
      <c r="AM9794" s="84"/>
    </row>
    <row r="9795" spans="35:39" x14ac:dyDescent="0.35">
      <c r="AI9795" s="84"/>
      <c r="AM9795" s="84"/>
    </row>
    <row r="9796" spans="35:39" x14ac:dyDescent="0.35">
      <c r="AI9796" s="84"/>
      <c r="AM9796" s="84"/>
    </row>
    <row r="9797" spans="35:39" x14ac:dyDescent="0.35">
      <c r="AI9797" s="84"/>
      <c r="AM9797" s="84"/>
    </row>
    <row r="9798" spans="35:39" x14ac:dyDescent="0.35">
      <c r="AI9798" s="84"/>
      <c r="AM9798" s="84"/>
    </row>
    <row r="9799" spans="35:39" x14ac:dyDescent="0.35">
      <c r="AI9799" s="84"/>
      <c r="AM9799" s="84"/>
    </row>
    <row r="9800" spans="35:39" x14ac:dyDescent="0.35">
      <c r="AI9800" s="84"/>
      <c r="AM9800" s="84"/>
    </row>
    <row r="9801" spans="35:39" x14ac:dyDescent="0.35">
      <c r="AI9801" s="84"/>
      <c r="AM9801" s="84"/>
    </row>
    <row r="9802" spans="35:39" x14ac:dyDescent="0.35">
      <c r="AI9802" s="84"/>
      <c r="AM9802" s="84"/>
    </row>
    <row r="9803" spans="35:39" x14ac:dyDescent="0.35">
      <c r="AI9803" s="84"/>
      <c r="AM9803" s="84"/>
    </row>
    <row r="9804" spans="35:39" x14ac:dyDescent="0.35">
      <c r="AI9804" s="84"/>
      <c r="AM9804" s="84"/>
    </row>
    <row r="9805" spans="35:39" x14ac:dyDescent="0.35">
      <c r="AI9805" s="84"/>
      <c r="AM9805" s="84"/>
    </row>
    <row r="9806" spans="35:39" x14ac:dyDescent="0.35">
      <c r="AI9806" s="84"/>
      <c r="AM9806" s="84"/>
    </row>
    <row r="9807" spans="35:39" x14ac:dyDescent="0.35">
      <c r="AI9807" s="84"/>
      <c r="AM9807" s="84"/>
    </row>
    <row r="9808" spans="35:39" x14ac:dyDescent="0.35">
      <c r="AI9808" s="84"/>
      <c r="AM9808" s="84"/>
    </row>
    <row r="9809" spans="35:39" x14ac:dyDescent="0.35">
      <c r="AI9809" s="84"/>
      <c r="AM9809" s="84"/>
    </row>
    <row r="9810" spans="35:39" x14ac:dyDescent="0.35">
      <c r="AI9810" s="84"/>
      <c r="AM9810" s="84"/>
    </row>
    <row r="9811" spans="35:39" x14ac:dyDescent="0.35">
      <c r="AI9811" s="84"/>
      <c r="AM9811" s="84"/>
    </row>
    <row r="9812" spans="35:39" x14ac:dyDescent="0.35">
      <c r="AI9812" s="84"/>
      <c r="AM9812" s="84"/>
    </row>
    <row r="9813" spans="35:39" x14ac:dyDescent="0.35">
      <c r="AI9813" s="84"/>
      <c r="AM9813" s="84"/>
    </row>
    <row r="9814" spans="35:39" x14ac:dyDescent="0.35">
      <c r="AI9814" s="84"/>
      <c r="AM9814" s="84"/>
    </row>
    <row r="9815" spans="35:39" x14ac:dyDescent="0.35">
      <c r="AI9815" s="84"/>
      <c r="AM9815" s="84"/>
    </row>
    <row r="9816" spans="35:39" x14ac:dyDescent="0.35">
      <c r="AI9816" s="84"/>
      <c r="AM9816" s="84"/>
    </row>
    <row r="9817" spans="35:39" x14ac:dyDescent="0.35">
      <c r="AI9817" s="84"/>
      <c r="AM9817" s="84"/>
    </row>
    <row r="9818" spans="35:39" x14ac:dyDescent="0.35">
      <c r="AI9818" s="84"/>
      <c r="AM9818" s="84"/>
    </row>
    <row r="9819" spans="35:39" x14ac:dyDescent="0.35">
      <c r="AI9819" s="84"/>
      <c r="AM9819" s="84"/>
    </row>
    <row r="9820" spans="35:39" x14ac:dyDescent="0.35">
      <c r="AI9820" s="84"/>
      <c r="AM9820" s="84"/>
    </row>
    <row r="9821" spans="35:39" x14ac:dyDescent="0.35">
      <c r="AI9821" s="84"/>
      <c r="AM9821" s="84"/>
    </row>
    <row r="9822" spans="35:39" x14ac:dyDescent="0.35">
      <c r="AI9822" s="84"/>
      <c r="AM9822" s="84"/>
    </row>
    <row r="9823" spans="35:39" x14ac:dyDescent="0.35">
      <c r="AI9823" s="84"/>
      <c r="AM9823" s="84"/>
    </row>
    <row r="9824" spans="35:39" x14ac:dyDescent="0.35">
      <c r="AI9824" s="84"/>
      <c r="AM9824" s="84"/>
    </row>
    <row r="9825" spans="35:39" x14ac:dyDescent="0.35">
      <c r="AI9825" s="84"/>
      <c r="AM9825" s="84"/>
    </row>
    <row r="9826" spans="35:39" x14ac:dyDescent="0.35">
      <c r="AI9826" s="84"/>
      <c r="AM9826" s="84"/>
    </row>
    <row r="9827" spans="35:39" x14ac:dyDescent="0.35">
      <c r="AI9827" s="84"/>
      <c r="AM9827" s="84"/>
    </row>
    <row r="9828" spans="35:39" x14ac:dyDescent="0.35">
      <c r="AI9828" s="84"/>
      <c r="AM9828" s="84"/>
    </row>
    <row r="9829" spans="35:39" x14ac:dyDescent="0.35">
      <c r="AI9829" s="84"/>
      <c r="AM9829" s="84"/>
    </row>
    <row r="9830" spans="35:39" x14ac:dyDescent="0.35">
      <c r="AI9830" s="84"/>
      <c r="AM9830" s="84"/>
    </row>
    <row r="9831" spans="35:39" x14ac:dyDescent="0.35">
      <c r="AI9831" s="84"/>
      <c r="AM9831" s="84"/>
    </row>
    <row r="9832" spans="35:39" x14ac:dyDescent="0.35">
      <c r="AI9832" s="84"/>
      <c r="AM9832" s="84"/>
    </row>
    <row r="9833" spans="35:39" x14ac:dyDescent="0.35">
      <c r="AI9833" s="84"/>
      <c r="AM9833" s="84"/>
    </row>
    <row r="9834" spans="35:39" x14ac:dyDescent="0.35">
      <c r="AI9834" s="84"/>
      <c r="AM9834" s="84"/>
    </row>
    <row r="9835" spans="35:39" x14ac:dyDescent="0.35">
      <c r="AI9835" s="84"/>
      <c r="AM9835" s="84"/>
    </row>
    <row r="9836" spans="35:39" x14ac:dyDescent="0.35">
      <c r="AI9836" s="84"/>
      <c r="AM9836" s="84"/>
    </row>
    <row r="9837" spans="35:39" x14ac:dyDescent="0.35">
      <c r="AI9837" s="84"/>
      <c r="AM9837" s="84"/>
    </row>
    <row r="9838" spans="35:39" x14ac:dyDescent="0.35">
      <c r="AI9838" s="84"/>
      <c r="AM9838" s="84"/>
    </row>
    <row r="9839" spans="35:39" x14ac:dyDescent="0.35">
      <c r="AI9839" s="84"/>
      <c r="AM9839" s="84"/>
    </row>
    <row r="9840" spans="35:39" x14ac:dyDescent="0.35">
      <c r="AI9840" s="84"/>
      <c r="AM9840" s="84"/>
    </row>
    <row r="9841" spans="35:39" x14ac:dyDescent="0.35">
      <c r="AI9841" s="84"/>
      <c r="AM9841" s="84"/>
    </row>
    <row r="9842" spans="35:39" x14ac:dyDescent="0.35">
      <c r="AI9842" s="84"/>
      <c r="AM9842" s="84"/>
    </row>
    <row r="9843" spans="35:39" x14ac:dyDescent="0.35">
      <c r="AI9843" s="84"/>
      <c r="AM9843" s="84"/>
    </row>
    <row r="9844" spans="35:39" x14ac:dyDescent="0.35">
      <c r="AI9844" s="84"/>
      <c r="AM9844" s="84"/>
    </row>
    <row r="9845" spans="35:39" x14ac:dyDescent="0.35">
      <c r="AI9845" s="84"/>
      <c r="AM9845" s="84"/>
    </row>
    <row r="9846" spans="35:39" x14ac:dyDescent="0.35">
      <c r="AI9846" s="84"/>
      <c r="AM9846" s="84"/>
    </row>
    <row r="9847" spans="35:39" x14ac:dyDescent="0.35">
      <c r="AI9847" s="84"/>
      <c r="AM9847" s="84"/>
    </row>
    <row r="9848" spans="35:39" x14ac:dyDescent="0.35">
      <c r="AI9848" s="84"/>
      <c r="AM9848" s="84"/>
    </row>
    <row r="9849" spans="35:39" x14ac:dyDescent="0.35">
      <c r="AI9849" s="84"/>
      <c r="AM9849" s="84"/>
    </row>
    <row r="9850" spans="35:39" x14ac:dyDescent="0.35">
      <c r="AI9850" s="84"/>
      <c r="AM9850" s="84"/>
    </row>
    <row r="9851" spans="35:39" x14ac:dyDescent="0.35">
      <c r="AI9851" s="84"/>
      <c r="AM9851" s="84"/>
    </row>
    <row r="9852" spans="35:39" x14ac:dyDescent="0.35">
      <c r="AI9852" s="84"/>
      <c r="AM9852" s="84"/>
    </row>
    <row r="9853" spans="35:39" x14ac:dyDescent="0.35">
      <c r="AI9853" s="84"/>
      <c r="AM9853" s="84"/>
    </row>
    <row r="9854" spans="35:39" x14ac:dyDescent="0.35">
      <c r="AI9854" s="84"/>
      <c r="AM9854" s="84"/>
    </row>
    <row r="9855" spans="35:39" x14ac:dyDescent="0.35">
      <c r="AI9855" s="84"/>
      <c r="AM9855" s="84"/>
    </row>
    <row r="9856" spans="35:39" x14ac:dyDescent="0.35">
      <c r="AI9856" s="84"/>
      <c r="AM9856" s="84"/>
    </row>
    <row r="9857" spans="35:39" x14ac:dyDescent="0.35">
      <c r="AI9857" s="84"/>
      <c r="AM9857" s="84"/>
    </row>
    <row r="9858" spans="35:39" x14ac:dyDescent="0.35">
      <c r="AI9858" s="84"/>
      <c r="AM9858" s="84"/>
    </row>
    <row r="9859" spans="35:39" x14ac:dyDescent="0.35">
      <c r="AI9859" s="84"/>
      <c r="AM9859" s="84"/>
    </row>
    <row r="9860" spans="35:39" x14ac:dyDescent="0.35">
      <c r="AI9860" s="84"/>
      <c r="AM9860" s="84"/>
    </row>
    <row r="9861" spans="35:39" x14ac:dyDescent="0.35">
      <c r="AI9861" s="84"/>
      <c r="AM9861" s="84"/>
    </row>
    <row r="9862" spans="35:39" x14ac:dyDescent="0.35">
      <c r="AI9862" s="84"/>
      <c r="AM9862" s="84"/>
    </row>
    <row r="9863" spans="35:39" x14ac:dyDescent="0.35">
      <c r="AI9863" s="84"/>
      <c r="AM9863" s="84"/>
    </row>
    <row r="9864" spans="35:39" x14ac:dyDescent="0.35">
      <c r="AI9864" s="84"/>
      <c r="AM9864" s="84"/>
    </row>
    <row r="9865" spans="35:39" x14ac:dyDescent="0.35">
      <c r="AI9865" s="84"/>
      <c r="AM9865" s="84"/>
    </row>
    <row r="9866" spans="35:39" x14ac:dyDescent="0.35">
      <c r="AI9866" s="84"/>
      <c r="AM9866" s="84"/>
    </row>
    <row r="9867" spans="35:39" x14ac:dyDescent="0.35">
      <c r="AI9867" s="84"/>
      <c r="AM9867" s="84"/>
    </row>
    <row r="9868" spans="35:39" x14ac:dyDescent="0.35">
      <c r="AI9868" s="84"/>
      <c r="AM9868" s="84"/>
    </row>
    <row r="9869" spans="35:39" x14ac:dyDescent="0.35">
      <c r="AI9869" s="84"/>
      <c r="AM9869" s="84"/>
    </row>
    <row r="9870" spans="35:39" x14ac:dyDescent="0.35">
      <c r="AI9870" s="84"/>
      <c r="AM9870" s="84"/>
    </row>
    <row r="9871" spans="35:39" x14ac:dyDescent="0.35">
      <c r="AI9871" s="84"/>
      <c r="AM9871" s="84"/>
    </row>
    <row r="9872" spans="35:39" x14ac:dyDescent="0.35">
      <c r="AI9872" s="84"/>
      <c r="AM9872" s="84"/>
    </row>
    <row r="9873" spans="35:39" x14ac:dyDescent="0.35">
      <c r="AI9873" s="84"/>
      <c r="AM9873" s="84"/>
    </row>
    <row r="9874" spans="35:39" x14ac:dyDescent="0.35">
      <c r="AI9874" s="84"/>
      <c r="AM9874" s="84"/>
    </row>
    <row r="9875" spans="35:39" x14ac:dyDescent="0.35">
      <c r="AI9875" s="84"/>
      <c r="AM9875" s="84"/>
    </row>
    <row r="9876" spans="35:39" x14ac:dyDescent="0.35">
      <c r="AI9876" s="84"/>
      <c r="AM9876" s="84"/>
    </row>
    <row r="9877" spans="35:39" x14ac:dyDescent="0.35">
      <c r="AI9877" s="84"/>
      <c r="AM9877" s="84"/>
    </row>
    <row r="9878" spans="35:39" x14ac:dyDescent="0.35">
      <c r="AI9878" s="84"/>
      <c r="AM9878" s="84"/>
    </row>
    <row r="9879" spans="35:39" x14ac:dyDescent="0.35">
      <c r="AI9879" s="84"/>
      <c r="AM9879" s="84"/>
    </row>
    <row r="9880" spans="35:39" x14ac:dyDescent="0.35">
      <c r="AI9880" s="84"/>
      <c r="AM9880" s="84"/>
    </row>
    <row r="9881" spans="35:39" x14ac:dyDescent="0.35">
      <c r="AI9881" s="84"/>
      <c r="AM9881" s="84"/>
    </row>
    <row r="9882" spans="35:39" x14ac:dyDescent="0.35">
      <c r="AI9882" s="84"/>
      <c r="AM9882" s="84"/>
    </row>
    <row r="9883" spans="35:39" x14ac:dyDescent="0.35">
      <c r="AI9883" s="84"/>
      <c r="AM9883" s="84"/>
    </row>
    <row r="9884" spans="35:39" x14ac:dyDescent="0.35">
      <c r="AI9884" s="84"/>
      <c r="AM9884" s="84"/>
    </row>
    <row r="9885" spans="35:39" x14ac:dyDescent="0.35">
      <c r="AI9885" s="84"/>
      <c r="AM9885" s="84"/>
    </row>
    <row r="9886" spans="35:39" x14ac:dyDescent="0.35">
      <c r="AI9886" s="84"/>
      <c r="AM9886" s="84"/>
    </row>
    <row r="9887" spans="35:39" x14ac:dyDescent="0.35">
      <c r="AI9887" s="84"/>
      <c r="AM9887" s="84"/>
    </row>
    <row r="9888" spans="35:39" x14ac:dyDescent="0.35">
      <c r="AI9888" s="84"/>
      <c r="AM9888" s="84"/>
    </row>
    <row r="9889" spans="35:39" x14ac:dyDescent="0.35">
      <c r="AI9889" s="84"/>
      <c r="AM9889" s="84"/>
    </row>
    <row r="9890" spans="35:39" x14ac:dyDescent="0.35">
      <c r="AI9890" s="84"/>
      <c r="AM9890" s="84"/>
    </row>
    <row r="9891" spans="35:39" x14ac:dyDescent="0.35">
      <c r="AI9891" s="84"/>
      <c r="AM9891" s="84"/>
    </row>
    <row r="9892" spans="35:39" x14ac:dyDescent="0.35">
      <c r="AI9892" s="84"/>
      <c r="AM9892" s="84"/>
    </row>
    <row r="9893" spans="35:39" x14ac:dyDescent="0.35">
      <c r="AI9893" s="84"/>
      <c r="AM9893" s="84"/>
    </row>
    <row r="9894" spans="35:39" x14ac:dyDescent="0.35">
      <c r="AI9894" s="84"/>
      <c r="AM9894" s="84"/>
    </row>
    <row r="9895" spans="35:39" x14ac:dyDescent="0.35">
      <c r="AI9895" s="84"/>
      <c r="AM9895" s="84"/>
    </row>
    <row r="9896" spans="35:39" x14ac:dyDescent="0.35">
      <c r="AI9896" s="84"/>
      <c r="AM9896" s="84"/>
    </row>
    <row r="9897" spans="35:39" x14ac:dyDescent="0.35">
      <c r="AI9897" s="84"/>
      <c r="AM9897" s="84"/>
    </row>
    <row r="9898" spans="35:39" x14ac:dyDescent="0.35">
      <c r="AI9898" s="84"/>
      <c r="AM9898" s="84"/>
    </row>
    <row r="9899" spans="35:39" x14ac:dyDescent="0.35">
      <c r="AI9899" s="84"/>
      <c r="AM9899" s="84"/>
    </row>
    <row r="9900" spans="35:39" x14ac:dyDescent="0.35">
      <c r="AI9900" s="84"/>
      <c r="AM9900" s="84"/>
    </row>
    <row r="9901" spans="35:39" x14ac:dyDescent="0.35">
      <c r="AI9901" s="84"/>
      <c r="AM9901" s="84"/>
    </row>
    <row r="9902" spans="35:39" x14ac:dyDescent="0.35">
      <c r="AI9902" s="84"/>
      <c r="AM9902" s="84"/>
    </row>
    <row r="9903" spans="35:39" x14ac:dyDescent="0.35">
      <c r="AI9903" s="84"/>
      <c r="AM9903" s="84"/>
    </row>
    <row r="9904" spans="35:39" x14ac:dyDescent="0.35">
      <c r="AI9904" s="84"/>
      <c r="AM9904" s="84"/>
    </row>
    <row r="9905" spans="35:39" x14ac:dyDescent="0.35">
      <c r="AI9905" s="84"/>
      <c r="AM9905" s="84"/>
    </row>
    <row r="9906" spans="35:39" x14ac:dyDescent="0.35">
      <c r="AI9906" s="84"/>
      <c r="AM9906" s="84"/>
    </row>
    <row r="9907" spans="35:39" x14ac:dyDescent="0.35">
      <c r="AI9907" s="84"/>
      <c r="AM9907" s="84"/>
    </row>
    <row r="9908" spans="35:39" x14ac:dyDescent="0.35">
      <c r="AI9908" s="84"/>
      <c r="AM9908" s="84"/>
    </row>
    <row r="9909" spans="35:39" x14ac:dyDescent="0.35">
      <c r="AI9909" s="84"/>
      <c r="AM9909" s="84"/>
    </row>
    <row r="9910" spans="35:39" x14ac:dyDescent="0.35">
      <c r="AI9910" s="84"/>
      <c r="AM9910" s="84"/>
    </row>
    <row r="9911" spans="35:39" x14ac:dyDescent="0.35">
      <c r="AI9911" s="84"/>
      <c r="AM9911" s="84"/>
    </row>
    <row r="9912" spans="35:39" x14ac:dyDescent="0.35">
      <c r="AI9912" s="84"/>
      <c r="AM9912" s="84"/>
    </row>
    <row r="9913" spans="35:39" x14ac:dyDescent="0.35">
      <c r="AI9913" s="84"/>
      <c r="AM9913" s="84"/>
    </row>
    <row r="9914" spans="35:39" x14ac:dyDescent="0.35">
      <c r="AI9914" s="84"/>
      <c r="AM9914" s="84"/>
    </row>
    <row r="9915" spans="35:39" x14ac:dyDescent="0.35">
      <c r="AI9915" s="84"/>
      <c r="AM9915" s="84"/>
    </row>
    <row r="9916" spans="35:39" x14ac:dyDescent="0.35">
      <c r="AI9916" s="84"/>
      <c r="AM9916" s="84"/>
    </row>
    <row r="9917" spans="35:39" x14ac:dyDescent="0.35">
      <c r="AI9917" s="84"/>
      <c r="AM9917" s="84"/>
    </row>
    <row r="9918" spans="35:39" x14ac:dyDescent="0.35">
      <c r="AI9918" s="84"/>
      <c r="AM9918" s="84"/>
    </row>
    <row r="9919" spans="35:39" x14ac:dyDescent="0.35">
      <c r="AI9919" s="84"/>
      <c r="AM9919" s="84"/>
    </row>
    <row r="9920" spans="35:39" x14ac:dyDescent="0.35">
      <c r="AI9920" s="84"/>
      <c r="AM9920" s="84"/>
    </row>
    <row r="9921" spans="35:39" x14ac:dyDescent="0.35">
      <c r="AI9921" s="84"/>
      <c r="AM9921" s="84"/>
    </row>
    <row r="9922" spans="35:39" x14ac:dyDescent="0.35">
      <c r="AI9922" s="84"/>
      <c r="AM9922" s="84"/>
    </row>
    <row r="9923" spans="35:39" x14ac:dyDescent="0.35">
      <c r="AI9923" s="84"/>
      <c r="AM9923" s="84"/>
    </row>
    <row r="9924" spans="35:39" x14ac:dyDescent="0.35">
      <c r="AI9924" s="84"/>
      <c r="AM9924" s="84"/>
    </row>
    <row r="9925" spans="35:39" x14ac:dyDescent="0.35">
      <c r="AI9925" s="84"/>
      <c r="AM9925" s="84"/>
    </row>
    <row r="9926" spans="35:39" x14ac:dyDescent="0.35">
      <c r="AI9926" s="84"/>
      <c r="AM9926" s="84"/>
    </row>
    <row r="9927" spans="35:39" x14ac:dyDescent="0.35">
      <c r="AI9927" s="84"/>
      <c r="AM9927" s="84"/>
    </row>
    <row r="9928" spans="35:39" x14ac:dyDescent="0.35">
      <c r="AI9928" s="84"/>
      <c r="AM9928" s="84"/>
    </row>
    <row r="9929" spans="35:39" x14ac:dyDescent="0.35">
      <c r="AI9929" s="84"/>
      <c r="AM9929" s="84"/>
    </row>
    <row r="9930" spans="35:39" x14ac:dyDescent="0.35">
      <c r="AI9930" s="84"/>
      <c r="AM9930" s="84"/>
    </row>
    <row r="9931" spans="35:39" x14ac:dyDescent="0.35">
      <c r="AI9931" s="84"/>
      <c r="AM9931" s="84"/>
    </row>
    <row r="9932" spans="35:39" x14ac:dyDescent="0.35">
      <c r="AI9932" s="84"/>
      <c r="AM9932" s="84"/>
    </row>
    <row r="9933" spans="35:39" x14ac:dyDescent="0.35">
      <c r="AI9933" s="84"/>
      <c r="AM9933" s="84"/>
    </row>
    <row r="9934" spans="35:39" x14ac:dyDescent="0.35">
      <c r="AI9934" s="84"/>
      <c r="AM9934" s="84"/>
    </row>
    <row r="9935" spans="35:39" x14ac:dyDescent="0.35">
      <c r="AI9935" s="84"/>
      <c r="AM9935" s="84"/>
    </row>
    <row r="9936" spans="35:39" x14ac:dyDescent="0.35">
      <c r="AI9936" s="84"/>
      <c r="AM9936" s="84"/>
    </row>
    <row r="9937" spans="35:39" x14ac:dyDescent="0.35">
      <c r="AI9937" s="84"/>
      <c r="AM9937" s="84"/>
    </row>
    <row r="9938" spans="35:39" x14ac:dyDescent="0.35">
      <c r="AI9938" s="84"/>
      <c r="AM9938" s="84"/>
    </row>
    <row r="9939" spans="35:39" x14ac:dyDescent="0.35">
      <c r="AI9939" s="84"/>
      <c r="AM9939" s="84"/>
    </row>
    <row r="9940" spans="35:39" x14ac:dyDescent="0.35">
      <c r="AI9940" s="84"/>
      <c r="AM9940" s="84"/>
    </row>
    <row r="9941" spans="35:39" x14ac:dyDescent="0.35">
      <c r="AI9941" s="84"/>
      <c r="AM9941" s="84"/>
    </row>
    <row r="9942" spans="35:39" x14ac:dyDescent="0.35">
      <c r="AI9942" s="84"/>
      <c r="AM9942" s="84"/>
    </row>
    <row r="9943" spans="35:39" x14ac:dyDescent="0.35">
      <c r="AI9943" s="84"/>
      <c r="AM9943" s="84"/>
    </row>
    <row r="9944" spans="35:39" x14ac:dyDescent="0.35">
      <c r="AI9944" s="84"/>
      <c r="AM9944" s="84"/>
    </row>
    <row r="9945" spans="35:39" x14ac:dyDescent="0.35">
      <c r="AI9945" s="84"/>
      <c r="AM9945" s="84"/>
    </row>
    <row r="9946" spans="35:39" x14ac:dyDescent="0.35">
      <c r="AI9946" s="84"/>
      <c r="AM9946" s="84"/>
    </row>
    <row r="9947" spans="35:39" x14ac:dyDescent="0.35">
      <c r="AI9947" s="84"/>
      <c r="AM9947" s="84"/>
    </row>
    <row r="9948" spans="35:39" x14ac:dyDescent="0.35">
      <c r="AI9948" s="84"/>
      <c r="AM9948" s="84"/>
    </row>
    <row r="9949" spans="35:39" x14ac:dyDescent="0.35">
      <c r="AI9949" s="84"/>
      <c r="AM9949" s="84"/>
    </row>
    <row r="9950" spans="35:39" x14ac:dyDescent="0.35">
      <c r="AI9950" s="84"/>
      <c r="AM9950" s="84"/>
    </row>
    <row r="9951" spans="35:39" x14ac:dyDescent="0.35">
      <c r="AI9951" s="84"/>
      <c r="AM9951" s="84"/>
    </row>
    <row r="9952" spans="35:39" x14ac:dyDescent="0.35">
      <c r="AI9952" s="84"/>
      <c r="AM9952" s="84"/>
    </row>
    <row r="9953" spans="35:39" x14ac:dyDescent="0.35">
      <c r="AI9953" s="84"/>
      <c r="AM9953" s="84"/>
    </row>
    <row r="9954" spans="35:39" x14ac:dyDescent="0.35">
      <c r="AI9954" s="84"/>
      <c r="AM9954" s="84"/>
    </row>
    <row r="9955" spans="35:39" x14ac:dyDescent="0.35">
      <c r="AI9955" s="84"/>
      <c r="AM9955" s="84"/>
    </row>
    <row r="9956" spans="35:39" x14ac:dyDescent="0.35">
      <c r="AI9956" s="84"/>
      <c r="AM9956" s="84"/>
    </row>
    <row r="9957" spans="35:39" x14ac:dyDescent="0.35">
      <c r="AI9957" s="84"/>
      <c r="AM9957" s="84"/>
    </row>
    <row r="9958" spans="35:39" x14ac:dyDescent="0.35">
      <c r="AI9958" s="84"/>
      <c r="AM9958" s="84"/>
    </row>
    <row r="9959" spans="35:39" x14ac:dyDescent="0.35">
      <c r="AI9959" s="84"/>
      <c r="AM9959" s="84"/>
    </row>
    <row r="9960" spans="35:39" x14ac:dyDescent="0.35">
      <c r="AI9960" s="84"/>
      <c r="AM9960" s="84"/>
    </row>
    <row r="9961" spans="35:39" x14ac:dyDescent="0.35">
      <c r="AI9961" s="84"/>
      <c r="AM9961" s="84"/>
    </row>
    <row r="9962" spans="35:39" x14ac:dyDescent="0.35">
      <c r="AI9962" s="84"/>
      <c r="AM9962" s="84"/>
    </row>
    <row r="9963" spans="35:39" x14ac:dyDescent="0.35">
      <c r="AI9963" s="84"/>
      <c r="AM9963" s="84"/>
    </row>
    <row r="9964" spans="35:39" x14ac:dyDescent="0.35">
      <c r="AI9964" s="84"/>
      <c r="AM9964" s="84"/>
    </row>
    <row r="9965" spans="35:39" x14ac:dyDescent="0.35">
      <c r="AI9965" s="84"/>
      <c r="AM9965" s="84"/>
    </row>
    <row r="9966" spans="35:39" x14ac:dyDescent="0.35">
      <c r="AI9966" s="84"/>
      <c r="AM9966" s="84"/>
    </row>
    <row r="9967" spans="35:39" x14ac:dyDescent="0.35">
      <c r="AI9967" s="84"/>
      <c r="AM9967" s="84"/>
    </row>
    <row r="9968" spans="35:39" x14ac:dyDescent="0.35">
      <c r="AI9968" s="84"/>
      <c r="AM9968" s="84"/>
    </row>
    <row r="9969" spans="35:39" x14ac:dyDescent="0.35">
      <c r="AI9969" s="84"/>
      <c r="AM9969" s="84"/>
    </row>
    <row r="9970" spans="35:39" x14ac:dyDescent="0.35">
      <c r="AI9970" s="84"/>
      <c r="AM9970" s="84"/>
    </row>
    <row r="9971" spans="35:39" x14ac:dyDescent="0.35">
      <c r="AI9971" s="84"/>
      <c r="AM9971" s="84"/>
    </row>
    <row r="9972" spans="35:39" x14ac:dyDescent="0.35">
      <c r="AI9972" s="84"/>
      <c r="AM9972" s="84"/>
    </row>
    <row r="9973" spans="35:39" x14ac:dyDescent="0.35">
      <c r="AI9973" s="84"/>
      <c r="AM9973" s="84"/>
    </row>
    <row r="9974" spans="35:39" x14ac:dyDescent="0.35">
      <c r="AI9974" s="84"/>
      <c r="AM9974" s="84"/>
    </row>
    <row r="9975" spans="35:39" x14ac:dyDescent="0.35">
      <c r="AI9975" s="84"/>
      <c r="AM9975" s="84"/>
    </row>
    <row r="9976" spans="35:39" x14ac:dyDescent="0.35">
      <c r="AI9976" s="84"/>
      <c r="AM9976" s="84"/>
    </row>
    <row r="9977" spans="35:39" x14ac:dyDescent="0.35">
      <c r="AI9977" s="84"/>
      <c r="AM9977" s="84"/>
    </row>
    <row r="9978" spans="35:39" x14ac:dyDescent="0.35">
      <c r="AI9978" s="84"/>
      <c r="AM9978" s="84"/>
    </row>
    <row r="9979" spans="35:39" x14ac:dyDescent="0.35">
      <c r="AI9979" s="84"/>
      <c r="AM9979" s="84"/>
    </row>
    <row r="9980" spans="35:39" x14ac:dyDescent="0.35">
      <c r="AI9980" s="84"/>
      <c r="AM9980" s="84"/>
    </row>
    <row r="9981" spans="35:39" x14ac:dyDescent="0.35">
      <c r="AI9981" s="84"/>
      <c r="AM9981" s="84"/>
    </row>
    <row r="9982" spans="35:39" x14ac:dyDescent="0.35">
      <c r="AI9982" s="84"/>
      <c r="AM9982" s="84"/>
    </row>
    <row r="9983" spans="35:39" x14ac:dyDescent="0.35">
      <c r="AI9983" s="84"/>
      <c r="AM9983" s="84"/>
    </row>
    <row r="9984" spans="35:39" x14ac:dyDescent="0.35">
      <c r="AI9984" s="84"/>
      <c r="AM9984" s="84"/>
    </row>
    <row r="9985" spans="35:39" x14ac:dyDescent="0.35">
      <c r="AI9985" s="84"/>
      <c r="AM9985" s="84"/>
    </row>
    <row r="9986" spans="35:39" x14ac:dyDescent="0.35">
      <c r="AI9986" s="84"/>
      <c r="AM9986" s="84"/>
    </row>
    <row r="9987" spans="35:39" x14ac:dyDescent="0.35">
      <c r="AI9987" s="84"/>
      <c r="AM9987" s="84"/>
    </row>
    <row r="9988" spans="35:39" x14ac:dyDescent="0.35">
      <c r="AI9988" s="84"/>
      <c r="AM9988" s="84"/>
    </row>
    <row r="9989" spans="35:39" x14ac:dyDescent="0.35">
      <c r="AI9989" s="84"/>
      <c r="AM9989" s="84"/>
    </row>
    <row r="9990" spans="35:39" x14ac:dyDescent="0.35">
      <c r="AI9990" s="84"/>
      <c r="AM9990" s="84"/>
    </row>
    <row r="9991" spans="35:39" x14ac:dyDescent="0.35">
      <c r="AI9991" s="84"/>
      <c r="AM9991" s="84"/>
    </row>
    <row r="9992" spans="35:39" x14ac:dyDescent="0.35">
      <c r="AI9992" s="84"/>
      <c r="AM9992" s="84"/>
    </row>
    <row r="9993" spans="35:39" x14ac:dyDescent="0.35">
      <c r="AI9993" s="84"/>
      <c r="AM9993" s="84"/>
    </row>
    <row r="9994" spans="35:39" x14ac:dyDescent="0.35">
      <c r="AI9994" s="84"/>
      <c r="AM9994" s="84"/>
    </row>
    <row r="9995" spans="35:39" x14ac:dyDescent="0.35">
      <c r="AI9995" s="84"/>
      <c r="AM9995" s="84"/>
    </row>
    <row r="9996" spans="35:39" x14ac:dyDescent="0.35">
      <c r="AI9996" s="84"/>
      <c r="AM9996" s="84"/>
    </row>
    <row r="9997" spans="35:39" x14ac:dyDescent="0.35">
      <c r="AI9997" s="84"/>
      <c r="AM9997" s="84"/>
    </row>
    <row r="9998" spans="35:39" x14ac:dyDescent="0.35">
      <c r="AI9998" s="84"/>
      <c r="AM9998" s="84"/>
    </row>
    <row r="9999" spans="35:39" x14ac:dyDescent="0.35">
      <c r="AI9999" s="84"/>
      <c r="AM9999" s="84"/>
    </row>
    <row r="10000" spans="35:39" x14ac:dyDescent="0.35">
      <c r="AI10000" s="84"/>
      <c r="AM10000" s="84"/>
    </row>
    <row r="10001" spans="35:39" x14ac:dyDescent="0.35">
      <c r="AI10001" s="84"/>
      <c r="AM10001" s="84"/>
    </row>
    <row r="10002" spans="35:39" x14ac:dyDescent="0.35">
      <c r="AI10002" s="84"/>
      <c r="AM10002" s="84"/>
    </row>
    <row r="10003" spans="35:39" x14ac:dyDescent="0.35">
      <c r="AI10003" s="84"/>
      <c r="AM10003" s="84"/>
    </row>
    <row r="10004" spans="35:39" x14ac:dyDescent="0.35">
      <c r="AI10004" s="84"/>
      <c r="AM10004" s="84"/>
    </row>
    <row r="10005" spans="35:39" x14ac:dyDescent="0.35">
      <c r="AI10005" s="84"/>
      <c r="AM10005" s="84"/>
    </row>
    <row r="10006" spans="35:39" x14ac:dyDescent="0.35">
      <c r="AI10006" s="84"/>
      <c r="AM10006" s="84"/>
    </row>
    <row r="10007" spans="35:39" x14ac:dyDescent="0.35">
      <c r="AI10007" s="84"/>
      <c r="AM10007" s="84"/>
    </row>
    <row r="10008" spans="35:39" x14ac:dyDescent="0.35">
      <c r="AI10008" s="84"/>
      <c r="AM10008" s="84"/>
    </row>
    <row r="10009" spans="35:39" x14ac:dyDescent="0.35">
      <c r="AI10009" s="84"/>
      <c r="AM10009" s="84"/>
    </row>
    <row r="10010" spans="35:39" x14ac:dyDescent="0.35">
      <c r="AI10010" s="84"/>
      <c r="AM10010" s="84"/>
    </row>
    <row r="10011" spans="35:39" x14ac:dyDescent="0.35">
      <c r="AI10011" s="84"/>
      <c r="AM10011" s="84"/>
    </row>
    <row r="10012" spans="35:39" x14ac:dyDescent="0.35">
      <c r="AI10012" s="84"/>
      <c r="AM10012" s="84"/>
    </row>
    <row r="10013" spans="35:39" x14ac:dyDescent="0.35">
      <c r="AI10013" s="84"/>
      <c r="AM10013" s="84"/>
    </row>
    <row r="10014" spans="35:39" x14ac:dyDescent="0.35">
      <c r="AI10014" s="84"/>
      <c r="AM10014" s="84"/>
    </row>
    <row r="10015" spans="35:39" x14ac:dyDescent="0.35">
      <c r="AI10015" s="84"/>
      <c r="AM10015" s="84"/>
    </row>
    <row r="10016" spans="35:39" x14ac:dyDescent="0.35">
      <c r="AI10016" s="84"/>
      <c r="AM10016" s="84"/>
    </row>
    <row r="10017" spans="35:39" x14ac:dyDescent="0.35">
      <c r="AI10017" s="84"/>
      <c r="AM10017" s="84"/>
    </row>
    <row r="10018" spans="35:39" x14ac:dyDescent="0.35">
      <c r="AI10018" s="84"/>
      <c r="AM10018" s="84"/>
    </row>
    <row r="10019" spans="35:39" x14ac:dyDescent="0.35">
      <c r="AI10019" s="84"/>
      <c r="AM10019" s="84"/>
    </row>
    <row r="10020" spans="35:39" x14ac:dyDescent="0.35">
      <c r="AI10020" s="84"/>
      <c r="AM10020" s="84"/>
    </row>
    <row r="10021" spans="35:39" x14ac:dyDescent="0.35">
      <c r="AI10021" s="84"/>
      <c r="AM10021" s="84"/>
    </row>
    <row r="10022" spans="35:39" x14ac:dyDescent="0.35">
      <c r="AI10022" s="84"/>
      <c r="AM10022" s="84"/>
    </row>
    <row r="10023" spans="35:39" x14ac:dyDescent="0.35">
      <c r="AI10023" s="84"/>
      <c r="AM10023" s="84"/>
    </row>
    <row r="10024" spans="35:39" x14ac:dyDescent="0.35">
      <c r="AI10024" s="84"/>
      <c r="AM10024" s="84"/>
    </row>
    <row r="10025" spans="35:39" x14ac:dyDescent="0.35">
      <c r="AI10025" s="84"/>
      <c r="AM10025" s="84"/>
    </row>
    <row r="10026" spans="35:39" x14ac:dyDescent="0.35">
      <c r="AI10026" s="84"/>
      <c r="AM10026" s="84"/>
    </row>
    <row r="10027" spans="35:39" x14ac:dyDescent="0.35">
      <c r="AI10027" s="84"/>
      <c r="AM10027" s="84"/>
    </row>
    <row r="10028" spans="35:39" x14ac:dyDescent="0.35">
      <c r="AI10028" s="84"/>
      <c r="AM10028" s="84"/>
    </row>
    <row r="10029" spans="35:39" x14ac:dyDescent="0.35">
      <c r="AI10029" s="84"/>
      <c r="AM10029" s="84"/>
    </row>
    <row r="10030" spans="35:39" x14ac:dyDescent="0.35">
      <c r="AI10030" s="84"/>
      <c r="AM10030" s="84"/>
    </row>
    <row r="10031" spans="35:39" x14ac:dyDescent="0.35">
      <c r="AI10031" s="84"/>
      <c r="AM10031" s="84"/>
    </row>
    <row r="10032" spans="35:39" x14ac:dyDescent="0.35">
      <c r="AI10032" s="84"/>
      <c r="AM10032" s="84"/>
    </row>
    <row r="10033" spans="35:39" x14ac:dyDescent="0.35">
      <c r="AI10033" s="84"/>
      <c r="AM10033" s="84"/>
    </row>
    <row r="10034" spans="35:39" x14ac:dyDescent="0.35">
      <c r="AI10034" s="84"/>
      <c r="AM10034" s="84"/>
    </row>
    <row r="10035" spans="35:39" x14ac:dyDescent="0.35">
      <c r="AI10035" s="84"/>
      <c r="AM10035" s="84"/>
    </row>
    <row r="10036" spans="35:39" x14ac:dyDescent="0.35">
      <c r="AI10036" s="84"/>
      <c r="AM10036" s="84"/>
    </row>
    <row r="10037" spans="35:39" x14ac:dyDescent="0.35">
      <c r="AI10037" s="84"/>
      <c r="AM10037" s="84"/>
    </row>
    <row r="10038" spans="35:39" x14ac:dyDescent="0.35">
      <c r="AI10038" s="84"/>
      <c r="AM10038" s="84"/>
    </row>
    <row r="10039" spans="35:39" x14ac:dyDescent="0.35">
      <c r="AI10039" s="84"/>
      <c r="AM10039" s="84"/>
    </row>
    <row r="10040" spans="35:39" x14ac:dyDescent="0.35">
      <c r="AI10040" s="84"/>
      <c r="AM10040" s="84"/>
    </row>
    <row r="10041" spans="35:39" x14ac:dyDescent="0.35">
      <c r="AI10041" s="84"/>
      <c r="AM10041" s="84"/>
    </row>
    <row r="10042" spans="35:39" x14ac:dyDescent="0.35">
      <c r="AI10042" s="84"/>
      <c r="AM10042" s="84"/>
    </row>
    <row r="10043" spans="35:39" x14ac:dyDescent="0.35">
      <c r="AI10043" s="84"/>
      <c r="AM10043" s="84"/>
    </row>
    <row r="10044" spans="35:39" x14ac:dyDescent="0.35">
      <c r="AI10044" s="84"/>
      <c r="AM10044" s="84"/>
    </row>
    <row r="10045" spans="35:39" x14ac:dyDescent="0.35">
      <c r="AI10045" s="84"/>
      <c r="AM10045" s="84"/>
    </row>
    <row r="10046" spans="35:39" x14ac:dyDescent="0.35">
      <c r="AI10046" s="84"/>
      <c r="AM10046" s="84"/>
    </row>
    <row r="10047" spans="35:39" x14ac:dyDescent="0.35">
      <c r="AI10047" s="84"/>
      <c r="AM10047" s="84"/>
    </row>
    <row r="10048" spans="35:39" x14ac:dyDescent="0.35">
      <c r="AI10048" s="84"/>
      <c r="AM10048" s="84"/>
    </row>
    <row r="10049" spans="35:39" x14ac:dyDescent="0.35">
      <c r="AI10049" s="84"/>
      <c r="AM10049" s="84"/>
    </row>
    <row r="10050" spans="35:39" x14ac:dyDescent="0.35">
      <c r="AI10050" s="84"/>
      <c r="AM10050" s="84"/>
    </row>
    <row r="10051" spans="35:39" x14ac:dyDescent="0.35">
      <c r="AI10051" s="84"/>
      <c r="AM10051" s="84"/>
    </row>
    <row r="10052" spans="35:39" x14ac:dyDescent="0.35">
      <c r="AI10052" s="84"/>
      <c r="AM10052" s="84"/>
    </row>
    <row r="10053" spans="35:39" x14ac:dyDescent="0.35">
      <c r="AI10053" s="84"/>
      <c r="AM10053" s="84"/>
    </row>
    <row r="10054" spans="35:39" x14ac:dyDescent="0.35">
      <c r="AI10054" s="84"/>
      <c r="AM10054" s="84"/>
    </row>
    <row r="10055" spans="35:39" x14ac:dyDescent="0.35">
      <c r="AI10055" s="84"/>
      <c r="AM10055" s="84"/>
    </row>
    <row r="10056" spans="35:39" x14ac:dyDescent="0.35">
      <c r="AI10056" s="84"/>
      <c r="AM10056" s="84"/>
    </row>
    <row r="10057" spans="35:39" x14ac:dyDescent="0.35">
      <c r="AI10057" s="84"/>
      <c r="AM10057" s="84"/>
    </row>
    <row r="10058" spans="35:39" x14ac:dyDescent="0.35">
      <c r="AI10058" s="84"/>
      <c r="AM10058" s="84"/>
    </row>
    <row r="10059" spans="35:39" x14ac:dyDescent="0.35">
      <c r="AI10059" s="84"/>
      <c r="AM10059" s="84"/>
    </row>
    <row r="10060" spans="35:39" x14ac:dyDescent="0.35">
      <c r="AI10060" s="84"/>
      <c r="AM10060" s="84"/>
    </row>
    <row r="10061" spans="35:39" x14ac:dyDescent="0.35">
      <c r="AI10061" s="84"/>
      <c r="AM10061" s="84"/>
    </row>
    <row r="10062" spans="35:39" x14ac:dyDescent="0.35">
      <c r="AI10062" s="84"/>
      <c r="AM10062" s="84"/>
    </row>
    <row r="10063" spans="35:39" x14ac:dyDescent="0.35">
      <c r="AI10063" s="84"/>
      <c r="AM10063" s="84"/>
    </row>
    <row r="10064" spans="35:39" x14ac:dyDescent="0.35">
      <c r="AI10064" s="84"/>
      <c r="AM10064" s="84"/>
    </row>
    <row r="10065" spans="35:39" x14ac:dyDescent="0.35">
      <c r="AI10065" s="84"/>
      <c r="AM10065" s="84"/>
    </row>
    <row r="10066" spans="35:39" x14ac:dyDescent="0.35">
      <c r="AI10066" s="84"/>
      <c r="AM10066" s="84"/>
    </row>
    <row r="10067" spans="35:39" x14ac:dyDescent="0.35">
      <c r="AI10067" s="84"/>
      <c r="AM10067" s="84"/>
    </row>
    <row r="10068" spans="35:39" x14ac:dyDescent="0.35">
      <c r="AI10068" s="84"/>
      <c r="AM10068" s="84"/>
    </row>
    <row r="10069" spans="35:39" x14ac:dyDescent="0.35">
      <c r="AI10069" s="84"/>
      <c r="AM10069" s="84"/>
    </row>
    <row r="10070" spans="35:39" x14ac:dyDescent="0.35">
      <c r="AI10070" s="84"/>
      <c r="AM10070" s="84"/>
    </row>
    <row r="10071" spans="35:39" x14ac:dyDescent="0.35">
      <c r="AI10071" s="84"/>
      <c r="AM10071" s="84"/>
    </row>
    <row r="10072" spans="35:39" x14ac:dyDescent="0.35">
      <c r="AI10072" s="84"/>
      <c r="AM10072" s="84"/>
    </row>
    <row r="10073" spans="35:39" x14ac:dyDescent="0.35">
      <c r="AI10073" s="84"/>
      <c r="AM10073" s="84"/>
    </row>
    <row r="10074" spans="35:39" x14ac:dyDescent="0.35">
      <c r="AI10074" s="84"/>
      <c r="AM10074" s="84"/>
    </row>
    <row r="10075" spans="35:39" x14ac:dyDescent="0.35">
      <c r="AI10075" s="84"/>
      <c r="AM10075" s="84"/>
    </row>
    <row r="10076" spans="35:39" x14ac:dyDescent="0.35">
      <c r="AI10076" s="84"/>
      <c r="AM10076" s="84"/>
    </row>
    <row r="10077" spans="35:39" x14ac:dyDescent="0.35">
      <c r="AI10077" s="84"/>
      <c r="AM10077" s="84"/>
    </row>
    <row r="10078" spans="35:39" x14ac:dyDescent="0.35">
      <c r="AI10078" s="84"/>
      <c r="AM10078" s="84"/>
    </row>
    <row r="10079" spans="35:39" x14ac:dyDescent="0.35">
      <c r="AI10079" s="84"/>
      <c r="AM10079" s="84"/>
    </row>
    <row r="10080" spans="35:39" x14ac:dyDescent="0.35">
      <c r="AI10080" s="84"/>
      <c r="AM10080" s="84"/>
    </row>
    <row r="10081" spans="35:39" x14ac:dyDescent="0.35">
      <c r="AI10081" s="84"/>
      <c r="AM10081" s="84"/>
    </row>
    <row r="10082" spans="35:39" x14ac:dyDescent="0.35">
      <c r="AI10082" s="84"/>
      <c r="AM10082" s="84"/>
    </row>
    <row r="10083" spans="35:39" x14ac:dyDescent="0.35">
      <c r="AI10083" s="84"/>
      <c r="AM10083" s="84"/>
    </row>
    <row r="10084" spans="35:39" x14ac:dyDescent="0.35">
      <c r="AI10084" s="84"/>
      <c r="AM10084" s="84"/>
    </row>
    <row r="10085" spans="35:39" x14ac:dyDescent="0.35">
      <c r="AI10085" s="84"/>
      <c r="AM10085" s="84"/>
    </row>
    <row r="10086" spans="35:39" x14ac:dyDescent="0.35">
      <c r="AI10086" s="84"/>
      <c r="AM10086" s="84"/>
    </row>
    <row r="10087" spans="35:39" x14ac:dyDescent="0.35">
      <c r="AI10087" s="84"/>
      <c r="AM10087" s="84"/>
    </row>
    <row r="10088" spans="35:39" x14ac:dyDescent="0.35">
      <c r="AI10088" s="84"/>
      <c r="AM10088" s="84"/>
    </row>
    <row r="10089" spans="35:39" x14ac:dyDescent="0.35">
      <c r="AI10089" s="84"/>
      <c r="AM10089" s="84"/>
    </row>
    <row r="10090" spans="35:39" x14ac:dyDescent="0.35">
      <c r="AI10090" s="84"/>
      <c r="AM10090" s="84"/>
    </row>
    <row r="10091" spans="35:39" x14ac:dyDescent="0.35">
      <c r="AI10091" s="84"/>
      <c r="AM10091" s="84"/>
    </row>
    <row r="10092" spans="35:39" x14ac:dyDescent="0.35">
      <c r="AI10092" s="84"/>
      <c r="AM10092" s="84"/>
    </row>
    <row r="10093" spans="35:39" x14ac:dyDescent="0.35">
      <c r="AI10093" s="84"/>
      <c r="AM10093" s="84"/>
    </row>
    <row r="10094" spans="35:39" x14ac:dyDescent="0.35">
      <c r="AI10094" s="84"/>
      <c r="AM10094" s="84"/>
    </row>
    <row r="10095" spans="35:39" x14ac:dyDescent="0.35">
      <c r="AI10095" s="84"/>
      <c r="AM10095" s="84"/>
    </row>
    <row r="10096" spans="35:39" x14ac:dyDescent="0.35">
      <c r="AI10096" s="84"/>
      <c r="AM10096" s="84"/>
    </row>
    <row r="10097" spans="35:39" x14ac:dyDescent="0.35">
      <c r="AI10097" s="84"/>
      <c r="AM10097" s="84"/>
    </row>
    <row r="10098" spans="35:39" x14ac:dyDescent="0.35">
      <c r="AI10098" s="84"/>
      <c r="AM10098" s="84"/>
    </row>
    <row r="10099" spans="35:39" x14ac:dyDescent="0.35">
      <c r="AI10099" s="84"/>
      <c r="AM10099" s="84"/>
    </row>
    <row r="10100" spans="35:39" x14ac:dyDescent="0.35">
      <c r="AI10100" s="84"/>
      <c r="AM10100" s="84"/>
    </row>
    <row r="10101" spans="35:39" x14ac:dyDescent="0.35">
      <c r="AI10101" s="84"/>
      <c r="AM10101" s="84"/>
    </row>
    <row r="10102" spans="35:39" x14ac:dyDescent="0.35">
      <c r="AI10102" s="84"/>
      <c r="AM10102" s="84"/>
    </row>
    <row r="10103" spans="35:39" x14ac:dyDescent="0.35">
      <c r="AI10103" s="84"/>
      <c r="AM10103" s="84"/>
    </row>
    <row r="10104" spans="35:39" x14ac:dyDescent="0.35">
      <c r="AI10104" s="84"/>
      <c r="AM10104" s="84"/>
    </row>
    <row r="10105" spans="35:39" x14ac:dyDescent="0.35">
      <c r="AI10105" s="84"/>
      <c r="AM10105" s="84"/>
    </row>
    <row r="10106" spans="35:39" x14ac:dyDescent="0.35">
      <c r="AI10106" s="84"/>
      <c r="AM10106" s="84"/>
    </row>
    <row r="10107" spans="35:39" x14ac:dyDescent="0.35">
      <c r="AI10107" s="84"/>
      <c r="AM10107" s="84"/>
    </row>
    <row r="10108" spans="35:39" x14ac:dyDescent="0.35">
      <c r="AI10108" s="84"/>
      <c r="AM10108" s="84"/>
    </row>
    <row r="10109" spans="35:39" x14ac:dyDescent="0.35">
      <c r="AI10109" s="84"/>
      <c r="AM10109" s="84"/>
    </row>
    <row r="10110" spans="35:39" x14ac:dyDescent="0.35">
      <c r="AI10110" s="84"/>
      <c r="AM10110" s="84"/>
    </row>
    <row r="10111" spans="35:39" x14ac:dyDescent="0.35">
      <c r="AI10111" s="84"/>
      <c r="AM10111" s="84"/>
    </row>
    <row r="10112" spans="35:39" x14ac:dyDescent="0.35">
      <c r="AI10112" s="84"/>
      <c r="AM10112" s="84"/>
    </row>
    <row r="10113" spans="35:39" x14ac:dyDescent="0.35">
      <c r="AI10113" s="84"/>
      <c r="AM10113" s="84"/>
    </row>
    <row r="10114" spans="35:39" x14ac:dyDescent="0.35">
      <c r="AI10114" s="84"/>
      <c r="AM10114" s="84"/>
    </row>
    <row r="10115" spans="35:39" x14ac:dyDescent="0.35">
      <c r="AI10115" s="84"/>
      <c r="AM10115" s="84"/>
    </row>
    <row r="10116" spans="35:39" x14ac:dyDescent="0.35">
      <c r="AI10116" s="84"/>
      <c r="AM10116" s="84"/>
    </row>
    <row r="10117" spans="35:39" x14ac:dyDescent="0.35">
      <c r="AI10117" s="84"/>
      <c r="AM10117" s="84"/>
    </row>
    <row r="10118" spans="35:39" x14ac:dyDescent="0.35">
      <c r="AI10118" s="84"/>
      <c r="AM10118" s="84"/>
    </row>
    <row r="10119" spans="35:39" x14ac:dyDescent="0.35">
      <c r="AI10119" s="84"/>
      <c r="AM10119" s="84"/>
    </row>
    <row r="10120" spans="35:39" x14ac:dyDescent="0.35">
      <c r="AI10120" s="84"/>
      <c r="AM10120" s="84"/>
    </row>
    <row r="10121" spans="35:39" x14ac:dyDescent="0.35">
      <c r="AI10121" s="84"/>
      <c r="AM10121" s="84"/>
    </row>
    <row r="10122" spans="35:39" x14ac:dyDescent="0.35">
      <c r="AI10122" s="84"/>
      <c r="AM10122" s="84"/>
    </row>
    <row r="10123" spans="35:39" x14ac:dyDescent="0.35">
      <c r="AI10123" s="84"/>
      <c r="AM10123" s="84"/>
    </row>
    <row r="10124" spans="35:39" x14ac:dyDescent="0.35">
      <c r="AI10124" s="84"/>
      <c r="AM10124" s="84"/>
    </row>
    <row r="10125" spans="35:39" x14ac:dyDescent="0.35">
      <c r="AI10125" s="84"/>
      <c r="AM10125" s="84"/>
    </row>
    <row r="10126" spans="35:39" x14ac:dyDescent="0.35">
      <c r="AI10126" s="84"/>
      <c r="AM10126" s="84"/>
    </row>
    <row r="10127" spans="35:39" x14ac:dyDescent="0.35">
      <c r="AI10127" s="84"/>
      <c r="AM10127" s="84"/>
    </row>
    <row r="10128" spans="35:39" x14ac:dyDescent="0.35">
      <c r="AI10128" s="84"/>
      <c r="AM10128" s="84"/>
    </row>
    <row r="10129" spans="35:39" x14ac:dyDescent="0.35">
      <c r="AI10129" s="84"/>
      <c r="AM10129" s="84"/>
    </row>
    <row r="10130" spans="35:39" x14ac:dyDescent="0.35">
      <c r="AI10130" s="84"/>
      <c r="AM10130" s="84"/>
    </row>
    <row r="10131" spans="35:39" x14ac:dyDescent="0.35">
      <c r="AI10131" s="84"/>
      <c r="AM10131" s="84"/>
    </row>
    <row r="10132" spans="35:39" x14ac:dyDescent="0.35">
      <c r="AI10132" s="84"/>
      <c r="AM10132" s="84"/>
    </row>
    <row r="10133" spans="35:39" x14ac:dyDescent="0.35">
      <c r="AI10133" s="84"/>
      <c r="AM10133" s="84"/>
    </row>
    <row r="10134" spans="35:39" x14ac:dyDescent="0.35">
      <c r="AI10134" s="84"/>
      <c r="AM10134" s="84"/>
    </row>
    <row r="10135" spans="35:39" x14ac:dyDescent="0.35">
      <c r="AI10135" s="84"/>
      <c r="AM10135" s="84"/>
    </row>
    <row r="10136" spans="35:39" x14ac:dyDescent="0.35">
      <c r="AI10136" s="84"/>
      <c r="AM10136" s="84"/>
    </row>
    <row r="10137" spans="35:39" x14ac:dyDescent="0.35">
      <c r="AI10137" s="84"/>
      <c r="AM10137" s="84"/>
    </row>
    <row r="10138" spans="35:39" x14ac:dyDescent="0.35">
      <c r="AI10138" s="84"/>
      <c r="AM10138" s="84"/>
    </row>
    <row r="10139" spans="35:39" x14ac:dyDescent="0.35">
      <c r="AI10139" s="84"/>
      <c r="AM10139" s="84"/>
    </row>
    <row r="10140" spans="35:39" x14ac:dyDescent="0.35">
      <c r="AI10140" s="84"/>
      <c r="AM10140" s="84"/>
    </row>
    <row r="10141" spans="35:39" x14ac:dyDescent="0.35">
      <c r="AI10141" s="84"/>
      <c r="AM10141" s="84"/>
    </row>
    <row r="10142" spans="35:39" x14ac:dyDescent="0.35">
      <c r="AI10142" s="84"/>
      <c r="AM10142" s="84"/>
    </row>
    <row r="10143" spans="35:39" x14ac:dyDescent="0.35">
      <c r="AI10143" s="84"/>
      <c r="AM10143" s="84"/>
    </row>
    <row r="10144" spans="35:39" x14ac:dyDescent="0.35">
      <c r="AI10144" s="84"/>
      <c r="AM10144" s="84"/>
    </row>
    <row r="10145" spans="35:39" x14ac:dyDescent="0.35">
      <c r="AI10145" s="84"/>
      <c r="AM10145" s="84"/>
    </row>
    <row r="10146" spans="35:39" x14ac:dyDescent="0.35">
      <c r="AI10146" s="84"/>
      <c r="AM10146" s="84"/>
    </row>
    <row r="10147" spans="35:39" x14ac:dyDescent="0.35">
      <c r="AI10147" s="84"/>
      <c r="AM10147" s="84"/>
    </row>
    <row r="10148" spans="35:39" x14ac:dyDescent="0.35">
      <c r="AI10148" s="84"/>
      <c r="AM10148" s="84"/>
    </row>
    <row r="10149" spans="35:39" x14ac:dyDescent="0.35">
      <c r="AI10149" s="84"/>
      <c r="AM10149" s="84"/>
    </row>
    <row r="10150" spans="35:39" x14ac:dyDescent="0.35">
      <c r="AI10150" s="84"/>
      <c r="AM10150" s="84"/>
    </row>
    <row r="10151" spans="35:39" x14ac:dyDescent="0.35">
      <c r="AI10151" s="84"/>
      <c r="AM10151" s="84"/>
    </row>
    <row r="10152" spans="35:39" x14ac:dyDescent="0.35">
      <c r="AI10152" s="84"/>
      <c r="AM10152" s="84"/>
    </row>
    <row r="10153" spans="35:39" x14ac:dyDescent="0.35">
      <c r="AI10153" s="84"/>
      <c r="AM10153" s="84"/>
    </row>
    <row r="10154" spans="35:39" x14ac:dyDescent="0.35">
      <c r="AI10154" s="84"/>
      <c r="AM10154" s="84"/>
    </row>
    <row r="10155" spans="35:39" x14ac:dyDescent="0.35">
      <c r="AI10155" s="84"/>
      <c r="AM10155" s="84"/>
    </row>
    <row r="10156" spans="35:39" x14ac:dyDescent="0.35">
      <c r="AI10156" s="84"/>
      <c r="AM10156" s="84"/>
    </row>
    <row r="10157" spans="35:39" x14ac:dyDescent="0.35">
      <c r="AI10157" s="84"/>
      <c r="AM10157" s="84"/>
    </row>
    <row r="10158" spans="35:39" x14ac:dyDescent="0.35">
      <c r="AI10158" s="84"/>
      <c r="AM10158" s="84"/>
    </row>
    <row r="10159" spans="35:39" x14ac:dyDescent="0.35">
      <c r="AI10159" s="84"/>
      <c r="AM10159" s="84"/>
    </row>
    <row r="10160" spans="35:39" x14ac:dyDescent="0.35">
      <c r="AI10160" s="84"/>
      <c r="AM10160" s="84"/>
    </row>
    <row r="10161" spans="35:39" x14ac:dyDescent="0.35">
      <c r="AI10161" s="84"/>
      <c r="AM10161" s="84"/>
    </row>
    <row r="10162" spans="35:39" x14ac:dyDescent="0.35">
      <c r="AI10162" s="84"/>
      <c r="AM10162" s="84"/>
    </row>
    <row r="10163" spans="35:39" x14ac:dyDescent="0.35">
      <c r="AI10163" s="84"/>
      <c r="AM10163" s="84"/>
    </row>
    <row r="10164" spans="35:39" x14ac:dyDescent="0.35">
      <c r="AI10164" s="84"/>
      <c r="AM10164" s="84"/>
    </row>
    <row r="10165" spans="35:39" x14ac:dyDescent="0.35">
      <c r="AI10165" s="84"/>
      <c r="AM10165" s="84"/>
    </row>
    <row r="10166" spans="35:39" x14ac:dyDescent="0.35">
      <c r="AI10166" s="84"/>
      <c r="AM10166" s="84"/>
    </row>
    <row r="10167" spans="35:39" x14ac:dyDescent="0.35">
      <c r="AI10167" s="84"/>
      <c r="AM10167" s="84"/>
    </row>
    <row r="10168" spans="35:39" x14ac:dyDescent="0.35">
      <c r="AI10168" s="84"/>
      <c r="AM10168" s="84"/>
    </row>
    <row r="10169" spans="35:39" x14ac:dyDescent="0.35">
      <c r="AI10169" s="84"/>
      <c r="AM10169" s="84"/>
    </row>
    <row r="10170" spans="35:39" x14ac:dyDescent="0.35">
      <c r="AI10170" s="84"/>
      <c r="AM10170" s="84"/>
    </row>
    <row r="10171" spans="35:39" x14ac:dyDescent="0.35">
      <c r="AI10171" s="84"/>
      <c r="AM10171" s="84"/>
    </row>
    <row r="10172" spans="35:39" x14ac:dyDescent="0.35">
      <c r="AI10172" s="84"/>
      <c r="AM10172" s="84"/>
    </row>
    <row r="10173" spans="35:39" x14ac:dyDescent="0.35">
      <c r="AI10173" s="84"/>
      <c r="AM10173" s="84"/>
    </row>
    <row r="10174" spans="35:39" x14ac:dyDescent="0.35">
      <c r="AI10174" s="84"/>
      <c r="AM10174" s="84"/>
    </row>
    <row r="10175" spans="35:39" x14ac:dyDescent="0.35">
      <c r="AI10175" s="84"/>
      <c r="AM10175" s="84"/>
    </row>
    <row r="10176" spans="35:39" x14ac:dyDescent="0.35">
      <c r="AI10176" s="84"/>
      <c r="AM10176" s="84"/>
    </row>
    <row r="10177" spans="35:39" x14ac:dyDescent="0.35">
      <c r="AI10177" s="84"/>
      <c r="AM10177" s="84"/>
    </row>
    <row r="10178" spans="35:39" x14ac:dyDescent="0.35">
      <c r="AI10178" s="84"/>
      <c r="AM10178" s="84"/>
    </row>
    <row r="10179" spans="35:39" x14ac:dyDescent="0.35">
      <c r="AI10179" s="84"/>
      <c r="AM10179" s="84"/>
    </row>
    <row r="10180" spans="35:39" x14ac:dyDescent="0.35">
      <c r="AI10180" s="84"/>
      <c r="AM10180" s="84"/>
    </row>
    <row r="10181" spans="35:39" x14ac:dyDescent="0.35">
      <c r="AI10181" s="84"/>
      <c r="AM10181" s="84"/>
    </row>
    <row r="10182" spans="35:39" x14ac:dyDescent="0.35">
      <c r="AI10182" s="84"/>
      <c r="AM10182" s="84"/>
    </row>
    <row r="10183" spans="35:39" x14ac:dyDescent="0.35">
      <c r="AI10183" s="84"/>
      <c r="AM10183" s="84"/>
    </row>
    <row r="10184" spans="35:39" x14ac:dyDescent="0.35">
      <c r="AI10184" s="84"/>
      <c r="AM10184" s="84"/>
    </row>
    <row r="10185" spans="35:39" x14ac:dyDescent="0.35">
      <c r="AI10185" s="84"/>
      <c r="AM10185" s="84"/>
    </row>
    <row r="10186" spans="35:39" x14ac:dyDescent="0.35">
      <c r="AI10186" s="84"/>
      <c r="AM10186" s="84"/>
    </row>
    <row r="10187" spans="35:39" x14ac:dyDescent="0.35">
      <c r="AI10187" s="84"/>
      <c r="AM10187" s="84"/>
    </row>
    <row r="10188" spans="35:39" x14ac:dyDescent="0.35">
      <c r="AI10188" s="84"/>
      <c r="AM10188" s="84"/>
    </row>
    <row r="10189" spans="35:39" x14ac:dyDescent="0.35">
      <c r="AI10189" s="84"/>
      <c r="AM10189" s="84"/>
    </row>
    <row r="10190" spans="35:39" x14ac:dyDescent="0.35">
      <c r="AI10190" s="84"/>
      <c r="AM10190" s="84"/>
    </row>
    <row r="10191" spans="35:39" x14ac:dyDescent="0.35">
      <c r="AI10191" s="84"/>
      <c r="AM10191" s="84"/>
    </row>
    <row r="10192" spans="35:39" x14ac:dyDescent="0.35">
      <c r="AI10192" s="84"/>
      <c r="AM10192" s="84"/>
    </row>
    <row r="10193" spans="35:39" x14ac:dyDescent="0.35">
      <c r="AI10193" s="84"/>
      <c r="AM10193" s="84"/>
    </row>
    <row r="10194" spans="35:39" x14ac:dyDescent="0.35">
      <c r="AI10194" s="84"/>
      <c r="AM10194" s="84"/>
    </row>
    <row r="10195" spans="35:39" x14ac:dyDescent="0.35">
      <c r="AI10195" s="84"/>
      <c r="AM10195" s="84"/>
    </row>
    <row r="10196" spans="35:39" x14ac:dyDescent="0.35">
      <c r="AI10196" s="84"/>
      <c r="AM10196" s="84"/>
    </row>
    <row r="10197" spans="35:39" x14ac:dyDescent="0.35">
      <c r="AI10197" s="84"/>
      <c r="AM10197" s="84"/>
    </row>
    <row r="10198" spans="35:39" x14ac:dyDescent="0.35">
      <c r="AI10198" s="84"/>
      <c r="AM10198" s="84"/>
    </row>
    <row r="10199" spans="35:39" x14ac:dyDescent="0.35">
      <c r="AI10199" s="84"/>
      <c r="AM10199" s="84"/>
    </row>
    <row r="10200" spans="35:39" x14ac:dyDescent="0.35">
      <c r="AI10200" s="84"/>
      <c r="AM10200" s="84"/>
    </row>
    <row r="10201" spans="35:39" x14ac:dyDescent="0.35">
      <c r="AI10201" s="84"/>
      <c r="AM10201" s="84"/>
    </row>
    <row r="10202" spans="35:39" x14ac:dyDescent="0.35">
      <c r="AI10202" s="84"/>
      <c r="AM10202" s="84"/>
    </row>
    <row r="10203" spans="35:39" x14ac:dyDescent="0.35">
      <c r="AI10203" s="84"/>
      <c r="AM10203" s="84"/>
    </row>
    <row r="10204" spans="35:39" x14ac:dyDescent="0.35">
      <c r="AI10204" s="84"/>
      <c r="AM10204" s="84"/>
    </row>
    <row r="10205" spans="35:39" x14ac:dyDescent="0.35">
      <c r="AI10205" s="84"/>
      <c r="AM10205" s="84"/>
    </row>
    <row r="10206" spans="35:39" x14ac:dyDescent="0.35">
      <c r="AI10206" s="84"/>
      <c r="AM10206" s="84"/>
    </row>
    <row r="10207" spans="35:39" x14ac:dyDescent="0.35">
      <c r="AI10207" s="84"/>
      <c r="AM10207" s="84"/>
    </row>
    <row r="10208" spans="35:39" x14ac:dyDescent="0.35">
      <c r="AI10208" s="84"/>
      <c r="AM10208" s="84"/>
    </row>
    <row r="10209" spans="35:39" x14ac:dyDescent="0.35">
      <c r="AI10209" s="84"/>
      <c r="AM10209" s="84"/>
    </row>
    <row r="10210" spans="35:39" x14ac:dyDescent="0.35">
      <c r="AI10210" s="84"/>
      <c r="AM10210" s="84"/>
    </row>
    <row r="10211" spans="35:39" x14ac:dyDescent="0.35">
      <c r="AI10211" s="84"/>
      <c r="AM10211" s="84"/>
    </row>
    <row r="10212" spans="35:39" x14ac:dyDescent="0.35">
      <c r="AI10212" s="84"/>
      <c r="AM10212" s="84"/>
    </row>
    <row r="10213" spans="35:39" x14ac:dyDescent="0.35">
      <c r="AI10213" s="84"/>
      <c r="AM10213" s="84"/>
    </row>
    <row r="10214" spans="35:39" x14ac:dyDescent="0.35">
      <c r="AI10214" s="84"/>
      <c r="AM10214" s="84"/>
    </row>
    <row r="10215" spans="35:39" x14ac:dyDescent="0.35">
      <c r="AI10215" s="84"/>
      <c r="AM10215" s="84"/>
    </row>
    <row r="10216" spans="35:39" x14ac:dyDescent="0.35">
      <c r="AI10216" s="84"/>
      <c r="AM10216" s="84"/>
    </row>
    <row r="10217" spans="35:39" x14ac:dyDescent="0.35">
      <c r="AI10217" s="84"/>
      <c r="AM10217" s="84"/>
    </row>
    <row r="10218" spans="35:39" x14ac:dyDescent="0.35">
      <c r="AI10218" s="84"/>
      <c r="AM10218" s="84"/>
    </row>
    <row r="10219" spans="35:39" x14ac:dyDescent="0.35">
      <c r="AI10219" s="84"/>
      <c r="AM10219" s="84"/>
    </row>
    <row r="10220" spans="35:39" x14ac:dyDescent="0.35">
      <c r="AI10220" s="84"/>
      <c r="AM10220" s="84"/>
    </row>
    <row r="10221" spans="35:39" x14ac:dyDescent="0.35">
      <c r="AI10221" s="84"/>
      <c r="AM10221" s="84"/>
    </row>
    <row r="10222" spans="35:39" x14ac:dyDescent="0.35">
      <c r="AI10222" s="84"/>
      <c r="AM10222" s="84"/>
    </row>
    <row r="10223" spans="35:39" x14ac:dyDescent="0.35">
      <c r="AI10223" s="84"/>
      <c r="AM10223" s="84"/>
    </row>
    <row r="10224" spans="35:39" x14ac:dyDescent="0.35">
      <c r="AI10224" s="84"/>
      <c r="AM10224" s="84"/>
    </row>
    <row r="10225" spans="35:39" x14ac:dyDescent="0.35">
      <c r="AI10225" s="84"/>
      <c r="AM10225" s="84"/>
    </row>
    <row r="10226" spans="35:39" x14ac:dyDescent="0.35">
      <c r="AI10226" s="84"/>
      <c r="AM10226" s="84"/>
    </row>
    <row r="10227" spans="35:39" x14ac:dyDescent="0.35">
      <c r="AI10227" s="84"/>
      <c r="AM10227" s="84"/>
    </row>
    <row r="10228" spans="35:39" x14ac:dyDescent="0.35">
      <c r="AI10228" s="84"/>
      <c r="AM10228" s="84"/>
    </row>
    <row r="10229" spans="35:39" x14ac:dyDescent="0.35">
      <c r="AI10229" s="84"/>
      <c r="AM10229" s="84"/>
    </row>
    <row r="10230" spans="35:39" x14ac:dyDescent="0.35">
      <c r="AI10230" s="84"/>
      <c r="AM10230" s="84"/>
    </row>
    <row r="10231" spans="35:39" x14ac:dyDescent="0.35">
      <c r="AI10231" s="84"/>
      <c r="AM10231" s="84"/>
    </row>
    <row r="10232" spans="35:39" x14ac:dyDescent="0.35">
      <c r="AI10232" s="84"/>
      <c r="AM10232" s="84"/>
    </row>
    <row r="10233" spans="35:39" x14ac:dyDescent="0.35">
      <c r="AI10233" s="84"/>
      <c r="AM10233" s="84"/>
    </row>
    <row r="10234" spans="35:39" x14ac:dyDescent="0.35">
      <c r="AI10234" s="84"/>
      <c r="AM10234" s="84"/>
    </row>
    <row r="10235" spans="35:39" x14ac:dyDescent="0.35">
      <c r="AI10235" s="84"/>
      <c r="AM10235" s="84"/>
    </row>
    <row r="10236" spans="35:39" x14ac:dyDescent="0.35">
      <c r="AI10236" s="84"/>
      <c r="AM10236" s="84"/>
    </row>
    <row r="10237" spans="35:39" x14ac:dyDescent="0.35">
      <c r="AI10237" s="84"/>
      <c r="AM10237" s="84"/>
    </row>
    <row r="10238" spans="35:39" x14ac:dyDescent="0.35">
      <c r="AI10238" s="84"/>
      <c r="AM10238" s="84"/>
    </row>
    <row r="10239" spans="35:39" x14ac:dyDescent="0.35">
      <c r="AI10239" s="84"/>
      <c r="AM10239" s="84"/>
    </row>
    <row r="10240" spans="35:39" x14ac:dyDescent="0.35">
      <c r="AI10240" s="84"/>
      <c r="AM10240" s="84"/>
    </row>
    <row r="10241" spans="35:39" x14ac:dyDescent="0.35">
      <c r="AI10241" s="84"/>
      <c r="AM10241" s="84"/>
    </row>
    <row r="10242" spans="35:39" x14ac:dyDescent="0.35">
      <c r="AI10242" s="84"/>
      <c r="AM10242" s="84"/>
    </row>
    <row r="10243" spans="35:39" x14ac:dyDescent="0.35">
      <c r="AI10243" s="84"/>
      <c r="AM10243" s="84"/>
    </row>
    <row r="10244" spans="35:39" x14ac:dyDescent="0.35">
      <c r="AI10244" s="84"/>
      <c r="AM10244" s="84"/>
    </row>
    <row r="10245" spans="35:39" x14ac:dyDescent="0.35">
      <c r="AI10245" s="84"/>
      <c r="AM10245" s="84"/>
    </row>
    <row r="10246" spans="35:39" x14ac:dyDescent="0.35">
      <c r="AI10246" s="84"/>
      <c r="AM10246" s="84"/>
    </row>
    <row r="10247" spans="35:39" x14ac:dyDescent="0.35">
      <c r="AI10247" s="84"/>
      <c r="AM10247" s="84"/>
    </row>
    <row r="10248" spans="35:39" x14ac:dyDescent="0.35">
      <c r="AI10248" s="84"/>
      <c r="AM10248" s="84"/>
    </row>
    <row r="10249" spans="35:39" x14ac:dyDescent="0.35">
      <c r="AI10249" s="84"/>
      <c r="AM10249" s="84"/>
    </row>
    <row r="10250" spans="35:39" x14ac:dyDescent="0.35">
      <c r="AI10250" s="84"/>
      <c r="AM10250" s="84"/>
    </row>
    <row r="10251" spans="35:39" x14ac:dyDescent="0.35">
      <c r="AI10251" s="84"/>
      <c r="AM10251" s="84"/>
    </row>
    <row r="10252" spans="35:39" x14ac:dyDescent="0.35">
      <c r="AI10252" s="84"/>
      <c r="AM10252" s="84"/>
    </row>
    <row r="10253" spans="35:39" x14ac:dyDescent="0.35">
      <c r="AI10253" s="84"/>
      <c r="AM10253" s="84"/>
    </row>
    <row r="10254" spans="35:39" x14ac:dyDescent="0.35">
      <c r="AI10254" s="84"/>
      <c r="AM10254" s="84"/>
    </row>
    <row r="10255" spans="35:39" x14ac:dyDescent="0.35">
      <c r="AI10255" s="84"/>
      <c r="AM10255" s="84"/>
    </row>
    <row r="10256" spans="35:39" x14ac:dyDescent="0.35">
      <c r="AI10256" s="84"/>
      <c r="AM10256" s="84"/>
    </row>
    <row r="10257" spans="35:39" x14ac:dyDescent="0.35">
      <c r="AI10257" s="84"/>
      <c r="AM10257" s="84"/>
    </row>
    <row r="10258" spans="35:39" x14ac:dyDescent="0.35">
      <c r="AI10258" s="84"/>
      <c r="AM10258" s="84"/>
    </row>
    <row r="10259" spans="35:39" x14ac:dyDescent="0.35">
      <c r="AI10259" s="84"/>
      <c r="AM10259" s="84"/>
    </row>
    <row r="10260" spans="35:39" x14ac:dyDescent="0.35">
      <c r="AI10260" s="84"/>
      <c r="AM10260" s="84"/>
    </row>
    <row r="10261" spans="35:39" x14ac:dyDescent="0.35">
      <c r="AI10261" s="84"/>
      <c r="AM10261" s="84"/>
    </row>
    <row r="10262" spans="35:39" x14ac:dyDescent="0.35">
      <c r="AI10262" s="84"/>
      <c r="AM10262" s="84"/>
    </row>
    <row r="10263" spans="35:39" x14ac:dyDescent="0.35">
      <c r="AI10263" s="84"/>
      <c r="AM10263" s="84"/>
    </row>
    <row r="10264" spans="35:39" x14ac:dyDescent="0.35">
      <c r="AI10264" s="84"/>
      <c r="AM10264" s="84"/>
    </row>
    <row r="10265" spans="35:39" x14ac:dyDescent="0.35">
      <c r="AI10265" s="84"/>
      <c r="AM10265" s="84"/>
    </row>
    <row r="10266" spans="35:39" x14ac:dyDescent="0.35">
      <c r="AI10266" s="84"/>
      <c r="AM10266" s="84"/>
    </row>
    <row r="10267" spans="35:39" x14ac:dyDescent="0.35">
      <c r="AI10267" s="84"/>
      <c r="AM10267" s="84"/>
    </row>
    <row r="10268" spans="35:39" x14ac:dyDescent="0.35">
      <c r="AI10268" s="84"/>
      <c r="AM10268" s="84"/>
    </row>
    <row r="10269" spans="35:39" x14ac:dyDescent="0.35">
      <c r="AI10269" s="84"/>
      <c r="AM10269" s="84"/>
    </row>
    <row r="10270" spans="35:39" x14ac:dyDescent="0.35">
      <c r="AI10270" s="84"/>
      <c r="AM10270" s="84"/>
    </row>
    <row r="10271" spans="35:39" x14ac:dyDescent="0.35">
      <c r="AI10271" s="84"/>
      <c r="AM10271" s="84"/>
    </row>
    <row r="10272" spans="35:39" x14ac:dyDescent="0.35">
      <c r="AI10272" s="84"/>
      <c r="AM10272" s="84"/>
    </row>
    <row r="10273" spans="35:39" x14ac:dyDescent="0.35">
      <c r="AI10273" s="84"/>
      <c r="AM10273" s="84"/>
    </row>
    <row r="10274" spans="35:39" x14ac:dyDescent="0.35">
      <c r="AI10274" s="84"/>
      <c r="AM10274" s="84"/>
    </row>
    <row r="10275" spans="35:39" x14ac:dyDescent="0.35">
      <c r="AI10275" s="84"/>
      <c r="AM10275" s="84"/>
    </row>
    <row r="10276" spans="35:39" x14ac:dyDescent="0.35">
      <c r="AI10276" s="84"/>
      <c r="AM10276" s="84"/>
    </row>
    <row r="10277" spans="35:39" x14ac:dyDescent="0.35">
      <c r="AI10277" s="84"/>
      <c r="AM10277" s="84"/>
    </row>
    <row r="10278" spans="35:39" x14ac:dyDescent="0.35">
      <c r="AI10278" s="84"/>
      <c r="AM10278" s="84"/>
    </row>
    <row r="10279" spans="35:39" x14ac:dyDescent="0.35">
      <c r="AI10279" s="84"/>
      <c r="AM10279" s="84"/>
    </row>
    <row r="10280" spans="35:39" x14ac:dyDescent="0.35">
      <c r="AI10280" s="84"/>
      <c r="AM10280" s="84"/>
    </row>
    <row r="10281" spans="35:39" x14ac:dyDescent="0.35">
      <c r="AI10281" s="84"/>
      <c r="AM10281" s="84"/>
    </row>
    <row r="10282" spans="35:39" x14ac:dyDescent="0.35">
      <c r="AI10282" s="84"/>
      <c r="AM10282" s="84"/>
    </row>
    <row r="10283" spans="35:39" x14ac:dyDescent="0.35">
      <c r="AI10283" s="84"/>
      <c r="AM10283" s="84"/>
    </row>
    <row r="10284" spans="35:39" x14ac:dyDescent="0.35">
      <c r="AI10284" s="84"/>
      <c r="AM10284" s="84"/>
    </row>
    <row r="10285" spans="35:39" x14ac:dyDescent="0.35">
      <c r="AI10285" s="84"/>
      <c r="AM10285" s="84"/>
    </row>
    <row r="10286" spans="35:39" x14ac:dyDescent="0.35">
      <c r="AI10286" s="84"/>
      <c r="AM10286" s="84"/>
    </row>
    <row r="10287" spans="35:39" x14ac:dyDescent="0.35">
      <c r="AI10287" s="84"/>
      <c r="AM10287" s="84"/>
    </row>
    <row r="10288" spans="35:39" x14ac:dyDescent="0.35">
      <c r="AI10288" s="84"/>
      <c r="AM10288" s="84"/>
    </row>
    <row r="10289" spans="35:39" x14ac:dyDescent="0.35">
      <c r="AI10289" s="84"/>
      <c r="AM10289" s="84"/>
    </row>
    <row r="10290" spans="35:39" x14ac:dyDescent="0.35">
      <c r="AI10290" s="84"/>
      <c r="AM10290" s="84"/>
    </row>
    <row r="10291" spans="35:39" x14ac:dyDescent="0.35">
      <c r="AI10291" s="84"/>
      <c r="AM10291" s="84"/>
    </row>
    <row r="10292" spans="35:39" x14ac:dyDescent="0.35">
      <c r="AI10292" s="84"/>
      <c r="AM10292" s="84"/>
    </row>
    <row r="10293" spans="35:39" x14ac:dyDescent="0.35">
      <c r="AI10293" s="84"/>
      <c r="AM10293" s="84"/>
    </row>
    <row r="10294" spans="35:39" x14ac:dyDescent="0.35">
      <c r="AI10294" s="84"/>
      <c r="AM10294" s="84"/>
    </row>
    <row r="10295" spans="35:39" x14ac:dyDescent="0.35">
      <c r="AI10295" s="84"/>
      <c r="AM10295" s="84"/>
    </row>
    <row r="10296" spans="35:39" x14ac:dyDescent="0.35">
      <c r="AI10296" s="84"/>
      <c r="AM10296" s="84"/>
    </row>
    <row r="10297" spans="35:39" x14ac:dyDescent="0.35">
      <c r="AI10297" s="84"/>
      <c r="AM10297" s="84"/>
    </row>
    <row r="10298" spans="35:39" x14ac:dyDescent="0.35">
      <c r="AI10298" s="84"/>
      <c r="AM10298" s="84"/>
    </row>
    <row r="10299" spans="35:39" x14ac:dyDescent="0.35">
      <c r="AI10299" s="84"/>
      <c r="AM10299" s="84"/>
    </row>
    <row r="10300" spans="35:39" x14ac:dyDescent="0.35">
      <c r="AI10300" s="84"/>
      <c r="AM10300" s="84"/>
    </row>
    <row r="10301" spans="35:39" x14ac:dyDescent="0.35">
      <c r="AI10301" s="84"/>
      <c r="AM10301" s="84"/>
    </row>
    <row r="10302" spans="35:39" x14ac:dyDescent="0.35">
      <c r="AI10302" s="84"/>
      <c r="AM10302" s="84"/>
    </row>
    <row r="10303" spans="35:39" x14ac:dyDescent="0.35">
      <c r="AI10303" s="84"/>
      <c r="AM10303" s="84"/>
    </row>
    <row r="10304" spans="35:39" x14ac:dyDescent="0.35">
      <c r="AI10304" s="84"/>
      <c r="AM10304" s="84"/>
    </row>
    <row r="10305" spans="35:39" x14ac:dyDescent="0.35">
      <c r="AI10305" s="84"/>
      <c r="AM10305" s="84"/>
    </row>
    <row r="10306" spans="35:39" x14ac:dyDescent="0.35">
      <c r="AI10306" s="84"/>
      <c r="AM10306" s="84"/>
    </row>
    <row r="10307" spans="35:39" x14ac:dyDescent="0.35">
      <c r="AI10307" s="84"/>
      <c r="AM10307" s="84"/>
    </row>
    <row r="10308" spans="35:39" x14ac:dyDescent="0.35">
      <c r="AI10308" s="84"/>
      <c r="AM10308" s="84"/>
    </row>
    <row r="10309" spans="35:39" x14ac:dyDescent="0.35">
      <c r="AI10309" s="84"/>
      <c r="AM10309" s="84"/>
    </row>
    <row r="10310" spans="35:39" x14ac:dyDescent="0.35">
      <c r="AI10310" s="84"/>
      <c r="AM10310" s="84"/>
    </row>
    <row r="10311" spans="35:39" x14ac:dyDescent="0.35">
      <c r="AI10311" s="84"/>
      <c r="AM10311" s="84"/>
    </row>
    <row r="10312" spans="35:39" x14ac:dyDescent="0.35">
      <c r="AI10312" s="84"/>
      <c r="AM10312" s="84"/>
    </row>
    <row r="10313" spans="35:39" x14ac:dyDescent="0.35">
      <c r="AI10313" s="84"/>
      <c r="AM10313" s="84"/>
    </row>
    <row r="10314" spans="35:39" x14ac:dyDescent="0.35">
      <c r="AI10314" s="84"/>
      <c r="AM10314" s="84"/>
    </row>
    <row r="10315" spans="35:39" x14ac:dyDescent="0.35">
      <c r="AI10315" s="84"/>
      <c r="AM10315" s="84"/>
    </row>
    <row r="10316" spans="35:39" x14ac:dyDescent="0.35">
      <c r="AI10316" s="84"/>
      <c r="AM10316" s="84"/>
    </row>
    <row r="10317" spans="35:39" x14ac:dyDescent="0.35">
      <c r="AI10317" s="84"/>
      <c r="AM10317" s="84"/>
    </row>
    <row r="10318" spans="35:39" x14ac:dyDescent="0.35">
      <c r="AI10318" s="84"/>
      <c r="AM10318" s="84"/>
    </row>
    <row r="10319" spans="35:39" x14ac:dyDescent="0.35">
      <c r="AI10319" s="84"/>
      <c r="AM10319" s="84"/>
    </row>
    <row r="10320" spans="35:39" x14ac:dyDescent="0.35">
      <c r="AI10320" s="84"/>
      <c r="AM10320" s="84"/>
    </row>
    <row r="10321" spans="35:39" x14ac:dyDescent="0.35">
      <c r="AI10321" s="84"/>
      <c r="AM10321" s="84"/>
    </row>
    <row r="10322" spans="35:39" x14ac:dyDescent="0.35">
      <c r="AI10322" s="84"/>
      <c r="AM10322" s="84"/>
    </row>
    <row r="10323" spans="35:39" x14ac:dyDescent="0.35">
      <c r="AI10323" s="84"/>
      <c r="AM10323" s="84"/>
    </row>
    <row r="10324" spans="35:39" x14ac:dyDescent="0.35">
      <c r="AI10324" s="84"/>
      <c r="AM10324" s="84"/>
    </row>
    <row r="10325" spans="35:39" x14ac:dyDescent="0.35">
      <c r="AI10325" s="84"/>
      <c r="AM10325" s="84"/>
    </row>
    <row r="10326" spans="35:39" x14ac:dyDescent="0.35">
      <c r="AI10326" s="84"/>
      <c r="AM10326" s="84"/>
    </row>
    <row r="10327" spans="35:39" x14ac:dyDescent="0.35">
      <c r="AI10327" s="84"/>
      <c r="AM10327" s="84"/>
    </row>
    <row r="10328" spans="35:39" x14ac:dyDescent="0.35">
      <c r="AI10328" s="84"/>
      <c r="AM10328" s="84"/>
    </row>
    <row r="10329" spans="35:39" x14ac:dyDescent="0.35">
      <c r="AI10329" s="84"/>
      <c r="AM10329" s="84"/>
    </row>
    <row r="10330" spans="35:39" x14ac:dyDescent="0.35">
      <c r="AI10330" s="84"/>
      <c r="AM10330" s="84"/>
    </row>
    <row r="10331" spans="35:39" x14ac:dyDescent="0.35">
      <c r="AI10331" s="84"/>
      <c r="AM10331" s="84"/>
    </row>
    <row r="10332" spans="35:39" x14ac:dyDescent="0.35">
      <c r="AI10332" s="84"/>
      <c r="AM10332" s="84"/>
    </row>
    <row r="10333" spans="35:39" x14ac:dyDescent="0.35">
      <c r="AI10333" s="84"/>
      <c r="AM10333" s="84"/>
    </row>
    <row r="10334" spans="35:39" x14ac:dyDescent="0.35">
      <c r="AI10334" s="84"/>
      <c r="AM10334" s="84"/>
    </row>
    <row r="10335" spans="35:39" x14ac:dyDescent="0.35">
      <c r="AI10335" s="84"/>
      <c r="AM10335" s="84"/>
    </row>
    <row r="10336" spans="35:39" x14ac:dyDescent="0.35">
      <c r="AI10336" s="84"/>
      <c r="AM10336" s="84"/>
    </row>
    <row r="10337" spans="35:39" x14ac:dyDescent="0.35">
      <c r="AI10337" s="84"/>
      <c r="AM10337" s="84"/>
    </row>
    <row r="10338" spans="35:39" x14ac:dyDescent="0.35">
      <c r="AI10338" s="84"/>
      <c r="AM10338" s="84"/>
    </row>
    <row r="10339" spans="35:39" x14ac:dyDescent="0.35">
      <c r="AI10339" s="84"/>
      <c r="AM10339" s="84"/>
    </row>
    <row r="10340" spans="35:39" x14ac:dyDescent="0.35">
      <c r="AI10340" s="84"/>
      <c r="AM10340" s="84"/>
    </row>
    <row r="10341" spans="35:39" x14ac:dyDescent="0.35">
      <c r="AI10341" s="84"/>
      <c r="AM10341" s="84"/>
    </row>
    <row r="10342" spans="35:39" x14ac:dyDescent="0.35">
      <c r="AI10342" s="84"/>
      <c r="AM10342" s="84"/>
    </row>
    <row r="10343" spans="35:39" x14ac:dyDescent="0.35">
      <c r="AI10343" s="84"/>
      <c r="AM10343" s="84"/>
    </row>
    <row r="10344" spans="35:39" x14ac:dyDescent="0.35">
      <c r="AI10344" s="84"/>
      <c r="AM10344" s="84"/>
    </row>
    <row r="10345" spans="35:39" x14ac:dyDescent="0.35">
      <c r="AI10345" s="84"/>
      <c r="AM10345" s="84"/>
    </row>
    <row r="10346" spans="35:39" x14ac:dyDescent="0.35">
      <c r="AI10346" s="84"/>
      <c r="AM10346" s="84"/>
    </row>
    <row r="10347" spans="35:39" x14ac:dyDescent="0.35">
      <c r="AI10347" s="84"/>
      <c r="AM10347" s="84"/>
    </row>
    <row r="10348" spans="35:39" x14ac:dyDescent="0.35">
      <c r="AI10348" s="84"/>
      <c r="AM10348" s="84"/>
    </row>
    <row r="10349" spans="35:39" x14ac:dyDescent="0.35">
      <c r="AI10349" s="84"/>
      <c r="AM10349" s="84"/>
    </row>
    <row r="10350" spans="35:39" x14ac:dyDescent="0.35">
      <c r="AI10350" s="84"/>
      <c r="AM10350" s="84"/>
    </row>
    <row r="10351" spans="35:39" x14ac:dyDescent="0.35">
      <c r="AI10351" s="84"/>
      <c r="AM10351" s="84"/>
    </row>
    <row r="10352" spans="35:39" x14ac:dyDescent="0.35">
      <c r="AI10352" s="84"/>
      <c r="AM10352" s="84"/>
    </row>
    <row r="10353" spans="35:39" x14ac:dyDescent="0.35">
      <c r="AI10353" s="84"/>
      <c r="AM10353" s="84"/>
    </row>
    <row r="10354" spans="35:39" x14ac:dyDescent="0.35">
      <c r="AI10354" s="84"/>
      <c r="AM10354" s="84"/>
    </row>
    <row r="10355" spans="35:39" x14ac:dyDescent="0.35">
      <c r="AI10355" s="84"/>
      <c r="AM10355" s="84"/>
    </row>
    <row r="10356" spans="35:39" x14ac:dyDescent="0.35">
      <c r="AI10356" s="84"/>
      <c r="AM10356" s="84"/>
    </row>
    <row r="10357" spans="35:39" x14ac:dyDescent="0.35">
      <c r="AI10357" s="84"/>
      <c r="AM10357" s="84"/>
    </row>
    <row r="10358" spans="35:39" x14ac:dyDescent="0.35">
      <c r="AI10358" s="84"/>
      <c r="AM10358" s="84"/>
    </row>
    <row r="10359" spans="35:39" x14ac:dyDescent="0.35">
      <c r="AI10359" s="84"/>
      <c r="AM10359" s="84"/>
    </row>
    <row r="10360" spans="35:39" x14ac:dyDescent="0.35">
      <c r="AI10360" s="84"/>
      <c r="AM10360" s="84"/>
    </row>
    <row r="10361" spans="35:39" x14ac:dyDescent="0.35">
      <c r="AI10361" s="84"/>
      <c r="AM10361" s="84"/>
    </row>
    <row r="10362" spans="35:39" x14ac:dyDescent="0.35">
      <c r="AI10362" s="84"/>
      <c r="AM10362" s="84"/>
    </row>
    <row r="10363" spans="35:39" x14ac:dyDescent="0.35">
      <c r="AI10363" s="84"/>
      <c r="AM10363" s="84"/>
    </row>
    <row r="10364" spans="35:39" x14ac:dyDescent="0.35">
      <c r="AI10364" s="84"/>
      <c r="AM10364" s="84"/>
    </row>
    <row r="10365" spans="35:39" x14ac:dyDescent="0.35">
      <c r="AI10365" s="84"/>
      <c r="AM10365" s="84"/>
    </row>
    <row r="10366" spans="35:39" x14ac:dyDescent="0.35">
      <c r="AI10366" s="84"/>
      <c r="AM10366" s="84"/>
    </row>
    <row r="10367" spans="35:39" x14ac:dyDescent="0.35">
      <c r="AI10367" s="84"/>
      <c r="AM10367" s="84"/>
    </row>
    <row r="10368" spans="35:39" x14ac:dyDescent="0.35">
      <c r="AI10368" s="84"/>
      <c r="AM10368" s="84"/>
    </row>
    <row r="10369" spans="35:39" x14ac:dyDescent="0.35">
      <c r="AI10369" s="84"/>
      <c r="AM10369" s="84"/>
    </row>
    <row r="10370" spans="35:39" x14ac:dyDescent="0.35">
      <c r="AI10370" s="84"/>
      <c r="AM10370" s="84"/>
    </row>
    <row r="10371" spans="35:39" x14ac:dyDescent="0.35">
      <c r="AI10371" s="84"/>
      <c r="AM10371" s="84"/>
    </row>
    <row r="10372" spans="35:39" x14ac:dyDescent="0.35">
      <c r="AI10372" s="84"/>
      <c r="AM10372" s="84"/>
    </row>
    <row r="10373" spans="35:39" x14ac:dyDescent="0.35">
      <c r="AI10373" s="84"/>
      <c r="AM10373" s="84"/>
    </row>
    <row r="10374" spans="35:39" x14ac:dyDescent="0.35">
      <c r="AI10374" s="84"/>
      <c r="AM10374" s="84"/>
    </row>
    <row r="10375" spans="35:39" x14ac:dyDescent="0.35">
      <c r="AI10375" s="84"/>
      <c r="AM10375" s="84"/>
    </row>
    <row r="10376" spans="35:39" x14ac:dyDescent="0.35">
      <c r="AI10376" s="84"/>
      <c r="AM10376" s="84"/>
    </row>
    <row r="10377" spans="35:39" x14ac:dyDescent="0.35">
      <c r="AI10377" s="84"/>
      <c r="AM10377" s="84"/>
    </row>
    <row r="10378" spans="35:39" x14ac:dyDescent="0.35">
      <c r="AI10378" s="84"/>
      <c r="AM10378" s="84"/>
    </row>
    <row r="10379" spans="35:39" x14ac:dyDescent="0.35">
      <c r="AI10379" s="84"/>
      <c r="AM10379" s="84"/>
    </row>
    <row r="10380" spans="35:39" x14ac:dyDescent="0.35">
      <c r="AI10380" s="84"/>
      <c r="AM10380" s="84"/>
    </row>
    <row r="10381" spans="35:39" x14ac:dyDescent="0.35">
      <c r="AI10381" s="84"/>
      <c r="AM10381" s="84"/>
    </row>
    <row r="10382" spans="35:39" x14ac:dyDescent="0.35">
      <c r="AI10382" s="84"/>
      <c r="AM10382" s="84"/>
    </row>
    <row r="10383" spans="35:39" x14ac:dyDescent="0.35">
      <c r="AI10383" s="84"/>
      <c r="AM10383" s="84"/>
    </row>
    <row r="10384" spans="35:39" x14ac:dyDescent="0.35">
      <c r="AI10384" s="84"/>
      <c r="AM10384" s="84"/>
    </row>
    <row r="10385" spans="35:39" x14ac:dyDescent="0.35">
      <c r="AI10385" s="84"/>
      <c r="AM10385" s="84"/>
    </row>
    <row r="10386" spans="35:39" x14ac:dyDescent="0.35">
      <c r="AI10386" s="84"/>
      <c r="AM10386" s="84"/>
    </row>
    <row r="10387" spans="35:39" x14ac:dyDescent="0.35">
      <c r="AI10387" s="84"/>
      <c r="AM10387" s="84"/>
    </row>
    <row r="10388" spans="35:39" x14ac:dyDescent="0.35">
      <c r="AI10388" s="84"/>
      <c r="AM10388" s="84"/>
    </row>
    <row r="10389" spans="35:39" x14ac:dyDescent="0.35">
      <c r="AI10389" s="84"/>
      <c r="AM10389" s="84"/>
    </row>
    <row r="10390" spans="35:39" x14ac:dyDescent="0.35">
      <c r="AI10390" s="84"/>
      <c r="AM10390" s="84"/>
    </row>
    <row r="10391" spans="35:39" x14ac:dyDescent="0.35">
      <c r="AI10391" s="84"/>
      <c r="AM10391" s="84"/>
    </row>
    <row r="10392" spans="35:39" x14ac:dyDescent="0.35">
      <c r="AI10392" s="84"/>
      <c r="AM10392" s="84"/>
    </row>
    <row r="10393" spans="35:39" x14ac:dyDescent="0.35">
      <c r="AI10393" s="84"/>
      <c r="AM10393" s="84"/>
    </row>
    <row r="10394" spans="35:39" x14ac:dyDescent="0.35">
      <c r="AI10394" s="84"/>
      <c r="AM10394" s="84"/>
    </row>
    <row r="10395" spans="35:39" x14ac:dyDescent="0.35">
      <c r="AI10395" s="84"/>
      <c r="AM10395" s="84"/>
    </row>
    <row r="10396" spans="35:39" x14ac:dyDescent="0.35">
      <c r="AI10396" s="84"/>
      <c r="AM10396" s="84"/>
    </row>
    <row r="10397" spans="35:39" x14ac:dyDescent="0.35">
      <c r="AI10397" s="84"/>
      <c r="AM10397" s="84"/>
    </row>
    <row r="10398" spans="35:39" x14ac:dyDescent="0.35">
      <c r="AI10398" s="84"/>
      <c r="AM10398" s="84"/>
    </row>
    <row r="10399" spans="35:39" x14ac:dyDescent="0.35">
      <c r="AI10399" s="84"/>
      <c r="AM10399" s="84"/>
    </row>
    <row r="10400" spans="35:39" x14ac:dyDescent="0.35">
      <c r="AI10400" s="84"/>
      <c r="AM10400" s="84"/>
    </row>
    <row r="10401" spans="35:39" x14ac:dyDescent="0.35">
      <c r="AI10401" s="84"/>
      <c r="AM10401" s="84"/>
    </row>
    <row r="10402" spans="35:39" x14ac:dyDescent="0.35">
      <c r="AI10402" s="84"/>
      <c r="AM10402" s="84"/>
    </row>
    <row r="10403" spans="35:39" x14ac:dyDescent="0.35">
      <c r="AI10403" s="84"/>
      <c r="AM10403" s="84"/>
    </row>
    <row r="10404" spans="35:39" x14ac:dyDescent="0.35">
      <c r="AI10404" s="84"/>
      <c r="AM10404" s="84"/>
    </row>
    <row r="10405" spans="35:39" x14ac:dyDescent="0.35">
      <c r="AI10405" s="84"/>
      <c r="AM10405" s="84"/>
    </row>
    <row r="10406" spans="35:39" x14ac:dyDescent="0.35">
      <c r="AI10406" s="84"/>
      <c r="AM10406" s="84"/>
    </row>
    <row r="10407" spans="35:39" x14ac:dyDescent="0.35">
      <c r="AI10407" s="84"/>
      <c r="AM10407" s="84"/>
    </row>
    <row r="10408" spans="35:39" x14ac:dyDescent="0.35">
      <c r="AI10408" s="84"/>
      <c r="AM10408" s="84"/>
    </row>
    <row r="10409" spans="35:39" x14ac:dyDescent="0.35">
      <c r="AI10409" s="84"/>
      <c r="AM10409" s="84"/>
    </row>
    <row r="10410" spans="35:39" x14ac:dyDescent="0.35">
      <c r="AI10410" s="84"/>
      <c r="AM10410" s="84"/>
    </row>
    <row r="10411" spans="35:39" x14ac:dyDescent="0.35">
      <c r="AI10411" s="84"/>
      <c r="AM10411" s="84"/>
    </row>
    <row r="10412" spans="35:39" x14ac:dyDescent="0.35">
      <c r="AI10412" s="84"/>
      <c r="AM10412" s="84"/>
    </row>
    <row r="10413" spans="35:39" x14ac:dyDescent="0.35">
      <c r="AI10413" s="84"/>
      <c r="AM10413" s="84"/>
    </row>
    <row r="10414" spans="35:39" x14ac:dyDescent="0.35">
      <c r="AI10414" s="84"/>
      <c r="AM10414" s="84"/>
    </row>
    <row r="10415" spans="35:39" x14ac:dyDescent="0.35">
      <c r="AI10415" s="84"/>
      <c r="AM10415" s="84"/>
    </row>
    <row r="10416" spans="35:39" x14ac:dyDescent="0.35">
      <c r="AI10416" s="84"/>
      <c r="AM10416" s="84"/>
    </row>
    <row r="10417" spans="35:39" x14ac:dyDescent="0.35">
      <c r="AI10417" s="84"/>
      <c r="AM10417" s="84"/>
    </row>
    <row r="10418" spans="35:39" x14ac:dyDescent="0.35">
      <c r="AI10418" s="84"/>
      <c r="AM10418" s="84"/>
    </row>
    <row r="10419" spans="35:39" x14ac:dyDescent="0.35">
      <c r="AI10419" s="84"/>
      <c r="AM10419" s="84"/>
    </row>
    <row r="10420" spans="35:39" x14ac:dyDescent="0.35">
      <c r="AI10420" s="84"/>
      <c r="AM10420" s="84"/>
    </row>
    <row r="10421" spans="35:39" x14ac:dyDescent="0.35">
      <c r="AI10421" s="84"/>
      <c r="AM10421" s="84"/>
    </row>
    <row r="10422" spans="35:39" x14ac:dyDescent="0.35">
      <c r="AI10422" s="84"/>
      <c r="AM10422" s="84"/>
    </row>
    <row r="10423" spans="35:39" x14ac:dyDescent="0.35">
      <c r="AI10423" s="84"/>
      <c r="AM10423" s="84"/>
    </row>
    <row r="10424" spans="35:39" x14ac:dyDescent="0.35">
      <c r="AI10424" s="84"/>
      <c r="AM10424" s="84"/>
    </row>
    <row r="10425" spans="35:39" x14ac:dyDescent="0.35">
      <c r="AI10425" s="84"/>
      <c r="AM10425" s="84"/>
    </row>
    <row r="10426" spans="35:39" x14ac:dyDescent="0.35">
      <c r="AI10426" s="84"/>
      <c r="AM10426" s="84"/>
    </row>
    <row r="10427" spans="35:39" x14ac:dyDescent="0.35">
      <c r="AI10427" s="84"/>
      <c r="AM10427" s="84"/>
    </row>
    <row r="10428" spans="35:39" x14ac:dyDescent="0.35">
      <c r="AI10428" s="84"/>
      <c r="AM10428" s="84"/>
    </row>
    <row r="10429" spans="35:39" x14ac:dyDescent="0.35">
      <c r="AI10429" s="84"/>
      <c r="AM10429" s="84"/>
    </row>
    <row r="10430" spans="35:39" x14ac:dyDescent="0.35">
      <c r="AI10430" s="84"/>
      <c r="AM10430" s="84"/>
    </row>
    <row r="10431" spans="35:39" x14ac:dyDescent="0.35">
      <c r="AI10431" s="84"/>
      <c r="AM10431" s="84"/>
    </row>
    <row r="10432" spans="35:39" x14ac:dyDescent="0.35">
      <c r="AI10432" s="84"/>
      <c r="AM10432" s="84"/>
    </row>
    <row r="10433" spans="35:39" x14ac:dyDescent="0.35">
      <c r="AI10433" s="84"/>
      <c r="AM10433" s="84"/>
    </row>
    <row r="10434" spans="35:39" x14ac:dyDescent="0.35">
      <c r="AI10434" s="84"/>
      <c r="AM10434" s="84"/>
    </row>
    <row r="10435" spans="35:39" x14ac:dyDescent="0.35">
      <c r="AI10435" s="84"/>
      <c r="AM10435" s="84"/>
    </row>
    <row r="10436" spans="35:39" x14ac:dyDescent="0.35">
      <c r="AI10436" s="84"/>
      <c r="AM10436" s="84"/>
    </row>
    <row r="10437" spans="35:39" x14ac:dyDescent="0.35">
      <c r="AI10437" s="84"/>
      <c r="AM10437" s="84"/>
    </row>
    <row r="10438" spans="35:39" x14ac:dyDescent="0.35">
      <c r="AI10438" s="84"/>
      <c r="AM10438" s="84"/>
    </row>
    <row r="10439" spans="35:39" x14ac:dyDescent="0.35">
      <c r="AI10439" s="84"/>
      <c r="AM10439" s="84"/>
    </row>
    <row r="10440" spans="35:39" x14ac:dyDescent="0.35">
      <c r="AI10440" s="84"/>
      <c r="AM10440" s="84"/>
    </row>
    <row r="10441" spans="35:39" x14ac:dyDescent="0.35">
      <c r="AI10441" s="84"/>
      <c r="AM10441" s="84"/>
    </row>
    <row r="10442" spans="35:39" x14ac:dyDescent="0.35">
      <c r="AI10442" s="84"/>
      <c r="AM10442" s="84"/>
    </row>
    <row r="10443" spans="35:39" x14ac:dyDescent="0.35">
      <c r="AI10443" s="84"/>
      <c r="AM10443" s="84"/>
    </row>
    <row r="10444" spans="35:39" x14ac:dyDescent="0.35">
      <c r="AI10444" s="84"/>
      <c r="AM10444" s="84"/>
    </row>
    <row r="10445" spans="35:39" x14ac:dyDescent="0.35">
      <c r="AI10445" s="84"/>
      <c r="AM10445" s="84"/>
    </row>
    <row r="10446" spans="35:39" x14ac:dyDescent="0.35">
      <c r="AI10446" s="84"/>
      <c r="AM10446" s="84"/>
    </row>
    <row r="10447" spans="35:39" x14ac:dyDescent="0.35">
      <c r="AI10447" s="84"/>
      <c r="AM10447" s="84"/>
    </row>
    <row r="10448" spans="35:39" x14ac:dyDescent="0.35">
      <c r="AI10448" s="84"/>
      <c r="AM10448" s="84"/>
    </row>
    <row r="10449" spans="35:39" x14ac:dyDescent="0.35">
      <c r="AI10449" s="84"/>
      <c r="AM10449" s="84"/>
    </row>
    <row r="10450" spans="35:39" x14ac:dyDescent="0.35">
      <c r="AI10450" s="84"/>
      <c r="AM10450" s="84"/>
    </row>
    <row r="10451" spans="35:39" x14ac:dyDescent="0.35">
      <c r="AI10451" s="84"/>
      <c r="AM10451" s="84"/>
    </row>
    <row r="10452" spans="35:39" x14ac:dyDescent="0.35">
      <c r="AI10452" s="84"/>
      <c r="AM10452" s="84"/>
    </row>
    <row r="10453" spans="35:39" x14ac:dyDescent="0.35">
      <c r="AI10453" s="84"/>
      <c r="AM10453" s="84"/>
    </row>
    <row r="10454" spans="35:39" x14ac:dyDescent="0.35">
      <c r="AI10454" s="84"/>
      <c r="AM10454" s="84"/>
    </row>
    <row r="10455" spans="35:39" x14ac:dyDescent="0.35">
      <c r="AI10455" s="84"/>
      <c r="AM10455" s="84"/>
    </row>
    <row r="10456" spans="35:39" x14ac:dyDescent="0.35">
      <c r="AI10456" s="84"/>
      <c r="AM10456" s="84"/>
    </row>
    <row r="10457" spans="35:39" x14ac:dyDescent="0.35">
      <c r="AI10457" s="84"/>
      <c r="AM10457" s="84"/>
    </row>
    <row r="10458" spans="35:39" x14ac:dyDescent="0.35">
      <c r="AI10458" s="84"/>
      <c r="AM10458" s="84"/>
    </row>
    <row r="10459" spans="35:39" x14ac:dyDescent="0.35">
      <c r="AI10459" s="84"/>
      <c r="AM10459" s="84"/>
    </row>
    <row r="10460" spans="35:39" x14ac:dyDescent="0.35">
      <c r="AI10460" s="84"/>
      <c r="AM10460" s="84"/>
    </row>
    <row r="10461" spans="35:39" x14ac:dyDescent="0.35">
      <c r="AI10461" s="84"/>
      <c r="AM10461" s="84"/>
    </row>
    <row r="10462" spans="35:39" x14ac:dyDescent="0.35">
      <c r="AI10462" s="84"/>
      <c r="AM10462" s="84"/>
    </row>
    <row r="10463" spans="35:39" x14ac:dyDescent="0.35">
      <c r="AI10463" s="84"/>
      <c r="AM10463" s="84"/>
    </row>
    <row r="10464" spans="35:39" x14ac:dyDescent="0.35">
      <c r="AI10464" s="84"/>
      <c r="AM10464" s="84"/>
    </row>
    <row r="10465" spans="35:39" x14ac:dyDescent="0.35">
      <c r="AI10465" s="84"/>
      <c r="AM10465" s="84"/>
    </row>
    <row r="10466" spans="35:39" x14ac:dyDescent="0.35">
      <c r="AI10466" s="84"/>
      <c r="AM10466" s="84"/>
    </row>
    <row r="10467" spans="35:39" x14ac:dyDescent="0.35">
      <c r="AI10467" s="84"/>
      <c r="AM10467" s="84"/>
    </row>
    <row r="10468" spans="35:39" x14ac:dyDescent="0.35">
      <c r="AI10468" s="84"/>
      <c r="AM10468" s="84"/>
    </row>
    <row r="10469" spans="35:39" x14ac:dyDescent="0.35">
      <c r="AI10469" s="84"/>
      <c r="AM10469" s="84"/>
    </row>
    <row r="10470" spans="35:39" x14ac:dyDescent="0.35">
      <c r="AI10470" s="84"/>
      <c r="AM10470" s="84"/>
    </row>
    <row r="10471" spans="35:39" x14ac:dyDescent="0.35">
      <c r="AI10471" s="84"/>
      <c r="AM10471" s="84"/>
    </row>
    <row r="10472" spans="35:39" x14ac:dyDescent="0.35">
      <c r="AI10472" s="84"/>
      <c r="AM10472" s="84"/>
    </row>
    <row r="10473" spans="35:39" x14ac:dyDescent="0.35">
      <c r="AI10473" s="84"/>
      <c r="AM10473" s="84"/>
    </row>
    <row r="10474" spans="35:39" x14ac:dyDescent="0.35">
      <c r="AI10474" s="84"/>
      <c r="AM10474" s="84"/>
    </row>
    <row r="10475" spans="35:39" x14ac:dyDescent="0.35">
      <c r="AI10475" s="84"/>
      <c r="AM10475" s="84"/>
    </row>
    <row r="10476" spans="35:39" x14ac:dyDescent="0.35">
      <c r="AI10476" s="84"/>
      <c r="AM10476" s="84"/>
    </row>
    <row r="10477" spans="35:39" x14ac:dyDescent="0.35">
      <c r="AI10477" s="84"/>
      <c r="AM10477" s="84"/>
    </row>
    <row r="10478" spans="35:39" x14ac:dyDescent="0.35">
      <c r="AI10478" s="84"/>
      <c r="AM10478" s="84"/>
    </row>
    <row r="10479" spans="35:39" x14ac:dyDescent="0.35">
      <c r="AI10479" s="84"/>
      <c r="AM10479" s="84"/>
    </row>
    <row r="10480" spans="35:39" x14ac:dyDescent="0.35">
      <c r="AI10480" s="84"/>
      <c r="AM10480" s="84"/>
    </row>
    <row r="10481" spans="35:39" x14ac:dyDescent="0.35">
      <c r="AI10481" s="84"/>
      <c r="AM10481" s="84"/>
    </row>
    <row r="10482" spans="35:39" x14ac:dyDescent="0.35">
      <c r="AI10482" s="84"/>
      <c r="AM10482" s="84"/>
    </row>
    <row r="10483" spans="35:39" x14ac:dyDescent="0.35">
      <c r="AI10483" s="84"/>
      <c r="AM10483" s="84"/>
    </row>
    <row r="10484" spans="35:39" x14ac:dyDescent="0.35">
      <c r="AI10484" s="84"/>
      <c r="AM10484" s="84"/>
    </row>
    <row r="10485" spans="35:39" x14ac:dyDescent="0.35">
      <c r="AI10485" s="84"/>
      <c r="AM10485" s="84"/>
    </row>
    <row r="10486" spans="35:39" x14ac:dyDescent="0.35">
      <c r="AI10486" s="84"/>
      <c r="AM10486" s="84"/>
    </row>
    <row r="10487" spans="35:39" x14ac:dyDescent="0.35">
      <c r="AI10487" s="84"/>
      <c r="AM10487" s="84"/>
    </row>
    <row r="10488" spans="35:39" x14ac:dyDescent="0.35">
      <c r="AI10488" s="84"/>
      <c r="AM10488" s="84"/>
    </row>
    <row r="10489" spans="35:39" x14ac:dyDescent="0.35">
      <c r="AI10489" s="84"/>
      <c r="AM10489" s="84"/>
    </row>
    <row r="10490" spans="35:39" x14ac:dyDescent="0.35">
      <c r="AI10490" s="84"/>
      <c r="AM10490" s="84"/>
    </row>
    <row r="10491" spans="35:39" x14ac:dyDescent="0.35">
      <c r="AI10491" s="84"/>
      <c r="AM10491" s="84"/>
    </row>
    <row r="10492" spans="35:39" x14ac:dyDescent="0.35">
      <c r="AI10492" s="84"/>
      <c r="AM10492" s="84"/>
    </row>
    <row r="10493" spans="35:39" x14ac:dyDescent="0.35">
      <c r="AI10493" s="84"/>
      <c r="AM10493" s="84"/>
    </row>
    <row r="10494" spans="35:39" x14ac:dyDescent="0.35">
      <c r="AI10494" s="84"/>
      <c r="AM10494" s="84"/>
    </row>
    <row r="10495" spans="35:39" x14ac:dyDescent="0.35">
      <c r="AI10495" s="84"/>
      <c r="AM10495" s="84"/>
    </row>
    <row r="10496" spans="35:39" x14ac:dyDescent="0.35">
      <c r="AI10496" s="84"/>
      <c r="AM10496" s="84"/>
    </row>
    <row r="10497" spans="35:39" x14ac:dyDescent="0.35">
      <c r="AI10497" s="84"/>
      <c r="AM10497" s="84"/>
    </row>
    <row r="10498" spans="35:39" x14ac:dyDescent="0.35">
      <c r="AI10498" s="84"/>
      <c r="AM10498" s="84"/>
    </row>
    <row r="10499" spans="35:39" x14ac:dyDescent="0.35">
      <c r="AI10499" s="84"/>
      <c r="AM10499" s="84"/>
    </row>
    <row r="10500" spans="35:39" x14ac:dyDescent="0.35">
      <c r="AI10500" s="84"/>
      <c r="AM10500" s="84"/>
    </row>
    <row r="10501" spans="35:39" x14ac:dyDescent="0.35">
      <c r="AI10501" s="84"/>
      <c r="AM10501" s="84"/>
    </row>
    <row r="10502" spans="35:39" x14ac:dyDescent="0.35">
      <c r="AI10502" s="84"/>
      <c r="AM10502" s="84"/>
    </row>
    <row r="10503" spans="35:39" x14ac:dyDescent="0.35">
      <c r="AI10503" s="84"/>
      <c r="AM10503" s="84"/>
    </row>
    <row r="10504" spans="35:39" x14ac:dyDescent="0.35">
      <c r="AI10504" s="84"/>
      <c r="AM10504" s="84"/>
    </row>
    <row r="10505" spans="35:39" x14ac:dyDescent="0.35">
      <c r="AI10505" s="84"/>
      <c r="AM10505" s="84"/>
    </row>
    <row r="10506" spans="35:39" x14ac:dyDescent="0.35">
      <c r="AI10506" s="84"/>
      <c r="AM10506" s="84"/>
    </row>
    <row r="10507" spans="35:39" x14ac:dyDescent="0.35">
      <c r="AI10507" s="84"/>
      <c r="AM10507" s="84"/>
    </row>
    <row r="10508" spans="35:39" x14ac:dyDescent="0.35">
      <c r="AI10508" s="84"/>
      <c r="AM10508" s="84"/>
    </row>
    <row r="10509" spans="35:39" x14ac:dyDescent="0.35">
      <c r="AI10509" s="84"/>
      <c r="AM10509" s="84"/>
    </row>
    <row r="10510" spans="35:39" x14ac:dyDescent="0.35">
      <c r="AI10510" s="84"/>
      <c r="AM10510" s="84"/>
    </row>
    <row r="10511" spans="35:39" x14ac:dyDescent="0.35">
      <c r="AI10511" s="84"/>
      <c r="AM10511" s="84"/>
    </row>
    <row r="10512" spans="35:39" x14ac:dyDescent="0.35">
      <c r="AI10512" s="84"/>
      <c r="AM10512" s="84"/>
    </row>
    <row r="10513" spans="35:39" x14ac:dyDescent="0.35">
      <c r="AI10513" s="84"/>
      <c r="AM10513" s="84"/>
    </row>
    <row r="10514" spans="35:39" x14ac:dyDescent="0.35">
      <c r="AI10514" s="84"/>
      <c r="AM10514" s="84"/>
    </row>
    <row r="10515" spans="35:39" x14ac:dyDescent="0.35">
      <c r="AI10515" s="84"/>
      <c r="AM10515" s="84"/>
    </row>
    <row r="10516" spans="35:39" x14ac:dyDescent="0.35">
      <c r="AI10516" s="84"/>
      <c r="AM10516" s="84"/>
    </row>
    <row r="10517" spans="35:39" x14ac:dyDescent="0.35">
      <c r="AI10517" s="84"/>
      <c r="AM10517" s="84"/>
    </row>
    <row r="10518" spans="35:39" x14ac:dyDescent="0.35">
      <c r="AI10518" s="84"/>
      <c r="AM10518" s="84"/>
    </row>
    <row r="10519" spans="35:39" x14ac:dyDescent="0.35">
      <c r="AI10519" s="84"/>
      <c r="AM10519" s="84"/>
    </row>
    <row r="10520" spans="35:39" x14ac:dyDescent="0.35">
      <c r="AI10520" s="84"/>
      <c r="AM10520" s="84"/>
    </row>
    <row r="10521" spans="35:39" x14ac:dyDescent="0.35">
      <c r="AI10521" s="84"/>
      <c r="AM10521" s="84"/>
    </row>
    <row r="10522" spans="35:39" x14ac:dyDescent="0.35">
      <c r="AI10522" s="84"/>
      <c r="AM10522" s="84"/>
    </row>
    <row r="10523" spans="35:39" x14ac:dyDescent="0.35">
      <c r="AI10523" s="84"/>
      <c r="AM10523" s="84"/>
    </row>
    <row r="10524" spans="35:39" x14ac:dyDescent="0.35">
      <c r="AI10524" s="84"/>
      <c r="AM10524" s="84"/>
    </row>
    <row r="10525" spans="35:39" x14ac:dyDescent="0.35">
      <c r="AI10525" s="84"/>
      <c r="AM10525" s="84"/>
    </row>
    <row r="10526" spans="35:39" x14ac:dyDescent="0.35">
      <c r="AI10526" s="84"/>
      <c r="AM10526" s="84"/>
    </row>
    <row r="10527" spans="35:39" x14ac:dyDescent="0.35">
      <c r="AI10527" s="84"/>
      <c r="AM10527" s="84"/>
    </row>
    <row r="10528" spans="35:39" x14ac:dyDescent="0.35">
      <c r="AI10528" s="84"/>
      <c r="AM10528" s="84"/>
    </row>
    <row r="10529" spans="35:39" x14ac:dyDescent="0.35">
      <c r="AI10529" s="84"/>
      <c r="AM10529" s="84"/>
    </row>
    <row r="10530" spans="35:39" x14ac:dyDescent="0.35">
      <c r="AI10530" s="84"/>
      <c r="AM10530" s="84"/>
    </row>
    <row r="10531" spans="35:39" x14ac:dyDescent="0.35">
      <c r="AI10531" s="84"/>
      <c r="AM10531" s="84"/>
    </row>
    <row r="10532" spans="35:39" x14ac:dyDescent="0.35">
      <c r="AI10532" s="84"/>
      <c r="AM10532" s="84"/>
    </row>
    <row r="10533" spans="35:39" x14ac:dyDescent="0.35">
      <c r="AI10533" s="84"/>
      <c r="AM10533" s="84"/>
    </row>
    <row r="10534" spans="35:39" x14ac:dyDescent="0.35">
      <c r="AI10534" s="84"/>
      <c r="AM10534" s="84"/>
    </row>
    <row r="10535" spans="35:39" x14ac:dyDescent="0.35">
      <c r="AI10535" s="84"/>
      <c r="AM10535" s="84"/>
    </row>
    <row r="10536" spans="35:39" x14ac:dyDescent="0.35">
      <c r="AI10536" s="84"/>
      <c r="AM10536" s="84"/>
    </row>
    <row r="10537" spans="35:39" x14ac:dyDescent="0.35">
      <c r="AI10537" s="84"/>
      <c r="AM10537" s="84"/>
    </row>
    <row r="10538" spans="35:39" x14ac:dyDescent="0.35">
      <c r="AI10538" s="84"/>
      <c r="AM10538" s="84"/>
    </row>
    <row r="10539" spans="35:39" x14ac:dyDescent="0.35">
      <c r="AI10539" s="84"/>
      <c r="AM10539" s="84"/>
    </row>
    <row r="10540" spans="35:39" x14ac:dyDescent="0.35">
      <c r="AI10540" s="84"/>
      <c r="AM10540" s="84"/>
    </row>
    <row r="10541" spans="35:39" x14ac:dyDescent="0.35">
      <c r="AI10541" s="84"/>
      <c r="AM10541" s="84"/>
    </row>
    <row r="10542" spans="35:39" x14ac:dyDescent="0.35">
      <c r="AI10542" s="84"/>
      <c r="AM10542" s="84"/>
    </row>
    <row r="10543" spans="35:39" x14ac:dyDescent="0.35">
      <c r="AI10543" s="84"/>
      <c r="AM10543" s="84"/>
    </row>
    <row r="10544" spans="35:39" x14ac:dyDescent="0.35">
      <c r="AI10544" s="84"/>
      <c r="AM10544" s="84"/>
    </row>
    <row r="10545" spans="35:39" x14ac:dyDescent="0.35">
      <c r="AI10545" s="84"/>
      <c r="AM10545" s="84"/>
    </row>
    <row r="10546" spans="35:39" x14ac:dyDescent="0.35">
      <c r="AI10546" s="84"/>
      <c r="AM10546" s="84"/>
    </row>
    <row r="10547" spans="35:39" x14ac:dyDescent="0.35">
      <c r="AI10547" s="84"/>
      <c r="AM10547" s="84"/>
    </row>
    <row r="10548" spans="35:39" x14ac:dyDescent="0.35">
      <c r="AI10548" s="84"/>
      <c r="AM10548" s="84"/>
    </row>
    <row r="10549" spans="35:39" x14ac:dyDescent="0.35">
      <c r="AI10549" s="84"/>
      <c r="AM10549" s="84"/>
    </row>
    <row r="10550" spans="35:39" x14ac:dyDescent="0.35">
      <c r="AI10550" s="84"/>
      <c r="AM10550" s="84"/>
    </row>
    <row r="10551" spans="35:39" x14ac:dyDescent="0.35">
      <c r="AI10551" s="84"/>
      <c r="AM10551" s="84"/>
    </row>
    <row r="10552" spans="35:39" x14ac:dyDescent="0.35">
      <c r="AI10552" s="84"/>
      <c r="AM10552" s="84"/>
    </row>
    <row r="10553" spans="35:39" x14ac:dyDescent="0.35">
      <c r="AI10553" s="84"/>
      <c r="AM10553" s="84"/>
    </row>
    <row r="10554" spans="35:39" x14ac:dyDescent="0.35">
      <c r="AI10554" s="84"/>
      <c r="AM10554" s="84"/>
    </row>
    <row r="10555" spans="35:39" x14ac:dyDescent="0.35">
      <c r="AI10555" s="84"/>
      <c r="AM10555" s="84"/>
    </row>
    <row r="10556" spans="35:39" x14ac:dyDescent="0.35">
      <c r="AI10556" s="84"/>
      <c r="AM10556" s="84"/>
    </row>
    <row r="10557" spans="35:39" x14ac:dyDescent="0.35">
      <c r="AI10557" s="84"/>
      <c r="AM10557" s="84"/>
    </row>
    <row r="10558" spans="35:39" x14ac:dyDescent="0.35">
      <c r="AI10558" s="84"/>
      <c r="AM10558" s="84"/>
    </row>
    <row r="10559" spans="35:39" x14ac:dyDescent="0.35">
      <c r="AI10559" s="84"/>
      <c r="AM10559" s="84"/>
    </row>
    <row r="10560" spans="35:39" x14ac:dyDescent="0.35">
      <c r="AI10560" s="84"/>
      <c r="AM10560" s="84"/>
    </row>
    <row r="10561" spans="35:39" x14ac:dyDescent="0.35">
      <c r="AI10561" s="84"/>
      <c r="AM10561" s="84"/>
    </row>
    <row r="10562" spans="35:39" x14ac:dyDescent="0.35">
      <c r="AI10562" s="84"/>
      <c r="AM10562" s="84"/>
    </row>
    <row r="10563" spans="35:39" x14ac:dyDescent="0.35">
      <c r="AI10563" s="84"/>
      <c r="AM10563" s="84"/>
    </row>
    <row r="10564" spans="35:39" x14ac:dyDescent="0.35">
      <c r="AI10564" s="84"/>
      <c r="AM10564" s="84"/>
    </row>
    <row r="10565" spans="35:39" x14ac:dyDescent="0.35">
      <c r="AI10565" s="84"/>
      <c r="AM10565" s="84"/>
    </row>
    <row r="10566" spans="35:39" x14ac:dyDescent="0.35">
      <c r="AI10566" s="84"/>
      <c r="AM10566" s="84"/>
    </row>
    <row r="10567" spans="35:39" x14ac:dyDescent="0.35">
      <c r="AI10567" s="84"/>
      <c r="AM10567" s="84"/>
    </row>
    <row r="10568" spans="35:39" x14ac:dyDescent="0.35">
      <c r="AI10568" s="84"/>
      <c r="AM10568" s="84"/>
    </row>
    <row r="10569" spans="35:39" x14ac:dyDescent="0.35">
      <c r="AI10569" s="84"/>
      <c r="AM10569" s="84"/>
    </row>
    <row r="10570" spans="35:39" x14ac:dyDescent="0.35">
      <c r="AI10570" s="84"/>
      <c r="AM10570" s="84"/>
    </row>
    <row r="10571" spans="35:39" x14ac:dyDescent="0.35">
      <c r="AI10571" s="84"/>
      <c r="AM10571" s="84"/>
    </row>
    <row r="10572" spans="35:39" x14ac:dyDescent="0.35">
      <c r="AI10572" s="84"/>
      <c r="AM10572" s="84"/>
    </row>
    <row r="10573" spans="35:39" x14ac:dyDescent="0.35">
      <c r="AI10573" s="84"/>
      <c r="AM10573" s="84"/>
    </row>
    <row r="10574" spans="35:39" x14ac:dyDescent="0.35">
      <c r="AI10574" s="84"/>
      <c r="AM10574" s="84"/>
    </row>
    <row r="10575" spans="35:39" x14ac:dyDescent="0.35">
      <c r="AI10575" s="84"/>
      <c r="AM10575" s="84"/>
    </row>
    <row r="10576" spans="35:39" x14ac:dyDescent="0.35">
      <c r="AI10576" s="84"/>
      <c r="AM10576" s="84"/>
    </row>
    <row r="10577" spans="35:39" x14ac:dyDescent="0.35">
      <c r="AI10577" s="84"/>
      <c r="AM10577" s="84"/>
    </row>
    <row r="10578" spans="35:39" x14ac:dyDescent="0.35">
      <c r="AI10578" s="84"/>
      <c r="AM10578" s="84"/>
    </row>
    <row r="10579" spans="35:39" x14ac:dyDescent="0.35">
      <c r="AI10579" s="84"/>
      <c r="AM10579" s="84"/>
    </row>
    <row r="10580" spans="35:39" x14ac:dyDescent="0.35">
      <c r="AI10580" s="84"/>
      <c r="AM10580" s="84"/>
    </row>
    <row r="10581" spans="35:39" x14ac:dyDescent="0.35">
      <c r="AI10581" s="84"/>
      <c r="AM10581" s="84"/>
    </row>
    <row r="10582" spans="35:39" x14ac:dyDescent="0.35">
      <c r="AI10582" s="84"/>
      <c r="AM10582" s="84"/>
    </row>
    <row r="10583" spans="35:39" x14ac:dyDescent="0.35">
      <c r="AI10583" s="84"/>
      <c r="AM10583" s="84"/>
    </row>
    <row r="10584" spans="35:39" x14ac:dyDescent="0.35">
      <c r="AI10584" s="84"/>
      <c r="AM10584" s="84"/>
    </row>
    <row r="10585" spans="35:39" x14ac:dyDescent="0.35">
      <c r="AI10585" s="84"/>
      <c r="AM10585" s="84"/>
    </row>
    <row r="10586" spans="35:39" x14ac:dyDescent="0.35">
      <c r="AI10586" s="84"/>
      <c r="AM10586" s="84"/>
    </row>
    <row r="10587" spans="35:39" x14ac:dyDescent="0.35">
      <c r="AI10587" s="84"/>
      <c r="AM10587" s="84"/>
    </row>
    <row r="10588" spans="35:39" x14ac:dyDescent="0.35">
      <c r="AI10588" s="84"/>
      <c r="AM10588" s="84"/>
    </row>
    <row r="10589" spans="35:39" x14ac:dyDescent="0.35">
      <c r="AI10589" s="84"/>
      <c r="AM10589" s="84"/>
    </row>
    <row r="10590" spans="35:39" x14ac:dyDescent="0.35">
      <c r="AI10590" s="84"/>
      <c r="AM10590" s="84"/>
    </row>
    <row r="10591" spans="35:39" x14ac:dyDescent="0.35">
      <c r="AI10591" s="84"/>
      <c r="AM10591" s="84"/>
    </row>
    <row r="10592" spans="35:39" x14ac:dyDescent="0.35">
      <c r="AI10592" s="84"/>
      <c r="AM10592" s="84"/>
    </row>
    <row r="10593" spans="35:39" x14ac:dyDescent="0.35">
      <c r="AI10593" s="84"/>
      <c r="AM10593" s="84"/>
    </row>
    <row r="10594" spans="35:39" x14ac:dyDescent="0.35">
      <c r="AI10594" s="84"/>
      <c r="AM10594" s="84"/>
    </row>
    <row r="10595" spans="35:39" x14ac:dyDescent="0.35">
      <c r="AI10595" s="84"/>
      <c r="AM10595" s="84"/>
    </row>
    <row r="10596" spans="35:39" x14ac:dyDescent="0.35">
      <c r="AI10596" s="84"/>
      <c r="AM10596" s="84"/>
    </row>
    <row r="10597" spans="35:39" x14ac:dyDescent="0.35">
      <c r="AI10597" s="84"/>
      <c r="AM10597" s="84"/>
    </row>
    <row r="10598" spans="35:39" x14ac:dyDescent="0.35">
      <c r="AI10598" s="84"/>
      <c r="AM10598" s="84"/>
    </row>
    <row r="10599" spans="35:39" x14ac:dyDescent="0.35">
      <c r="AI10599" s="84"/>
      <c r="AM10599" s="84"/>
    </row>
    <row r="10600" spans="35:39" x14ac:dyDescent="0.35">
      <c r="AI10600" s="84"/>
      <c r="AM10600" s="84"/>
    </row>
    <row r="10601" spans="35:39" x14ac:dyDescent="0.35">
      <c r="AI10601" s="84"/>
      <c r="AM10601" s="84"/>
    </row>
    <row r="10602" spans="35:39" x14ac:dyDescent="0.35">
      <c r="AI10602" s="84"/>
      <c r="AM10602" s="84"/>
    </row>
    <row r="10603" spans="35:39" x14ac:dyDescent="0.35">
      <c r="AI10603" s="84"/>
      <c r="AM10603" s="84"/>
    </row>
    <row r="10604" spans="35:39" x14ac:dyDescent="0.35">
      <c r="AI10604" s="84"/>
      <c r="AM10604" s="84"/>
    </row>
    <row r="10605" spans="35:39" x14ac:dyDescent="0.35">
      <c r="AI10605" s="84"/>
      <c r="AM10605" s="84"/>
    </row>
    <row r="10606" spans="35:39" x14ac:dyDescent="0.35">
      <c r="AI10606" s="84"/>
      <c r="AM10606" s="84"/>
    </row>
    <row r="10607" spans="35:39" x14ac:dyDescent="0.35">
      <c r="AI10607" s="84"/>
      <c r="AM10607" s="84"/>
    </row>
    <row r="10608" spans="35:39" x14ac:dyDescent="0.35">
      <c r="AI10608" s="84"/>
      <c r="AM10608" s="84"/>
    </row>
    <row r="10609" spans="35:39" x14ac:dyDescent="0.35">
      <c r="AI10609" s="84"/>
      <c r="AM10609" s="84"/>
    </row>
    <row r="10610" spans="35:39" x14ac:dyDescent="0.35">
      <c r="AI10610" s="84"/>
      <c r="AM10610" s="84"/>
    </row>
    <row r="10611" spans="35:39" x14ac:dyDescent="0.35">
      <c r="AI10611" s="84"/>
      <c r="AM10611" s="84"/>
    </row>
    <row r="10612" spans="35:39" x14ac:dyDescent="0.35">
      <c r="AI10612" s="84"/>
      <c r="AM10612" s="84"/>
    </row>
    <row r="10613" spans="35:39" x14ac:dyDescent="0.35">
      <c r="AI10613" s="84"/>
      <c r="AM10613" s="84"/>
    </row>
    <row r="10614" spans="35:39" x14ac:dyDescent="0.35">
      <c r="AI10614" s="84"/>
      <c r="AM10614" s="84"/>
    </row>
    <row r="10615" spans="35:39" x14ac:dyDescent="0.35">
      <c r="AI10615" s="84"/>
      <c r="AM10615" s="84"/>
    </row>
    <row r="10616" spans="35:39" x14ac:dyDescent="0.35">
      <c r="AI10616" s="84"/>
      <c r="AM10616" s="84"/>
    </row>
    <row r="10617" spans="35:39" x14ac:dyDescent="0.35">
      <c r="AI10617" s="84"/>
      <c r="AM10617" s="84"/>
    </row>
    <row r="10618" spans="35:39" x14ac:dyDescent="0.35">
      <c r="AI10618" s="84"/>
      <c r="AM10618" s="84"/>
    </row>
    <row r="10619" spans="35:39" x14ac:dyDescent="0.35">
      <c r="AI10619" s="84"/>
      <c r="AM10619" s="84"/>
    </row>
    <row r="10620" spans="35:39" x14ac:dyDescent="0.35">
      <c r="AI10620" s="84"/>
      <c r="AM10620" s="84"/>
    </row>
    <row r="10621" spans="35:39" x14ac:dyDescent="0.35">
      <c r="AI10621" s="84"/>
      <c r="AM10621" s="84"/>
    </row>
    <row r="10622" spans="35:39" x14ac:dyDescent="0.35">
      <c r="AI10622" s="84"/>
      <c r="AM10622" s="84"/>
    </row>
    <row r="10623" spans="35:39" x14ac:dyDescent="0.35">
      <c r="AI10623" s="84"/>
      <c r="AM10623" s="84"/>
    </row>
    <row r="10624" spans="35:39" x14ac:dyDescent="0.35">
      <c r="AI10624" s="84"/>
      <c r="AM10624" s="84"/>
    </row>
    <row r="10625" spans="35:39" x14ac:dyDescent="0.35">
      <c r="AI10625" s="84"/>
      <c r="AM10625" s="84"/>
    </row>
    <row r="10626" spans="35:39" x14ac:dyDescent="0.35">
      <c r="AI10626" s="84"/>
      <c r="AM10626" s="84"/>
    </row>
    <row r="10627" spans="35:39" x14ac:dyDescent="0.35">
      <c r="AI10627" s="84"/>
      <c r="AM10627" s="84"/>
    </row>
    <row r="10628" spans="35:39" x14ac:dyDescent="0.35">
      <c r="AI10628" s="84"/>
      <c r="AM10628" s="84"/>
    </row>
    <row r="10629" spans="35:39" x14ac:dyDescent="0.35">
      <c r="AI10629" s="84"/>
      <c r="AM10629" s="84"/>
    </row>
    <row r="10630" spans="35:39" x14ac:dyDescent="0.35">
      <c r="AI10630" s="84"/>
      <c r="AM10630" s="84"/>
    </row>
    <row r="10631" spans="35:39" x14ac:dyDescent="0.35">
      <c r="AI10631" s="84"/>
      <c r="AM10631" s="84"/>
    </row>
    <row r="10632" spans="35:39" x14ac:dyDescent="0.35">
      <c r="AI10632" s="84"/>
      <c r="AM10632" s="84"/>
    </row>
    <row r="10633" spans="35:39" x14ac:dyDescent="0.35">
      <c r="AI10633" s="84"/>
      <c r="AM10633" s="84"/>
    </row>
    <row r="10634" spans="35:39" x14ac:dyDescent="0.35">
      <c r="AI10634" s="84"/>
      <c r="AM10634" s="84"/>
    </row>
    <row r="10635" spans="35:39" x14ac:dyDescent="0.35">
      <c r="AI10635" s="84"/>
      <c r="AM10635" s="84"/>
    </row>
    <row r="10636" spans="35:39" x14ac:dyDescent="0.35">
      <c r="AI10636" s="84"/>
      <c r="AM10636" s="84"/>
    </row>
    <row r="10637" spans="35:39" x14ac:dyDescent="0.35">
      <c r="AI10637" s="84"/>
      <c r="AM10637" s="84"/>
    </row>
    <row r="10638" spans="35:39" x14ac:dyDescent="0.35">
      <c r="AI10638" s="84"/>
      <c r="AM10638" s="84"/>
    </row>
    <row r="10639" spans="35:39" x14ac:dyDescent="0.35">
      <c r="AI10639" s="84"/>
      <c r="AM10639" s="84"/>
    </row>
    <row r="10640" spans="35:39" x14ac:dyDescent="0.35">
      <c r="AI10640" s="84"/>
      <c r="AM10640" s="84"/>
    </row>
    <row r="10641" spans="35:39" x14ac:dyDescent="0.35">
      <c r="AI10641" s="84"/>
      <c r="AM10641" s="84"/>
    </row>
    <row r="10642" spans="35:39" x14ac:dyDescent="0.35">
      <c r="AI10642" s="84"/>
      <c r="AM10642" s="84"/>
    </row>
    <row r="10643" spans="35:39" x14ac:dyDescent="0.35">
      <c r="AI10643" s="84"/>
      <c r="AM10643" s="84"/>
    </row>
    <row r="10644" spans="35:39" x14ac:dyDescent="0.35">
      <c r="AI10644" s="84"/>
      <c r="AM10644" s="84"/>
    </row>
    <row r="10645" spans="35:39" x14ac:dyDescent="0.35">
      <c r="AI10645" s="84"/>
      <c r="AM10645" s="84"/>
    </row>
    <row r="10646" spans="35:39" x14ac:dyDescent="0.35">
      <c r="AI10646" s="84"/>
      <c r="AM10646" s="84"/>
    </row>
    <row r="10647" spans="35:39" x14ac:dyDescent="0.35">
      <c r="AI10647" s="84"/>
      <c r="AM10647" s="84"/>
    </row>
    <row r="10648" spans="35:39" x14ac:dyDescent="0.35">
      <c r="AI10648" s="84"/>
      <c r="AM10648" s="84"/>
    </row>
    <row r="10649" spans="35:39" x14ac:dyDescent="0.35">
      <c r="AI10649" s="84"/>
      <c r="AM10649" s="84"/>
    </row>
    <row r="10650" spans="35:39" x14ac:dyDescent="0.35">
      <c r="AI10650" s="84"/>
      <c r="AM10650" s="84"/>
    </row>
    <row r="10651" spans="35:39" x14ac:dyDescent="0.35">
      <c r="AI10651" s="84"/>
      <c r="AM10651" s="84"/>
    </row>
    <row r="10652" spans="35:39" x14ac:dyDescent="0.35">
      <c r="AI10652" s="84"/>
      <c r="AM10652" s="84"/>
    </row>
    <row r="10653" spans="35:39" x14ac:dyDescent="0.35">
      <c r="AI10653" s="84"/>
      <c r="AM10653" s="84"/>
    </row>
    <row r="10654" spans="35:39" x14ac:dyDescent="0.35">
      <c r="AI10654" s="84"/>
      <c r="AM10654" s="84"/>
    </row>
    <row r="10655" spans="35:39" x14ac:dyDescent="0.35">
      <c r="AI10655" s="84"/>
      <c r="AM10655" s="84"/>
    </row>
    <row r="10656" spans="35:39" x14ac:dyDescent="0.35">
      <c r="AI10656" s="84"/>
      <c r="AM10656" s="84"/>
    </row>
    <row r="10657" spans="35:39" x14ac:dyDescent="0.35">
      <c r="AI10657" s="84"/>
      <c r="AM10657" s="84"/>
    </row>
    <row r="10658" spans="35:39" x14ac:dyDescent="0.35">
      <c r="AI10658" s="84"/>
      <c r="AM10658" s="84"/>
    </row>
    <row r="10659" spans="35:39" x14ac:dyDescent="0.35">
      <c r="AI10659" s="84"/>
      <c r="AM10659" s="84"/>
    </row>
    <row r="10660" spans="35:39" x14ac:dyDescent="0.35">
      <c r="AI10660" s="84"/>
      <c r="AM10660" s="84"/>
    </row>
    <row r="10661" spans="35:39" x14ac:dyDescent="0.35">
      <c r="AI10661" s="84"/>
      <c r="AM10661" s="84"/>
    </row>
    <row r="10662" spans="35:39" x14ac:dyDescent="0.35">
      <c r="AI10662" s="84"/>
      <c r="AM10662" s="84"/>
    </row>
    <row r="10663" spans="35:39" x14ac:dyDescent="0.35">
      <c r="AI10663" s="84"/>
      <c r="AM10663" s="84"/>
    </row>
    <row r="10664" spans="35:39" x14ac:dyDescent="0.35">
      <c r="AI10664" s="84"/>
      <c r="AM10664" s="84"/>
    </row>
    <row r="10665" spans="35:39" x14ac:dyDescent="0.35">
      <c r="AI10665" s="84"/>
      <c r="AM10665" s="84"/>
    </row>
    <row r="10666" spans="35:39" x14ac:dyDescent="0.35">
      <c r="AI10666" s="84"/>
      <c r="AM10666" s="84"/>
    </row>
    <row r="10667" spans="35:39" x14ac:dyDescent="0.35">
      <c r="AI10667" s="84"/>
      <c r="AM10667" s="84"/>
    </row>
    <row r="10668" spans="35:39" x14ac:dyDescent="0.35">
      <c r="AI10668" s="84"/>
      <c r="AM10668" s="84"/>
    </row>
    <row r="10669" spans="35:39" x14ac:dyDescent="0.35">
      <c r="AI10669" s="84"/>
      <c r="AM10669" s="84"/>
    </row>
    <row r="10670" spans="35:39" x14ac:dyDescent="0.35">
      <c r="AI10670" s="84"/>
      <c r="AM10670" s="84"/>
    </row>
    <row r="10671" spans="35:39" x14ac:dyDescent="0.35">
      <c r="AI10671" s="84"/>
      <c r="AM10671" s="84"/>
    </row>
    <row r="10672" spans="35:39" x14ac:dyDescent="0.35">
      <c r="AI10672" s="84"/>
      <c r="AM10672" s="84"/>
    </row>
    <row r="10673" spans="35:39" x14ac:dyDescent="0.35">
      <c r="AI10673" s="84"/>
      <c r="AM10673" s="84"/>
    </row>
    <row r="10674" spans="35:39" x14ac:dyDescent="0.35">
      <c r="AI10674" s="84"/>
      <c r="AM10674" s="84"/>
    </row>
    <row r="10675" spans="35:39" x14ac:dyDescent="0.35">
      <c r="AI10675" s="84"/>
      <c r="AM10675" s="84"/>
    </row>
    <row r="10676" spans="35:39" x14ac:dyDescent="0.35">
      <c r="AI10676" s="84"/>
      <c r="AM10676" s="84"/>
    </row>
    <row r="10677" spans="35:39" x14ac:dyDescent="0.35">
      <c r="AI10677" s="84"/>
      <c r="AM10677" s="84"/>
    </row>
    <row r="10678" spans="35:39" x14ac:dyDescent="0.35">
      <c r="AI10678" s="84"/>
      <c r="AM10678" s="84"/>
    </row>
    <row r="10679" spans="35:39" x14ac:dyDescent="0.35">
      <c r="AI10679" s="84"/>
      <c r="AM10679" s="84"/>
    </row>
    <row r="10680" spans="35:39" x14ac:dyDescent="0.35">
      <c r="AI10680" s="84"/>
      <c r="AM10680" s="84"/>
    </row>
    <row r="10681" spans="35:39" x14ac:dyDescent="0.35">
      <c r="AI10681" s="84"/>
      <c r="AM10681" s="84"/>
    </row>
    <row r="10682" spans="35:39" x14ac:dyDescent="0.35">
      <c r="AI10682" s="84"/>
      <c r="AM10682" s="84"/>
    </row>
    <row r="10683" spans="35:39" x14ac:dyDescent="0.35">
      <c r="AI10683" s="84"/>
      <c r="AM10683" s="84"/>
    </row>
    <row r="10684" spans="35:39" x14ac:dyDescent="0.35">
      <c r="AI10684" s="84"/>
      <c r="AM10684" s="84"/>
    </row>
    <row r="10685" spans="35:39" x14ac:dyDescent="0.35">
      <c r="AI10685" s="84"/>
      <c r="AM10685" s="84"/>
    </row>
    <row r="10686" spans="35:39" x14ac:dyDescent="0.35">
      <c r="AI10686" s="84"/>
      <c r="AM10686" s="84"/>
    </row>
    <row r="10687" spans="35:39" x14ac:dyDescent="0.35">
      <c r="AI10687" s="84"/>
      <c r="AM10687" s="84"/>
    </row>
    <row r="10688" spans="35:39" x14ac:dyDescent="0.35">
      <c r="AI10688" s="84"/>
      <c r="AM10688" s="84"/>
    </row>
    <row r="10689" spans="35:39" x14ac:dyDescent="0.35">
      <c r="AI10689" s="84"/>
      <c r="AM10689" s="84"/>
    </row>
    <row r="10690" spans="35:39" x14ac:dyDescent="0.35">
      <c r="AI10690" s="84"/>
      <c r="AM10690" s="84"/>
    </row>
    <row r="10691" spans="35:39" x14ac:dyDescent="0.35">
      <c r="AI10691" s="84"/>
      <c r="AM10691" s="84"/>
    </row>
    <row r="10692" spans="35:39" x14ac:dyDescent="0.35">
      <c r="AI10692" s="84"/>
      <c r="AM10692" s="84"/>
    </row>
    <row r="10693" spans="35:39" x14ac:dyDescent="0.35">
      <c r="AI10693" s="84"/>
      <c r="AM10693" s="84"/>
    </row>
    <row r="10694" spans="35:39" x14ac:dyDescent="0.35">
      <c r="AI10694" s="84"/>
      <c r="AM10694" s="84"/>
    </row>
    <row r="10695" spans="35:39" x14ac:dyDescent="0.35">
      <c r="AI10695" s="84"/>
      <c r="AM10695" s="84"/>
    </row>
    <row r="10696" spans="35:39" x14ac:dyDescent="0.35">
      <c r="AI10696" s="84"/>
      <c r="AM10696" s="84"/>
    </row>
    <row r="10697" spans="35:39" x14ac:dyDescent="0.35">
      <c r="AI10697" s="84"/>
      <c r="AM10697" s="84"/>
    </row>
    <row r="10698" spans="35:39" x14ac:dyDescent="0.35">
      <c r="AI10698" s="84"/>
      <c r="AM10698" s="84"/>
    </row>
    <row r="10699" spans="35:39" x14ac:dyDescent="0.35">
      <c r="AI10699" s="84"/>
      <c r="AM10699" s="84"/>
    </row>
    <row r="10700" spans="35:39" x14ac:dyDescent="0.35">
      <c r="AI10700" s="84"/>
      <c r="AM10700" s="84"/>
    </row>
    <row r="10701" spans="35:39" x14ac:dyDescent="0.35">
      <c r="AI10701" s="84"/>
      <c r="AM10701" s="84"/>
    </row>
    <row r="10702" spans="35:39" x14ac:dyDescent="0.35">
      <c r="AI10702" s="84"/>
      <c r="AM10702" s="84"/>
    </row>
    <row r="10703" spans="35:39" x14ac:dyDescent="0.35">
      <c r="AI10703" s="84"/>
      <c r="AM10703" s="84"/>
    </row>
    <row r="10704" spans="35:39" x14ac:dyDescent="0.35">
      <c r="AI10704" s="84"/>
      <c r="AM10704" s="84"/>
    </row>
    <row r="10705" spans="35:39" x14ac:dyDescent="0.35">
      <c r="AI10705" s="84"/>
      <c r="AM10705" s="84"/>
    </row>
    <row r="10706" spans="35:39" x14ac:dyDescent="0.35">
      <c r="AI10706" s="84"/>
      <c r="AM10706" s="84"/>
    </row>
    <row r="10707" spans="35:39" x14ac:dyDescent="0.35">
      <c r="AI10707" s="84"/>
      <c r="AM10707" s="84"/>
    </row>
    <row r="10708" spans="35:39" x14ac:dyDescent="0.35">
      <c r="AI10708" s="84"/>
      <c r="AM10708" s="84"/>
    </row>
    <row r="10709" spans="35:39" x14ac:dyDescent="0.35">
      <c r="AI10709" s="84"/>
      <c r="AM10709" s="84"/>
    </row>
    <row r="10710" spans="35:39" x14ac:dyDescent="0.35">
      <c r="AI10710" s="84"/>
      <c r="AM10710" s="84"/>
    </row>
    <row r="10711" spans="35:39" x14ac:dyDescent="0.35">
      <c r="AI10711" s="84"/>
      <c r="AM10711" s="84"/>
    </row>
    <row r="10712" spans="35:39" x14ac:dyDescent="0.35">
      <c r="AI10712" s="84"/>
      <c r="AM10712" s="84"/>
    </row>
    <row r="10713" spans="35:39" x14ac:dyDescent="0.35">
      <c r="AI10713" s="84"/>
      <c r="AM10713" s="84"/>
    </row>
    <row r="10714" spans="35:39" x14ac:dyDescent="0.35">
      <c r="AI10714" s="84"/>
      <c r="AM10714" s="84"/>
    </row>
    <row r="10715" spans="35:39" x14ac:dyDescent="0.35">
      <c r="AI10715" s="84"/>
      <c r="AM10715" s="84"/>
    </row>
    <row r="10716" spans="35:39" x14ac:dyDescent="0.35">
      <c r="AI10716" s="84"/>
      <c r="AM10716" s="84"/>
    </row>
    <row r="10717" spans="35:39" x14ac:dyDescent="0.35">
      <c r="AI10717" s="84"/>
      <c r="AM10717" s="84"/>
    </row>
    <row r="10718" spans="35:39" x14ac:dyDescent="0.35">
      <c r="AI10718" s="84"/>
      <c r="AM10718" s="84"/>
    </row>
    <row r="10719" spans="35:39" x14ac:dyDescent="0.35">
      <c r="AI10719" s="84"/>
      <c r="AM10719" s="84"/>
    </row>
    <row r="10720" spans="35:39" x14ac:dyDescent="0.35">
      <c r="AI10720" s="84"/>
      <c r="AM10720" s="84"/>
    </row>
    <row r="10721" spans="35:39" x14ac:dyDescent="0.35">
      <c r="AI10721" s="84"/>
      <c r="AM10721" s="84"/>
    </row>
    <row r="10722" spans="35:39" x14ac:dyDescent="0.35">
      <c r="AI10722" s="84"/>
      <c r="AM10722" s="84"/>
    </row>
    <row r="10723" spans="35:39" x14ac:dyDescent="0.35">
      <c r="AI10723" s="84"/>
      <c r="AM10723" s="84"/>
    </row>
    <row r="10724" spans="35:39" x14ac:dyDescent="0.35">
      <c r="AI10724" s="84"/>
      <c r="AM10724" s="84"/>
    </row>
    <row r="10725" spans="35:39" x14ac:dyDescent="0.35">
      <c r="AI10725" s="84"/>
      <c r="AM10725" s="84"/>
    </row>
    <row r="10726" spans="35:39" x14ac:dyDescent="0.35">
      <c r="AI10726" s="84"/>
      <c r="AM10726" s="84"/>
    </row>
    <row r="10727" spans="35:39" x14ac:dyDescent="0.35">
      <c r="AI10727" s="84"/>
      <c r="AM10727" s="84"/>
    </row>
    <row r="10728" spans="35:39" x14ac:dyDescent="0.35">
      <c r="AI10728" s="84"/>
      <c r="AM10728" s="84"/>
    </row>
    <row r="10729" spans="35:39" x14ac:dyDescent="0.35">
      <c r="AI10729" s="84"/>
      <c r="AM10729" s="84"/>
    </row>
    <row r="10730" spans="35:39" x14ac:dyDescent="0.35">
      <c r="AI10730" s="84"/>
      <c r="AM10730" s="84"/>
    </row>
    <row r="10731" spans="35:39" x14ac:dyDescent="0.35">
      <c r="AI10731" s="84"/>
      <c r="AM10731" s="84"/>
    </row>
    <row r="10732" spans="35:39" x14ac:dyDescent="0.35">
      <c r="AI10732" s="84"/>
      <c r="AM10732" s="84"/>
    </row>
    <row r="10733" spans="35:39" x14ac:dyDescent="0.35">
      <c r="AI10733" s="84"/>
      <c r="AM10733" s="84"/>
    </row>
    <row r="10734" spans="35:39" x14ac:dyDescent="0.35">
      <c r="AI10734" s="84"/>
      <c r="AM10734" s="84"/>
    </row>
    <row r="10735" spans="35:39" x14ac:dyDescent="0.35">
      <c r="AI10735" s="84"/>
      <c r="AM10735" s="84"/>
    </row>
    <row r="10736" spans="35:39" x14ac:dyDescent="0.35">
      <c r="AI10736" s="84"/>
      <c r="AM10736" s="84"/>
    </row>
    <row r="10737" spans="35:39" x14ac:dyDescent="0.35">
      <c r="AI10737" s="84"/>
      <c r="AM10737" s="84"/>
    </row>
    <row r="10738" spans="35:39" x14ac:dyDescent="0.35">
      <c r="AI10738" s="84"/>
      <c r="AM10738" s="84"/>
    </row>
    <row r="10739" spans="35:39" x14ac:dyDescent="0.35">
      <c r="AI10739" s="84"/>
      <c r="AM10739" s="84"/>
    </row>
    <row r="10740" spans="35:39" x14ac:dyDescent="0.35">
      <c r="AI10740" s="84"/>
      <c r="AM10740" s="84"/>
    </row>
    <row r="10741" spans="35:39" x14ac:dyDescent="0.35">
      <c r="AI10741" s="84"/>
      <c r="AM10741" s="84"/>
    </row>
    <row r="10742" spans="35:39" x14ac:dyDescent="0.35">
      <c r="AI10742" s="84"/>
      <c r="AM10742" s="84"/>
    </row>
    <row r="10743" spans="35:39" x14ac:dyDescent="0.35">
      <c r="AI10743" s="84"/>
      <c r="AM10743" s="84"/>
    </row>
    <row r="10744" spans="35:39" x14ac:dyDescent="0.35">
      <c r="AI10744" s="84"/>
      <c r="AM10744" s="84"/>
    </row>
    <row r="10745" spans="35:39" x14ac:dyDescent="0.35">
      <c r="AI10745" s="84"/>
      <c r="AM10745" s="84"/>
    </row>
    <row r="10746" spans="35:39" x14ac:dyDescent="0.35">
      <c r="AI10746" s="84"/>
      <c r="AM10746" s="84"/>
    </row>
    <row r="10747" spans="35:39" x14ac:dyDescent="0.35">
      <c r="AI10747" s="84"/>
      <c r="AM10747" s="84"/>
    </row>
    <row r="10748" spans="35:39" x14ac:dyDescent="0.35">
      <c r="AI10748" s="84"/>
      <c r="AM10748" s="84"/>
    </row>
    <row r="10749" spans="35:39" x14ac:dyDescent="0.35">
      <c r="AI10749" s="84"/>
      <c r="AM10749" s="84"/>
    </row>
    <row r="10750" spans="35:39" x14ac:dyDescent="0.35">
      <c r="AI10750" s="84"/>
      <c r="AM10750" s="84"/>
    </row>
    <row r="10751" spans="35:39" x14ac:dyDescent="0.35">
      <c r="AI10751" s="84"/>
      <c r="AM10751" s="84"/>
    </row>
    <row r="10752" spans="35:39" x14ac:dyDescent="0.35">
      <c r="AI10752" s="84"/>
      <c r="AM10752" s="84"/>
    </row>
    <row r="10753" spans="35:39" x14ac:dyDescent="0.35">
      <c r="AI10753" s="84"/>
      <c r="AM10753" s="84"/>
    </row>
    <row r="10754" spans="35:39" x14ac:dyDescent="0.35">
      <c r="AI10754" s="84"/>
      <c r="AM10754" s="84"/>
    </row>
    <row r="10755" spans="35:39" x14ac:dyDescent="0.35">
      <c r="AI10755" s="84"/>
      <c r="AM10755" s="84"/>
    </row>
    <row r="10756" spans="35:39" x14ac:dyDescent="0.35">
      <c r="AI10756" s="84"/>
      <c r="AM10756" s="84"/>
    </row>
    <row r="10757" spans="35:39" x14ac:dyDescent="0.35">
      <c r="AI10757" s="84"/>
      <c r="AM10757" s="84"/>
    </row>
    <row r="10758" spans="35:39" x14ac:dyDescent="0.35">
      <c r="AI10758" s="84"/>
      <c r="AM10758" s="84"/>
    </row>
    <row r="10759" spans="35:39" x14ac:dyDescent="0.35">
      <c r="AI10759" s="84"/>
      <c r="AM10759" s="84"/>
    </row>
    <row r="10760" spans="35:39" x14ac:dyDescent="0.35">
      <c r="AI10760" s="84"/>
      <c r="AM10760" s="84"/>
    </row>
    <row r="10761" spans="35:39" x14ac:dyDescent="0.35">
      <c r="AI10761" s="84"/>
      <c r="AM10761" s="84"/>
    </row>
    <row r="10762" spans="35:39" x14ac:dyDescent="0.35">
      <c r="AI10762" s="84"/>
      <c r="AM10762" s="84"/>
    </row>
    <row r="10763" spans="35:39" x14ac:dyDescent="0.35">
      <c r="AI10763" s="84"/>
      <c r="AM10763" s="84"/>
    </row>
    <row r="10764" spans="35:39" x14ac:dyDescent="0.35">
      <c r="AI10764" s="84"/>
      <c r="AM10764" s="84"/>
    </row>
    <row r="10765" spans="35:39" x14ac:dyDescent="0.35">
      <c r="AI10765" s="84"/>
      <c r="AM10765" s="84"/>
    </row>
    <row r="10766" spans="35:39" x14ac:dyDescent="0.35">
      <c r="AI10766" s="84"/>
      <c r="AM10766" s="84"/>
    </row>
    <row r="10767" spans="35:39" x14ac:dyDescent="0.35">
      <c r="AI10767" s="84"/>
      <c r="AM10767" s="84"/>
    </row>
    <row r="10768" spans="35:39" x14ac:dyDescent="0.35">
      <c r="AI10768" s="84"/>
      <c r="AM10768" s="84"/>
    </row>
    <row r="10769" spans="35:39" x14ac:dyDescent="0.35">
      <c r="AI10769" s="84"/>
      <c r="AM10769" s="84"/>
    </row>
    <row r="10770" spans="35:39" x14ac:dyDescent="0.35">
      <c r="AI10770" s="84"/>
      <c r="AM10770" s="84"/>
    </row>
    <row r="10771" spans="35:39" x14ac:dyDescent="0.35">
      <c r="AI10771" s="84"/>
      <c r="AM10771" s="84"/>
    </row>
    <row r="10772" spans="35:39" x14ac:dyDescent="0.35">
      <c r="AI10772" s="84"/>
      <c r="AM10772" s="84"/>
    </row>
    <row r="10773" spans="35:39" x14ac:dyDescent="0.35">
      <c r="AI10773" s="84"/>
      <c r="AM10773" s="84"/>
    </row>
    <row r="10774" spans="35:39" x14ac:dyDescent="0.35">
      <c r="AI10774" s="84"/>
      <c r="AM10774" s="84"/>
    </row>
    <row r="10775" spans="35:39" x14ac:dyDescent="0.35">
      <c r="AI10775" s="84"/>
      <c r="AM10775" s="84"/>
    </row>
    <row r="10776" spans="35:39" x14ac:dyDescent="0.35">
      <c r="AI10776" s="84"/>
      <c r="AM10776" s="84"/>
    </row>
    <row r="10777" spans="35:39" x14ac:dyDescent="0.35">
      <c r="AI10777" s="84"/>
      <c r="AM10777" s="84"/>
    </row>
    <row r="10778" spans="35:39" x14ac:dyDescent="0.35">
      <c r="AI10778" s="84"/>
      <c r="AM10778" s="84"/>
    </row>
    <row r="10779" spans="35:39" x14ac:dyDescent="0.35">
      <c r="AI10779" s="84"/>
      <c r="AM10779" s="84"/>
    </row>
    <row r="10780" spans="35:39" x14ac:dyDescent="0.35">
      <c r="AI10780" s="84"/>
      <c r="AM10780" s="84"/>
    </row>
    <row r="10781" spans="35:39" x14ac:dyDescent="0.35">
      <c r="AI10781" s="84"/>
      <c r="AM10781" s="84"/>
    </row>
    <row r="10782" spans="35:39" x14ac:dyDescent="0.35">
      <c r="AI10782" s="84"/>
      <c r="AM10782" s="84"/>
    </row>
    <row r="10783" spans="35:39" x14ac:dyDescent="0.35">
      <c r="AI10783" s="84"/>
      <c r="AM10783" s="84"/>
    </row>
    <row r="10784" spans="35:39" x14ac:dyDescent="0.35">
      <c r="AI10784" s="84"/>
      <c r="AM10784" s="84"/>
    </row>
    <row r="10785" spans="35:39" x14ac:dyDescent="0.35">
      <c r="AI10785" s="84"/>
      <c r="AM10785" s="84"/>
    </row>
    <row r="10786" spans="35:39" x14ac:dyDescent="0.35">
      <c r="AI10786" s="84"/>
      <c r="AM10786" s="84"/>
    </row>
    <row r="10787" spans="35:39" x14ac:dyDescent="0.35">
      <c r="AI10787" s="84"/>
      <c r="AM10787" s="84"/>
    </row>
    <row r="10788" spans="35:39" x14ac:dyDescent="0.35">
      <c r="AI10788" s="84"/>
      <c r="AM10788" s="84"/>
    </row>
    <row r="10789" spans="35:39" x14ac:dyDescent="0.35">
      <c r="AI10789" s="84"/>
      <c r="AM10789" s="84"/>
    </row>
    <row r="10790" spans="35:39" x14ac:dyDescent="0.35">
      <c r="AI10790" s="84"/>
      <c r="AM10790" s="84"/>
    </row>
    <row r="10791" spans="35:39" x14ac:dyDescent="0.35">
      <c r="AI10791" s="84"/>
      <c r="AM10791" s="84"/>
    </row>
    <row r="10792" spans="35:39" x14ac:dyDescent="0.35">
      <c r="AI10792" s="84"/>
      <c r="AM10792" s="84"/>
    </row>
    <row r="10793" spans="35:39" x14ac:dyDescent="0.35">
      <c r="AI10793" s="84"/>
      <c r="AM10793" s="84"/>
    </row>
    <row r="10794" spans="35:39" x14ac:dyDescent="0.35">
      <c r="AI10794" s="84"/>
      <c r="AM10794" s="84"/>
    </row>
    <row r="10795" spans="35:39" x14ac:dyDescent="0.35">
      <c r="AI10795" s="84"/>
      <c r="AM10795" s="84"/>
    </row>
    <row r="10796" spans="35:39" x14ac:dyDescent="0.35">
      <c r="AI10796" s="84"/>
      <c r="AM10796" s="84"/>
    </row>
    <row r="10797" spans="35:39" x14ac:dyDescent="0.35">
      <c r="AI10797" s="84"/>
      <c r="AM10797" s="84"/>
    </row>
    <row r="10798" spans="35:39" x14ac:dyDescent="0.35">
      <c r="AI10798" s="84"/>
      <c r="AM10798" s="84"/>
    </row>
    <row r="10799" spans="35:39" x14ac:dyDescent="0.35">
      <c r="AI10799" s="84"/>
      <c r="AM10799" s="84"/>
    </row>
    <row r="10800" spans="35:39" x14ac:dyDescent="0.35">
      <c r="AI10800" s="84"/>
      <c r="AM10800" s="84"/>
    </row>
    <row r="10801" spans="35:39" x14ac:dyDescent="0.35">
      <c r="AI10801" s="84"/>
      <c r="AM10801" s="84"/>
    </row>
    <row r="10802" spans="35:39" x14ac:dyDescent="0.35">
      <c r="AI10802" s="84"/>
      <c r="AM10802" s="84"/>
    </row>
    <row r="10803" spans="35:39" x14ac:dyDescent="0.35">
      <c r="AI10803" s="84"/>
      <c r="AM10803" s="84"/>
    </row>
    <row r="10804" spans="35:39" x14ac:dyDescent="0.35">
      <c r="AI10804" s="84"/>
      <c r="AM10804" s="84"/>
    </row>
    <row r="10805" spans="35:39" x14ac:dyDescent="0.35">
      <c r="AI10805" s="84"/>
      <c r="AM10805" s="84"/>
    </row>
    <row r="10806" spans="35:39" x14ac:dyDescent="0.35">
      <c r="AI10806" s="84"/>
      <c r="AM10806" s="84"/>
    </row>
    <row r="10807" spans="35:39" x14ac:dyDescent="0.35">
      <c r="AI10807" s="84"/>
      <c r="AM10807" s="84"/>
    </row>
    <row r="10808" spans="35:39" x14ac:dyDescent="0.35">
      <c r="AI10808" s="84"/>
      <c r="AM10808" s="84"/>
    </row>
    <row r="10809" spans="35:39" x14ac:dyDescent="0.35">
      <c r="AI10809" s="84"/>
      <c r="AM10809" s="84"/>
    </row>
    <row r="10810" spans="35:39" x14ac:dyDescent="0.35">
      <c r="AI10810" s="84"/>
      <c r="AM10810" s="84"/>
    </row>
    <row r="10811" spans="35:39" x14ac:dyDescent="0.35">
      <c r="AI10811" s="84"/>
      <c r="AM10811" s="84"/>
    </row>
    <row r="10812" spans="35:39" x14ac:dyDescent="0.35">
      <c r="AI10812" s="84"/>
      <c r="AM10812" s="84"/>
    </row>
    <row r="10813" spans="35:39" x14ac:dyDescent="0.35">
      <c r="AI10813" s="84"/>
      <c r="AM10813" s="84"/>
    </row>
    <row r="10814" spans="35:39" x14ac:dyDescent="0.35">
      <c r="AI10814" s="84"/>
      <c r="AM10814" s="84"/>
    </row>
    <row r="10815" spans="35:39" x14ac:dyDescent="0.35">
      <c r="AI10815" s="84"/>
      <c r="AM10815" s="84"/>
    </row>
    <row r="10816" spans="35:39" x14ac:dyDescent="0.35">
      <c r="AI10816" s="84"/>
      <c r="AM10816" s="84"/>
    </row>
    <row r="10817" spans="35:39" x14ac:dyDescent="0.35">
      <c r="AI10817" s="84"/>
      <c r="AM10817" s="84"/>
    </row>
    <row r="10818" spans="35:39" x14ac:dyDescent="0.35">
      <c r="AI10818" s="84"/>
      <c r="AM10818" s="84"/>
    </row>
    <row r="10819" spans="35:39" x14ac:dyDescent="0.35">
      <c r="AI10819" s="84"/>
      <c r="AM10819" s="84"/>
    </row>
    <row r="10820" spans="35:39" x14ac:dyDescent="0.35">
      <c r="AI10820" s="84"/>
      <c r="AM10820" s="84"/>
    </row>
    <row r="10821" spans="35:39" x14ac:dyDescent="0.35">
      <c r="AI10821" s="84"/>
      <c r="AM10821" s="84"/>
    </row>
    <row r="10822" spans="35:39" x14ac:dyDescent="0.35">
      <c r="AI10822" s="84"/>
      <c r="AM10822" s="84"/>
    </row>
    <row r="10823" spans="35:39" x14ac:dyDescent="0.35">
      <c r="AI10823" s="84"/>
      <c r="AM10823" s="84"/>
    </row>
    <row r="10824" spans="35:39" x14ac:dyDescent="0.35">
      <c r="AI10824" s="84"/>
      <c r="AM10824" s="84"/>
    </row>
    <row r="10825" spans="35:39" x14ac:dyDescent="0.35">
      <c r="AI10825" s="84"/>
      <c r="AM10825" s="84"/>
    </row>
    <row r="10826" spans="35:39" x14ac:dyDescent="0.35">
      <c r="AI10826" s="84"/>
      <c r="AM10826" s="84"/>
    </row>
    <row r="10827" spans="35:39" x14ac:dyDescent="0.35">
      <c r="AI10827" s="84"/>
      <c r="AM10827" s="84"/>
    </row>
    <row r="10828" spans="35:39" x14ac:dyDescent="0.35">
      <c r="AI10828" s="84"/>
      <c r="AM10828" s="84"/>
    </row>
    <row r="10829" spans="35:39" x14ac:dyDescent="0.35">
      <c r="AI10829" s="84"/>
      <c r="AM10829" s="84"/>
    </row>
    <row r="10830" spans="35:39" x14ac:dyDescent="0.35">
      <c r="AI10830" s="84"/>
      <c r="AM10830" s="84"/>
    </row>
    <row r="10831" spans="35:39" x14ac:dyDescent="0.35">
      <c r="AI10831" s="84"/>
      <c r="AM10831" s="84"/>
    </row>
    <row r="10832" spans="35:39" x14ac:dyDescent="0.35">
      <c r="AI10832" s="84"/>
      <c r="AM10832" s="84"/>
    </row>
    <row r="10833" spans="35:39" x14ac:dyDescent="0.35">
      <c r="AI10833" s="84"/>
      <c r="AM10833" s="84"/>
    </row>
    <row r="10834" spans="35:39" x14ac:dyDescent="0.35">
      <c r="AI10834" s="84"/>
      <c r="AM10834" s="84"/>
    </row>
    <row r="10835" spans="35:39" x14ac:dyDescent="0.35">
      <c r="AI10835" s="84"/>
      <c r="AM10835" s="84"/>
    </row>
    <row r="10836" spans="35:39" x14ac:dyDescent="0.35">
      <c r="AI10836" s="84"/>
      <c r="AM10836" s="84"/>
    </row>
    <row r="10837" spans="35:39" x14ac:dyDescent="0.35">
      <c r="AI10837" s="84"/>
      <c r="AM10837" s="84"/>
    </row>
    <row r="10838" spans="35:39" x14ac:dyDescent="0.35">
      <c r="AI10838" s="84"/>
      <c r="AM10838" s="84"/>
    </row>
    <row r="10839" spans="35:39" x14ac:dyDescent="0.35">
      <c r="AI10839" s="84"/>
      <c r="AM10839" s="84"/>
    </row>
    <row r="10840" spans="35:39" x14ac:dyDescent="0.35">
      <c r="AI10840" s="84"/>
      <c r="AM10840" s="84"/>
    </row>
    <row r="10841" spans="35:39" x14ac:dyDescent="0.35">
      <c r="AI10841" s="84"/>
      <c r="AM10841" s="84"/>
    </row>
    <row r="10842" spans="35:39" x14ac:dyDescent="0.35">
      <c r="AI10842" s="84"/>
      <c r="AM10842" s="84"/>
    </row>
    <row r="10843" spans="35:39" x14ac:dyDescent="0.35">
      <c r="AI10843" s="84"/>
      <c r="AM10843" s="84"/>
    </row>
    <row r="10844" spans="35:39" x14ac:dyDescent="0.35">
      <c r="AI10844" s="84"/>
      <c r="AM10844" s="84"/>
    </row>
    <row r="10845" spans="35:39" x14ac:dyDescent="0.35">
      <c r="AI10845" s="84"/>
      <c r="AM10845" s="84"/>
    </row>
    <row r="10846" spans="35:39" x14ac:dyDescent="0.35">
      <c r="AI10846" s="84"/>
      <c r="AM10846" s="84"/>
    </row>
    <row r="10847" spans="35:39" x14ac:dyDescent="0.35">
      <c r="AI10847" s="84"/>
      <c r="AM10847" s="84"/>
    </row>
    <row r="10848" spans="35:39" x14ac:dyDescent="0.35">
      <c r="AI10848" s="84"/>
      <c r="AM10848" s="84"/>
    </row>
    <row r="10849" spans="35:39" x14ac:dyDescent="0.35">
      <c r="AI10849" s="84"/>
      <c r="AM10849" s="84"/>
    </row>
    <row r="10850" spans="35:39" x14ac:dyDescent="0.35">
      <c r="AI10850" s="84"/>
      <c r="AM10850" s="84"/>
    </row>
    <row r="10851" spans="35:39" x14ac:dyDescent="0.35">
      <c r="AI10851" s="84"/>
      <c r="AM10851" s="84"/>
    </row>
    <row r="10852" spans="35:39" x14ac:dyDescent="0.35">
      <c r="AI10852" s="84"/>
      <c r="AM10852" s="84"/>
    </row>
    <row r="10853" spans="35:39" x14ac:dyDescent="0.35">
      <c r="AI10853" s="84"/>
      <c r="AM10853" s="84"/>
    </row>
    <row r="10854" spans="35:39" x14ac:dyDescent="0.35">
      <c r="AI10854" s="84"/>
      <c r="AM10854" s="84"/>
    </row>
    <row r="10855" spans="35:39" x14ac:dyDescent="0.35">
      <c r="AI10855" s="84"/>
      <c r="AM10855" s="84"/>
    </row>
    <row r="10856" spans="35:39" x14ac:dyDescent="0.35">
      <c r="AI10856" s="84"/>
      <c r="AM10856" s="84"/>
    </row>
    <row r="10857" spans="35:39" x14ac:dyDescent="0.35">
      <c r="AI10857" s="84"/>
      <c r="AM10857" s="84"/>
    </row>
    <row r="10858" spans="35:39" x14ac:dyDescent="0.35">
      <c r="AI10858" s="84"/>
      <c r="AM10858" s="84"/>
    </row>
    <row r="10859" spans="35:39" x14ac:dyDescent="0.35">
      <c r="AI10859" s="84"/>
      <c r="AM10859" s="84"/>
    </row>
    <row r="10860" spans="35:39" x14ac:dyDescent="0.35">
      <c r="AI10860" s="84"/>
      <c r="AM10860" s="84"/>
    </row>
    <row r="10861" spans="35:39" x14ac:dyDescent="0.35">
      <c r="AI10861" s="84"/>
      <c r="AM10861" s="84"/>
    </row>
    <row r="10862" spans="35:39" x14ac:dyDescent="0.35">
      <c r="AI10862" s="84"/>
      <c r="AM10862" s="84"/>
    </row>
    <row r="10863" spans="35:39" x14ac:dyDescent="0.35">
      <c r="AI10863" s="84"/>
      <c r="AM10863" s="84"/>
    </row>
    <row r="10864" spans="35:39" x14ac:dyDescent="0.35">
      <c r="AI10864" s="84"/>
      <c r="AM10864" s="84"/>
    </row>
    <row r="10865" spans="35:39" x14ac:dyDescent="0.35">
      <c r="AI10865" s="84"/>
      <c r="AM10865" s="84"/>
    </row>
    <row r="10866" spans="35:39" x14ac:dyDescent="0.35">
      <c r="AI10866" s="84"/>
      <c r="AM10866" s="84"/>
    </row>
    <row r="10867" spans="35:39" x14ac:dyDescent="0.35">
      <c r="AI10867" s="84"/>
      <c r="AM10867" s="84"/>
    </row>
    <row r="10868" spans="35:39" x14ac:dyDescent="0.35">
      <c r="AI10868" s="84"/>
      <c r="AM10868" s="84"/>
    </row>
    <row r="10869" spans="35:39" x14ac:dyDescent="0.35">
      <c r="AI10869" s="84"/>
      <c r="AM10869" s="84"/>
    </row>
    <row r="10870" spans="35:39" x14ac:dyDescent="0.35">
      <c r="AI10870" s="84"/>
      <c r="AM10870" s="84"/>
    </row>
    <row r="10871" spans="35:39" x14ac:dyDescent="0.35">
      <c r="AI10871" s="84"/>
      <c r="AM10871" s="84"/>
    </row>
    <row r="10872" spans="35:39" x14ac:dyDescent="0.35">
      <c r="AI10872" s="84"/>
      <c r="AM10872" s="84"/>
    </row>
    <row r="10873" spans="35:39" x14ac:dyDescent="0.35">
      <c r="AI10873" s="84"/>
      <c r="AM10873" s="84"/>
    </row>
    <row r="10874" spans="35:39" x14ac:dyDescent="0.35">
      <c r="AI10874" s="84"/>
      <c r="AM10874" s="84"/>
    </row>
    <row r="10875" spans="35:39" x14ac:dyDescent="0.35">
      <c r="AI10875" s="84"/>
      <c r="AM10875" s="84"/>
    </row>
    <row r="10876" spans="35:39" x14ac:dyDescent="0.35">
      <c r="AI10876" s="84"/>
      <c r="AM10876" s="84"/>
    </row>
    <row r="10877" spans="35:39" x14ac:dyDescent="0.35">
      <c r="AI10877" s="84"/>
      <c r="AM10877" s="84"/>
    </row>
    <row r="10878" spans="35:39" x14ac:dyDescent="0.35">
      <c r="AI10878" s="84"/>
      <c r="AM10878" s="84"/>
    </row>
    <row r="10879" spans="35:39" x14ac:dyDescent="0.35">
      <c r="AI10879" s="84"/>
      <c r="AM10879" s="84"/>
    </row>
    <row r="10880" spans="35:39" x14ac:dyDescent="0.35">
      <c r="AI10880" s="84"/>
      <c r="AM10880" s="84"/>
    </row>
    <row r="10881" spans="35:39" x14ac:dyDescent="0.35">
      <c r="AI10881" s="84"/>
      <c r="AM10881" s="84"/>
    </row>
    <row r="10882" spans="35:39" x14ac:dyDescent="0.35">
      <c r="AI10882" s="84"/>
      <c r="AM10882" s="84"/>
    </row>
    <row r="10883" spans="35:39" x14ac:dyDescent="0.35">
      <c r="AI10883" s="84"/>
      <c r="AM10883" s="84"/>
    </row>
    <row r="10884" spans="35:39" x14ac:dyDescent="0.35">
      <c r="AI10884" s="84"/>
      <c r="AM10884" s="84"/>
    </row>
    <row r="10885" spans="35:39" x14ac:dyDescent="0.35">
      <c r="AI10885" s="84"/>
      <c r="AM10885" s="84"/>
    </row>
    <row r="10886" spans="35:39" x14ac:dyDescent="0.35">
      <c r="AI10886" s="84"/>
      <c r="AM10886" s="84"/>
    </row>
    <row r="10887" spans="35:39" x14ac:dyDescent="0.35">
      <c r="AI10887" s="84"/>
      <c r="AM10887" s="84"/>
    </row>
    <row r="10888" spans="35:39" x14ac:dyDescent="0.35">
      <c r="AI10888" s="84"/>
      <c r="AM10888" s="84"/>
    </row>
    <row r="10889" spans="35:39" x14ac:dyDescent="0.35">
      <c r="AI10889" s="84"/>
      <c r="AM10889" s="84"/>
    </row>
    <row r="10890" spans="35:39" x14ac:dyDescent="0.35">
      <c r="AI10890" s="84"/>
      <c r="AM10890" s="84"/>
    </row>
    <row r="10891" spans="35:39" x14ac:dyDescent="0.35">
      <c r="AI10891" s="84"/>
      <c r="AM10891" s="84"/>
    </row>
    <row r="10892" spans="35:39" x14ac:dyDescent="0.35">
      <c r="AI10892" s="84"/>
      <c r="AM10892" s="84"/>
    </row>
    <row r="10893" spans="35:39" x14ac:dyDescent="0.35">
      <c r="AI10893" s="84"/>
      <c r="AM10893" s="84"/>
    </row>
    <row r="10894" spans="35:39" x14ac:dyDescent="0.35">
      <c r="AI10894" s="84"/>
      <c r="AM10894" s="84"/>
    </row>
    <row r="10895" spans="35:39" x14ac:dyDescent="0.35">
      <c r="AI10895" s="84"/>
      <c r="AM10895" s="84"/>
    </row>
    <row r="10896" spans="35:39" x14ac:dyDescent="0.35">
      <c r="AI10896" s="84"/>
      <c r="AM10896" s="84"/>
    </row>
    <row r="10897" spans="35:39" x14ac:dyDescent="0.35">
      <c r="AI10897" s="84"/>
      <c r="AM10897" s="84"/>
    </row>
    <row r="10898" spans="35:39" x14ac:dyDescent="0.35">
      <c r="AI10898" s="84"/>
      <c r="AM10898" s="84"/>
    </row>
    <row r="10899" spans="35:39" x14ac:dyDescent="0.35">
      <c r="AI10899" s="84"/>
      <c r="AM10899" s="84"/>
    </row>
    <row r="10900" spans="35:39" x14ac:dyDescent="0.35">
      <c r="AI10900" s="84"/>
      <c r="AM10900" s="84"/>
    </row>
    <row r="10901" spans="35:39" x14ac:dyDescent="0.35">
      <c r="AI10901" s="84"/>
      <c r="AM10901" s="84"/>
    </row>
    <row r="10902" spans="35:39" x14ac:dyDescent="0.35">
      <c r="AI10902" s="84"/>
      <c r="AM10902" s="84"/>
    </row>
    <row r="10903" spans="35:39" x14ac:dyDescent="0.35">
      <c r="AI10903" s="84"/>
      <c r="AM10903" s="84"/>
    </row>
    <row r="10904" spans="35:39" x14ac:dyDescent="0.35">
      <c r="AI10904" s="84"/>
      <c r="AM10904" s="84"/>
    </row>
    <row r="10905" spans="35:39" x14ac:dyDescent="0.35">
      <c r="AI10905" s="84"/>
      <c r="AM10905" s="84"/>
    </row>
    <row r="10906" spans="35:39" x14ac:dyDescent="0.35">
      <c r="AI10906" s="84"/>
      <c r="AM10906" s="84"/>
    </row>
    <row r="10907" spans="35:39" x14ac:dyDescent="0.35">
      <c r="AI10907" s="84"/>
      <c r="AM10907" s="84"/>
    </row>
    <row r="10908" spans="35:39" x14ac:dyDescent="0.35">
      <c r="AI10908" s="84"/>
      <c r="AM10908" s="84"/>
    </row>
    <row r="10909" spans="35:39" x14ac:dyDescent="0.35">
      <c r="AI10909" s="84"/>
      <c r="AM10909" s="84"/>
    </row>
    <row r="10910" spans="35:39" x14ac:dyDescent="0.35">
      <c r="AI10910" s="84"/>
      <c r="AM10910" s="84"/>
    </row>
    <row r="10911" spans="35:39" x14ac:dyDescent="0.35">
      <c r="AI10911" s="84"/>
      <c r="AM10911" s="84"/>
    </row>
    <row r="10912" spans="35:39" x14ac:dyDescent="0.35">
      <c r="AI10912" s="84"/>
      <c r="AM10912" s="84"/>
    </row>
    <row r="10913" spans="35:39" x14ac:dyDescent="0.35">
      <c r="AI10913" s="84"/>
      <c r="AM10913" s="84"/>
    </row>
    <row r="10914" spans="35:39" x14ac:dyDescent="0.35">
      <c r="AI10914" s="84"/>
      <c r="AM10914" s="84"/>
    </row>
    <row r="10915" spans="35:39" x14ac:dyDescent="0.35">
      <c r="AI10915" s="84"/>
      <c r="AM10915" s="84"/>
    </row>
    <row r="10916" spans="35:39" x14ac:dyDescent="0.35">
      <c r="AI10916" s="84"/>
      <c r="AM10916" s="84"/>
    </row>
    <row r="10917" spans="35:39" x14ac:dyDescent="0.35">
      <c r="AI10917" s="84"/>
      <c r="AM10917" s="84"/>
    </row>
    <row r="10918" spans="35:39" x14ac:dyDescent="0.35">
      <c r="AI10918" s="84"/>
      <c r="AM10918" s="84"/>
    </row>
    <row r="10919" spans="35:39" x14ac:dyDescent="0.35">
      <c r="AI10919" s="84"/>
      <c r="AM10919" s="84"/>
    </row>
    <row r="10920" spans="35:39" x14ac:dyDescent="0.35">
      <c r="AI10920" s="84"/>
      <c r="AM10920" s="84"/>
    </row>
    <row r="10921" spans="35:39" x14ac:dyDescent="0.35">
      <c r="AI10921" s="84"/>
      <c r="AM10921" s="84"/>
    </row>
    <row r="10922" spans="35:39" x14ac:dyDescent="0.35">
      <c r="AI10922" s="84"/>
      <c r="AM10922" s="84"/>
    </row>
    <row r="10923" spans="35:39" x14ac:dyDescent="0.35">
      <c r="AI10923" s="84"/>
      <c r="AM10923" s="84"/>
    </row>
    <row r="10924" spans="35:39" x14ac:dyDescent="0.35">
      <c r="AI10924" s="84"/>
      <c r="AM10924" s="84"/>
    </row>
    <row r="10925" spans="35:39" x14ac:dyDescent="0.35">
      <c r="AI10925" s="84"/>
      <c r="AM10925" s="84"/>
    </row>
    <row r="10926" spans="35:39" x14ac:dyDescent="0.35">
      <c r="AI10926" s="84"/>
      <c r="AM10926" s="84"/>
    </row>
    <row r="10927" spans="35:39" x14ac:dyDescent="0.35">
      <c r="AI10927" s="84"/>
      <c r="AM10927" s="84"/>
    </row>
    <row r="10928" spans="35:39" x14ac:dyDescent="0.35">
      <c r="AI10928" s="84"/>
      <c r="AM10928" s="84"/>
    </row>
    <row r="10929" spans="35:39" x14ac:dyDescent="0.35">
      <c r="AI10929" s="84"/>
      <c r="AM10929" s="84"/>
    </row>
    <row r="10930" spans="35:39" x14ac:dyDescent="0.35">
      <c r="AI10930" s="84"/>
      <c r="AM10930" s="84"/>
    </row>
    <row r="10931" spans="35:39" x14ac:dyDescent="0.35">
      <c r="AI10931" s="84"/>
      <c r="AM10931" s="84"/>
    </row>
    <row r="10932" spans="35:39" x14ac:dyDescent="0.35">
      <c r="AI10932" s="84"/>
      <c r="AM10932" s="84"/>
    </row>
    <row r="10933" spans="35:39" x14ac:dyDescent="0.35">
      <c r="AI10933" s="84"/>
      <c r="AM10933" s="84"/>
    </row>
    <row r="10934" spans="35:39" x14ac:dyDescent="0.35">
      <c r="AI10934" s="84"/>
      <c r="AM10934" s="84"/>
    </row>
    <row r="10935" spans="35:39" x14ac:dyDescent="0.35">
      <c r="AI10935" s="84"/>
      <c r="AM10935" s="84"/>
    </row>
    <row r="10936" spans="35:39" x14ac:dyDescent="0.35">
      <c r="AI10936" s="84"/>
      <c r="AM10936" s="84"/>
    </row>
    <row r="10937" spans="35:39" x14ac:dyDescent="0.35">
      <c r="AI10937" s="84"/>
      <c r="AM10937" s="84"/>
    </row>
    <row r="10938" spans="35:39" x14ac:dyDescent="0.35">
      <c r="AI10938" s="84"/>
      <c r="AM10938" s="84"/>
    </row>
    <row r="10939" spans="35:39" x14ac:dyDescent="0.35">
      <c r="AI10939" s="84"/>
      <c r="AM10939" s="84"/>
    </row>
    <row r="10940" spans="35:39" x14ac:dyDescent="0.35">
      <c r="AI10940" s="84"/>
      <c r="AM10940" s="84"/>
    </row>
    <row r="10941" spans="35:39" x14ac:dyDescent="0.35">
      <c r="AI10941" s="84"/>
      <c r="AM10941" s="84"/>
    </row>
    <row r="10942" spans="35:39" x14ac:dyDescent="0.35">
      <c r="AI10942" s="84"/>
      <c r="AM10942" s="84"/>
    </row>
    <row r="10943" spans="35:39" x14ac:dyDescent="0.35">
      <c r="AI10943" s="84"/>
      <c r="AM10943" s="84"/>
    </row>
    <row r="10944" spans="35:39" x14ac:dyDescent="0.35">
      <c r="AI10944" s="84"/>
      <c r="AM10944" s="84"/>
    </row>
    <row r="10945" spans="35:39" x14ac:dyDescent="0.35">
      <c r="AI10945" s="84"/>
      <c r="AM10945" s="84"/>
    </row>
    <row r="10946" spans="35:39" x14ac:dyDescent="0.35">
      <c r="AI10946" s="84"/>
      <c r="AM10946" s="84"/>
    </row>
    <row r="10947" spans="35:39" x14ac:dyDescent="0.35">
      <c r="AI10947" s="84"/>
      <c r="AM10947" s="84"/>
    </row>
    <row r="10948" spans="35:39" x14ac:dyDescent="0.35">
      <c r="AI10948" s="84"/>
      <c r="AM10948" s="84"/>
    </row>
    <row r="10949" spans="35:39" x14ac:dyDescent="0.35">
      <c r="AI10949" s="84"/>
      <c r="AM10949" s="84"/>
    </row>
    <row r="10950" spans="35:39" x14ac:dyDescent="0.35">
      <c r="AI10950" s="84"/>
      <c r="AM10950" s="84"/>
    </row>
    <row r="10951" spans="35:39" x14ac:dyDescent="0.35">
      <c r="AI10951" s="84"/>
      <c r="AM10951" s="84"/>
    </row>
    <row r="10952" spans="35:39" x14ac:dyDescent="0.35">
      <c r="AI10952" s="84"/>
      <c r="AM10952" s="84"/>
    </row>
    <row r="10953" spans="35:39" x14ac:dyDescent="0.35">
      <c r="AI10953" s="84"/>
      <c r="AM10953" s="84"/>
    </row>
    <row r="10954" spans="35:39" x14ac:dyDescent="0.35">
      <c r="AI10954" s="84"/>
      <c r="AM10954" s="84"/>
    </row>
    <row r="10955" spans="35:39" x14ac:dyDescent="0.35">
      <c r="AI10955" s="84"/>
      <c r="AM10955" s="84"/>
    </row>
    <row r="10956" spans="35:39" x14ac:dyDescent="0.35">
      <c r="AI10956" s="84"/>
      <c r="AM10956" s="84"/>
    </row>
    <row r="10957" spans="35:39" x14ac:dyDescent="0.35">
      <c r="AI10957" s="84"/>
      <c r="AM10957" s="84"/>
    </row>
    <row r="10958" spans="35:39" x14ac:dyDescent="0.35">
      <c r="AI10958" s="84"/>
      <c r="AM10958" s="84"/>
    </row>
    <row r="10959" spans="35:39" x14ac:dyDescent="0.35">
      <c r="AI10959" s="84"/>
      <c r="AM10959" s="84"/>
    </row>
    <row r="10960" spans="35:39" x14ac:dyDescent="0.35">
      <c r="AI10960" s="84"/>
      <c r="AM10960" s="84"/>
    </row>
    <row r="10961" spans="35:39" x14ac:dyDescent="0.35">
      <c r="AI10961" s="84"/>
      <c r="AM10961" s="84"/>
    </row>
    <row r="10962" spans="35:39" x14ac:dyDescent="0.35">
      <c r="AI10962" s="84"/>
      <c r="AM10962" s="84"/>
    </row>
    <row r="10963" spans="35:39" x14ac:dyDescent="0.35">
      <c r="AI10963" s="84"/>
      <c r="AM10963" s="84"/>
    </row>
    <row r="10964" spans="35:39" x14ac:dyDescent="0.35">
      <c r="AI10964" s="84"/>
      <c r="AM10964" s="84"/>
    </row>
    <row r="10965" spans="35:39" x14ac:dyDescent="0.35">
      <c r="AI10965" s="84"/>
      <c r="AM10965" s="84"/>
    </row>
    <row r="10966" spans="35:39" x14ac:dyDescent="0.35">
      <c r="AI10966" s="84"/>
      <c r="AM10966" s="84"/>
    </row>
    <row r="10967" spans="35:39" x14ac:dyDescent="0.35">
      <c r="AI10967" s="84"/>
      <c r="AM10967" s="84"/>
    </row>
    <row r="10968" spans="35:39" x14ac:dyDescent="0.35">
      <c r="AI10968" s="84"/>
      <c r="AM10968" s="84"/>
    </row>
    <row r="10969" spans="35:39" x14ac:dyDescent="0.35">
      <c r="AI10969" s="84"/>
      <c r="AM10969" s="84"/>
    </row>
    <row r="10970" spans="35:39" x14ac:dyDescent="0.35">
      <c r="AI10970" s="84"/>
      <c r="AM10970" s="84"/>
    </row>
    <row r="10971" spans="35:39" x14ac:dyDescent="0.35">
      <c r="AI10971" s="84"/>
      <c r="AM10971" s="84"/>
    </row>
    <row r="10972" spans="35:39" x14ac:dyDescent="0.35">
      <c r="AI10972" s="84"/>
      <c r="AM10972" s="84"/>
    </row>
    <row r="10973" spans="35:39" x14ac:dyDescent="0.35">
      <c r="AI10973" s="84"/>
      <c r="AM10973" s="84"/>
    </row>
    <row r="10974" spans="35:39" x14ac:dyDescent="0.35">
      <c r="AI10974" s="84"/>
      <c r="AM10974" s="84"/>
    </row>
    <row r="10975" spans="35:39" x14ac:dyDescent="0.35">
      <c r="AI10975" s="84"/>
      <c r="AM10975" s="84"/>
    </row>
    <row r="10976" spans="35:39" x14ac:dyDescent="0.35">
      <c r="AI10976" s="84"/>
      <c r="AM10976" s="84"/>
    </row>
    <row r="10977" spans="35:39" x14ac:dyDescent="0.35">
      <c r="AI10977" s="84"/>
      <c r="AM10977" s="84"/>
    </row>
    <row r="10978" spans="35:39" x14ac:dyDescent="0.35">
      <c r="AI10978" s="84"/>
      <c r="AM10978" s="84"/>
    </row>
    <row r="10979" spans="35:39" x14ac:dyDescent="0.35">
      <c r="AI10979" s="84"/>
      <c r="AM10979" s="84"/>
    </row>
    <row r="10980" spans="35:39" x14ac:dyDescent="0.35">
      <c r="AI10980" s="84"/>
      <c r="AM10980" s="84"/>
    </row>
    <row r="10981" spans="35:39" x14ac:dyDescent="0.35">
      <c r="AI10981" s="84"/>
      <c r="AM10981" s="84"/>
    </row>
    <row r="10982" spans="35:39" x14ac:dyDescent="0.35">
      <c r="AI10982" s="84"/>
      <c r="AM10982" s="84"/>
    </row>
    <row r="10983" spans="35:39" x14ac:dyDescent="0.35">
      <c r="AI10983" s="84"/>
      <c r="AM10983" s="84"/>
    </row>
    <row r="10984" spans="35:39" x14ac:dyDescent="0.35">
      <c r="AI10984" s="84"/>
      <c r="AM10984" s="84"/>
    </row>
    <row r="10985" spans="35:39" x14ac:dyDescent="0.35">
      <c r="AI10985" s="84"/>
      <c r="AM10985" s="84"/>
    </row>
    <row r="10986" spans="35:39" x14ac:dyDescent="0.35">
      <c r="AI10986" s="84"/>
      <c r="AM10986" s="84"/>
    </row>
    <row r="10987" spans="35:39" x14ac:dyDescent="0.35">
      <c r="AI10987" s="84"/>
      <c r="AM10987" s="84"/>
    </row>
    <row r="10988" spans="35:39" x14ac:dyDescent="0.35">
      <c r="AI10988" s="84"/>
      <c r="AM10988" s="84"/>
    </row>
    <row r="10989" spans="35:39" x14ac:dyDescent="0.35">
      <c r="AI10989" s="84"/>
      <c r="AM10989" s="84"/>
    </row>
    <row r="10990" spans="35:39" x14ac:dyDescent="0.35">
      <c r="AI10990" s="84"/>
      <c r="AM10990" s="84"/>
    </row>
    <row r="10991" spans="35:39" x14ac:dyDescent="0.35">
      <c r="AI10991" s="84"/>
      <c r="AM10991" s="84"/>
    </row>
    <row r="10992" spans="35:39" x14ac:dyDescent="0.35">
      <c r="AI10992" s="84"/>
      <c r="AM10992" s="84"/>
    </row>
    <row r="10993" spans="35:39" x14ac:dyDescent="0.35">
      <c r="AI10993" s="84"/>
      <c r="AM10993" s="84"/>
    </row>
    <row r="10994" spans="35:39" x14ac:dyDescent="0.35">
      <c r="AI10994" s="84"/>
      <c r="AM10994" s="84"/>
    </row>
    <row r="10995" spans="35:39" x14ac:dyDescent="0.35">
      <c r="AI10995" s="84"/>
      <c r="AM10995" s="84"/>
    </row>
    <row r="10996" spans="35:39" x14ac:dyDescent="0.35">
      <c r="AI10996" s="84"/>
      <c r="AM10996" s="84"/>
    </row>
    <row r="10997" spans="35:39" x14ac:dyDescent="0.35">
      <c r="AI10997" s="84"/>
      <c r="AM10997" s="84"/>
    </row>
    <row r="10998" spans="35:39" x14ac:dyDescent="0.35">
      <c r="AI10998" s="84"/>
      <c r="AM10998" s="84"/>
    </row>
    <row r="10999" spans="35:39" x14ac:dyDescent="0.35">
      <c r="AI10999" s="84"/>
      <c r="AM10999" s="84"/>
    </row>
    <row r="11000" spans="35:39" x14ac:dyDescent="0.35">
      <c r="AI11000" s="84"/>
      <c r="AM11000" s="84"/>
    </row>
    <row r="11001" spans="35:39" x14ac:dyDescent="0.35">
      <c r="AI11001" s="84"/>
      <c r="AM11001" s="84"/>
    </row>
    <row r="11002" spans="35:39" x14ac:dyDescent="0.35">
      <c r="AI11002" s="84"/>
      <c r="AM11002" s="84"/>
    </row>
    <row r="11003" spans="35:39" x14ac:dyDescent="0.35">
      <c r="AI11003" s="84"/>
      <c r="AM11003" s="84"/>
    </row>
    <row r="11004" spans="35:39" x14ac:dyDescent="0.35">
      <c r="AI11004" s="84"/>
      <c r="AM11004" s="84"/>
    </row>
    <row r="11005" spans="35:39" x14ac:dyDescent="0.35">
      <c r="AI11005" s="84"/>
      <c r="AM11005" s="84"/>
    </row>
    <row r="11006" spans="35:39" x14ac:dyDescent="0.35">
      <c r="AI11006" s="84"/>
      <c r="AM11006" s="84"/>
    </row>
    <row r="11007" spans="35:39" x14ac:dyDescent="0.35">
      <c r="AI11007" s="84"/>
      <c r="AM11007" s="84"/>
    </row>
    <row r="11008" spans="35:39" x14ac:dyDescent="0.35">
      <c r="AI11008" s="84"/>
      <c r="AM11008" s="84"/>
    </row>
    <row r="11009" spans="35:39" x14ac:dyDescent="0.35">
      <c r="AI11009" s="84"/>
      <c r="AM11009" s="84"/>
    </row>
    <row r="11010" spans="35:39" x14ac:dyDescent="0.35">
      <c r="AI11010" s="84"/>
      <c r="AM11010" s="84"/>
    </row>
    <row r="11011" spans="35:39" x14ac:dyDescent="0.35">
      <c r="AI11011" s="84"/>
      <c r="AM11011" s="84"/>
    </row>
    <row r="11012" spans="35:39" x14ac:dyDescent="0.35">
      <c r="AI11012" s="84"/>
      <c r="AM11012" s="84"/>
    </row>
    <row r="11013" spans="35:39" x14ac:dyDescent="0.35">
      <c r="AI11013" s="84"/>
      <c r="AM11013" s="84"/>
    </row>
    <row r="11014" spans="35:39" x14ac:dyDescent="0.35">
      <c r="AI11014" s="84"/>
      <c r="AM11014" s="84"/>
    </row>
    <row r="11015" spans="35:39" x14ac:dyDescent="0.35">
      <c r="AI11015" s="84"/>
      <c r="AM11015" s="84"/>
    </row>
    <row r="11016" spans="35:39" x14ac:dyDescent="0.35">
      <c r="AI11016" s="84"/>
      <c r="AM11016" s="84"/>
    </row>
    <row r="11017" spans="35:39" x14ac:dyDescent="0.35">
      <c r="AI11017" s="84"/>
      <c r="AM11017" s="84"/>
    </row>
    <row r="11018" spans="35:39" x14ac:dyDescent="0.35">
      <c r="AI11018" s="84"/>
      <c r="AM11018" s="84"/>
    </row>
    <row r="11019" spans="35:39" x14ac:dyDescent="0.35">
      <c r="AI11019" s="84"/>
      <c r="AM11019" s="84"/>
    </row>
    <row r="11020" spans="35:39" x14ac:dyDescent="0.35">
      <c r="AI11020" s="84"/>
      <c r="AM11020" s="84"/>
    </row>
    <row r="11021" spans="35:39" x14ac:dyDescent="0.35">
      <c r="AI11021" s="84"/>
      <c r="AM11021" s="84"/>
    </row>
    <row r="11022" spans="35:39" x14ac:dyDescent="0.35">
      <c r="AI11022" s="84"/>
      <c r="AM11022" s="84"/>
    </row>
    <row r="11023" spans="35:39" x14ac:dyDescent="0.35">
      <c r="AI11023" s="84"/>
      <c r="AM11023" s="84"/>
    </row>
    <row r="11024" spans="35:39" x14ac:dyDescent="0.35">
      <c r="AI11024" s="84"/>
      <c r="AM11024" s="84"/>
    </row>
    <row r="11025" spans="35:39" x14ac:dyDescent="0.35">
      <c r="AI11025" s="84"/>
      <c r="AM11025" s="84"/>
    </row>
    <row r="11026" spans="35:39" x14ac:dyDescent="0.35">
      <c r="AI11026" s="84"/>
      <c r="AM11026" s="84"/>
    </row>
    <row r="11027" spans="35:39" x14ac:dyDescent="0.35">
      <c r="AI11027" s="84"/>
      <c r="AM11027" s="84"/>
    </row>
    <row r="11028" spans="35:39" x14ac:dyDescent="0.35">
      <c r="AI11028" s="84"/>
      <c r="AM11028" s="84"/>
    </row>
    <row r="11029" spans="35:39" x14ac:dyDescent="0.35">
      <c r="AI11029" s="84"/>
      <c r="AM11029" s="84"/>
    </row>
    <row r="11030" spans="35:39" x14ac:dyDescent="0.35">
      <c r="AI11030" s="84"/>
      <c r="AM11030" s="84"/>
    </row>
    <row r="11031" spans="35:39" x14ac:dyDescent="0.35">
      <c r="AI11031" s="84"/>
      <c r="AM11031" s="84"/>
    </row>
    <row r="11032" spans="35:39" x14ac:dyDescent="0.35">
      <c r="AI11032" s="84"/>
      <c r="AM11032" s="84"/>
    </row>
    <row r="11033" spans="35:39" x14ac:dyDescent="0.35">
      <c r="AI11033" s="84"/>
      <c r="AM11033" s="84"/>
    </row>
    <row r="11034" spans="35:39" x14ac:dyDescent="0.35">
      <c r="AI11034" s="84"/>
      <c r="AM11034" s="84"/>
    </row>
    <row r="11035" spans="35:39" x14ac:dyDescent="0.35">
      <c r="AI11035" s="84"/>
      <c r="AM11035" s="84"/>
    </row>
    <row r="11036" spans="35:39" x14ac:dyDescent="0.35">
      <c r="AI11036" s="84"/>
      <c r="AM11036" s="84"/>
    </row>
    <row r="11037" spans="35:39" x14ac:dyDescent="0.35">
      <c r="AI11037" s="84"/>
      <c r="AM11037" s="84"/>
    </row>
    <row r="11038" spans="35:39" x14ac:dyDescent="0.35">
      <c r="AI11038" s="84"/>
      <c r="AM11038" s="84"/>
    </row>
    <row r="11039" spans="35:39" x14ac:dyDescent="0.35">
      <c r="AI11039" s="84"/>
      <c r="AM11039" s="84"/>
    </row>
    <row r="11040" spans="35:39" x14ac:dyDescent="0.35">
      <c r="AI11040" s="84"/>
      <c r="AM11040" s="84"/>
    </row>
    <row r="11041" spans="35:39" x14ac:dyDescent="0.35">
      <c r="AI11041" s="84"/>
      <c r="AM11041" s="84"/>
    </row>
    <row r="11042" spans="35:39" x14ac:dyDescent="0.35">
      <c r="AI11042" s="84"/>
      <c r="AM11042" s="84"/>
    </row>
    <row r="11043" spans="35:39" x14ac:dyDescent="0.35">
      <c r="AI11043" s="84"/>
      <c r="AM11043" s="84"/>
    </row>
    <row r="11044" spans="35:39" x14ac:dyDescent="0.35">
      <c r="AI11044" s="84"/>
      <c r="AM11044" s="84"/>
    </row>
    <row r="11045" spans="35:39" x14ac:dyDescent="0.35">
      <c r="AI11045" s="84"/>
      <c r="AM11045" s="84"/>
    </row>
    <row r="11046" spans="35:39" x14ac:dyDescent="0.35">
      <c r="AI11046" s="84"/>
      <c r="AM11046" s="84"/>
    </row>
    <row r="11047" spans="35:39" x14ac:dyDescent="0.35">
      <c r="AI11047" s="84"/>
      <c r="AM11047" s="84"/>
    </row>
    <row r="11048" spans="35:39" x14ac:dyDescent="0.35">
      <c r="AI11048" s="84"/>
      <c r="AM11048" s="84"/>
    </row>
    <row r="11049" spans="35:39" x14ac:dyDescent="0.35">
      <c r="AI11049" s="84"/>
      <c r="AM11049" s="84"/>
    </row>
    <row r="11050" spans="35:39" x14ac:dyDescent="0.35">
      <c r="AI11050" s="84"/>
      <c r="AM11050" s="84"/>
    </row>
    <row r="11051" spans="35:39" x14ac:dyDescent="0.35">
      <c r="AI11051" s="84"/>
      <c r="AM11051" s="84"/>
    </row>
    <row r="11052" spans="35:39" x14ac:dyDescent="0.35">
      <c r="AI11052" s="84"/>
      <c r="AM11052" s="84"/>
    </row>
    <row r="11053" spans="35:39" x14ac:dyDescent="0.35">
      <c r="AI11053" s="84"/>
      <c r="AM11053" s="84"/>
    </row>
    <row r="11054" spans="35:39" x14ac:dyDescent="0.35">
      <c r="AI11054" s="84"/>
      <c r="AM11054" s="84"/>
    </row>
    <row r="11055" spans="35:39" x14ac:dyDescent="0.35">
      <c r="AI11055" s="84"/>
      <c r="AM11055" s="84"/>
    </row>
    <row r="11056" spans="35:39" x14ac:dyDescent="0.35">
      <c r="AI11056" s="84"/>
      <c r="AM11056" s="84"/>
    </row>
    <row r="11057" spans="35:39" x14ac:dyDescent="0.35">
      <c r="AI11057" s="84"/>
      <c r="AM11057" s="84"/>
    </row>
    <row r="11058" spans="35:39" x14ac:dyDescent="0.35">
      <c r="AI11058" s="84"/>
      <c r="AM11058" s="84"/>
    </row>
    <row r="11059" spans="35:39" x14ac:dyDescent="0.35">
      <c r="AI11059" s="84"/>
      <c r="AM11059" s="84"/>
    </row>
    <row r="11060" spans="35:39" x14ac:dyDescent="0.35">
      <c r="AI11060" s="84"/>
      <c r="AM11060" s="84"/>
    </row>
    <row r="11061" spans="35:39" x14ac:dyDescent="0.35">
      <c r="AI11061" s="84"/>
      <c r="AM11061" s="84"/>
    </row>
    <row r="11062" spans="35:39" x14ac:dyDescent="0.35">
      <c r="AI11062" s="84"/>
      <c r="AM11062" s="84"/>
    </row>
    <row r="11063" spans="35:39" x14ac:dyDescent="0.35">
      <c r="AI11063" s="84"/>
      <c r="AM11063" s="84"/>
    </row>
    <row r="11064" spans="35:39" x14ac:dyDescent="0.35">
      <c r="AI11064" s="84"/>
      <c r="AM11064" s="84"/>
    </row>
    <row r="11065" spans="35:39" x14ac:dyDescent="0.35">
      <c r="AI11065" s="84"/>
      <c r="AM11065" s="84"/>
    </row>
    <row r="11066" spans="35:39" x14ac:dyDescent="0.35">
      <c r="AI11066" s="84"/>
      <c r="AM11066" s="84"/>
    </row>
    <row r="11067" spans="35:39" x14ac:dyDescent="0.35">
      <c r="AI11067" s="84"/>
      <c r="AM11067" s="84"/>
    </row>
    <row r="11068" spans="35:39" x14ac:dyDescent="0.35">
      <c r="AI11068" s="84"/>
      <c r="AM11068" s="84"/>
    </row>
    <row r="11069" spans="35:39" x14ac:dyDescent="0.35">
      <c r="AI11069" s="84"/>
      <c r="AM11069" s="84"/>
    </row>
    <row r="11070" spans="35:39" x14ac:dyDescent="0.35">
      <c r="AI11070" s="84"/>
      <c r="AM11070" s="84"/>
    </row>
    <row r="11071" spans="35:39" x14ac:dyDescent="0.35">
      <c r="AI11071" s="84"/>
      <c r="AM11071" s="84"/>
    </row>
    <row r="11072" spans="35:39" x14ac:dyDescent="0.35">
      <c r="AI11072" s="84"/>
      <c r="AM11072" s="84"/>
    </row>
    <row r="11073" spans="35:39" x14ac:dyDescent="0.35">
      <c r="AI11073" s="84"/>
      <c r="AM11073" s="84"/>
    </row>
    <row r="11074" spans="35:39" x14ac:dyDescent="0.35">
      <c r="AI11074" s="84"/>
      <c r="AM11074" s="84"/>
    </row>
    <row r="11075" spans="35:39" x14ac:dyDescent="0.35">
      <c r="AI11075" s="84"/>
      <c r="AM11075" s="84"/>
    </row>
    <row r="11076" spans="35:39" x14ac:dyDescent="0.35">
      <c r="AI11076" s="84"/>
      <c r="AM11076" s="84"/>
    </row>
    <row r="11077" spans="35:39" x14ac:dyDescent="0.35">
      <c r="AI11077" s="84"/>
      <c r="AM11077" s="84"/>
    </row>
    <row r="11078" spans="35:39" x14ac:dyDescent="0.35">
      <c r="AI11078" s="84"/>
      <c r="AM11078" s="84"/>
    </row>
    <row r="11079" spans="35:39" x14ac:dyDescent="0.35">
      <c r="AI11079" s="84"/>
      <c r="AM11079" s="84"/>
    </row>
    <row r="11080" spans="35:39" x14ac:dyDescent="0.35">
      <c r="AI11080" s="84"/>
      <c r="AM11080" s="84"/>
    </row>
    <row r="11081" spans="35:39" x14ac:dyDescent="0.35">
      <c r="AI11081" s="84"/>
      <c r="AM11081" s="84"/>
    </row>
    <row r="11082" spans="35:39" x14ac:dyDescent="0.35">
      <c r="AI11082" s="84"/>
      <c r="AM11082" s="84"/>
    </row>
    <row r="11083" spans="35:39" x14ac:dyDescent="0.35">
      <c r="AI11083" s="84"/>
      <c r="AM11083" s="84"/>
    </row>
    <row r="11084" spans="35:39" x14ac:dyDescent="0.35">
      <c r="AI11084" s="84"/>
      <c r="AM11084" s="84"/>
    </row>
    <row r="11085" spans="35:39" x14ac:dyDescent="0.35">
      <c r="AI11085" s="84"/>
      <c r="AM11085" s="84"/>
    </row>
    <row r="11086" spans="35:39" x14ac:dyDescent="0.35">
      <c r="AI11086" s="84"/>
      <c r="AM11086" s="84"/>
    </row>
    <row r="11087" spans="35:39" x14ac:dyDescent="0.35">
      <c r="AI11087" s="84"/>
      <c r="AM11087" s="84"/>
    </row>
    <row r="11088" spans="35:39" x14ac:dyDescent="0.35">
      <c r="AI11088" s="84"/>
      <c r="AM11088" s="84"/>
    </row>
    <row r="11089" spans="35:39" x14ac:dyDescent="0.35">
      <c r="AI11089" s="84"/>
      <c r="AM11089" s="84"/>
    </row>
    <row r="11090" spans="35:39" x14ac:dyDescent="0.35">
      <c r="AI11090" s="84"/>
      <c r="AM11090" s="84"/>
    </row>
    <row r="11091" spans="35:39" x14ac:dyDescent="0.35">
      <c r="AI11091" s="84"/>
      <c r="AM11091" s="84"/>
    </row>
    <row r="11092" spans="35:39" x14ac:dyDescent="0.35">
      <c r="AI11092" s="84"/>
      <c r="AM11092" s="84"/>
    </row>
    <row r="11093" spans="35:39" x14ac:dyDescent="0.35">
      <c r="AI11093" s="84"/>
      <c r="AM11093" s="84"/>
    </row>
    <row r="11094" spans="35:39" x14ac:dyDescent="0.35">
      <c r="AI11094" s="84"/>
      <c r="AM11094" s="84"/>
    </row>
    <row r="11095" spans="35:39" x14ac:dyDescent="0.35">
      <c r="AI11095" s="84"/>
      <c r="AM11095" s="84"/>
    </row>
    <row r="11096" spans="35:39" x14ac:dyDescent="0.35">
      <c r="AI11096" s="84"/>
      <c r="AM11096" s="84"/>
    </row>
    <row r="11097" spans="35:39" x14ac:dyDescent="0.35">
      <c r="AI11097" s="84"/>
      <c r="AM11097" s="84"/>
    </row>
    <row r="11098" spans="35:39" x14ac:dyDescent="0.35">
      <c r="AI11098" s="84"/>
      <c r="AM11098" s="84"/>
    </row>
    <row r="11099" spans="35:39" x14ac:dyDescent="0.35">
      <c r="AI11099" s="84"/>
      <c r="AM11099" s="84"/>
    </row>
    <row r="11100" spans="35:39" x14ac:dyDescent="0.35">
      <c r="AI11100" s="84"/>
      <c r="AM11100" s="84"/>
    </row>
    <row r="11101" spans="35:39" x14ac:dyDescent="0.35">
      <c r="AI11101" s="84"/>
      <c r="AM11101" s="84"/>
    </row>
    <row r="11102" spans="35:39" x14ac:dyDescent="0.35">
      <c r="AI11102" s="84"/>
      <c r="AM11102" s="84"/>
    </row>
    <row r="11103" spans="35:39" x14ac:dyDescent="0.35">
      <c r="AI11103" s="84"/>
      <c r="AM11103" s="84"/>
    </row>
    <row r="11104" spans="35:39" x14ac:dyDescent="0.35">
      <c r="AI11104" s="84"/>
      <c r="AM11104" s="84"/>
    </row>
    <row r="11105" spans="35:39" x14ac:dyDescent="0.35">
      <c r="AI11105" s="84"/>
      <c r="AM11105" s="84"/>
    </row>
    <row r="11106" spans="35:39" x14ac:dyDescent="0.35">
      <c r="AI11106" s="84"/>
      <c r="AM11106" s="84"/>
    </row>
    <row r="11107" spans="35:39" x14ac:dyDescent="0.35">
      <c r="AI11107" s="84"/>
      <c r="AM11107" s="84"/>
    </row>
    <row r="11108" spans="35:39" x14ac:dyDescent="0.35">
      <c r="AI11108" s="84"/>
      <c r="AM11108" s="84"/>
    </row>
    <row r="11109" spans="35:39" x14ac:dyDescent="0.35">
      <c r="AI11109" s="84"/>
      <c r="AM11109" s="84"/>
    </row>
    <row r="11110" spans="35:39" x14ac:dyDescent="0.35">
      <c r="AI11110" s="84"/>
      <c r="AM11110" s="84"/>
    </row>
    <row r="11111" spans="35:39" x14ac:dyDescent="0.35">
      <c r="AI11111" s="84"/>
      <c r="AM11111" s="84"/>
    </row>
    <row r="11112" spans="35:39" x14ac:dyDescent="0.35">
      <c r="AI11112" s="84"/>
      <c r="AM11112" s="84"/>
    </row>
    <row r="11113" spans="35:39" x14ac:dyDescent="0.35">
      <c r="AI11113" s="84"/>
      <c r="AM11113" s="84"/>
    </row>
    <row r="11114" spans="35:39" x14ac:dyDescent="0.35">
      <c r="AI11114" s="84"/>
      <c r="AM11114" s="84"/>
    </row>
    <row r="11115" spans="35:39" x14ac:dyDescent="0.35">
      <c r="AI11115" s="84"/>
      <c r="AM11115" s="84"/>
    </row>
    <row r="11116" spans="35:39" x14ac:dyDescent="0.35">
      <c r="AI11116" s="84"/>
      <c r="AM11116" s="84"/>
    </row>
    <row r="11117" spans="35:39" x14ac:dyDescent="0.35">
      <c r="AI11117" s="84"/>
      <c r="AM11117" s="84"/>
    </row>
    <row r="11118" spans="35:39" x14ac:dyDescent="0.35">
      <c r="AI11118" s="84"/>
      <c r="AM11118" s="84"/>
    </row>
    <row r="11119" spans="35:39" x14ac:dyDescent="0.35">
      <c r="AI11119" s="84"/>
      <c r="AM11119" s="84"/>
    </row>
    <row r="11120" spans="35:39" x14ac:dyDescent="0.35">
      <c r="AI11120" s="84"/>
      <c r="AM11120" s="84"/>
    </row>
    <row r="11121" spans="35:39" x14ac:dyDescent="0.35">
      <c r="AI11121" s="84"/>
      <c r="AM11121" s="84"/>
    </row>
    <row r="11122" spans="35:39" x14ac:dyDescent="0.35">
      <c r="AI11122" s="84"/>
      <c r="AM11122" s="84"/>
    </row>
    <row r="11123" spans="35:39" x14ac:dyDescent="0.35">
      <c r="AI11123" s="84"/>
      <c r="AM11123" s="84"/>
    </row>
    <row r="11124" spans="35:39" x14ac:dyDescent="0.35">
      <c r="AI11124" s="84"/>
      <c r="AM11124" s="84"/>
    </row>
    <row r="11125" spans="35:39" x14ac:dyDescent="0.35">
      <c r="AI11125" s="84"/>
      <c r="AM11125" s="84"/>
    </row>
    <row r="11126" spans="35:39" x14ac:dyDescent="0.35">
      <c r="AI11126" s="84"/>
      <c r="AM11126" s="84"/>
    </row>
    <row r="11127" spans="35:39" x14ac:dyDescent="0.35">
      <c r="AI11127" s="84"/>
      <c r="AM11127" s="84"/>
    </row>
    <row r="11128" spans="35:39" x14ac:dyDescent="0.35">
      <c r="AI11128" s="84"/>
      <c r="AM11128" s="84"/>
    </row>
    <row r="11129" spans="35:39" x14ac:dyDescent="0.35">
      <c r="AI11129" s="84"/>
      <c r="AM11129" s="84"/>
    </row>
    <row r="11130" spans="35:39" x14ac:dyDescent="0.35">
      <c r="AI11130" s="84"/>
      <c r="AM11130" s="84"/>
    </row>
    <row r="11131" spans="35:39" x14ac:dyDescent="0.35">
      <c r="AI11131" s="84"/>
      <c r="AM11131" s="84"/>
    </row>
    <row r="11132" spans="35:39" x14ac:dyDescent="0.35">
      <c r="AI11132" s="84"/>
      <c r="AM11132" s="84"/>
    </row>
    <row r="11133" spans="35:39" x14ac:dyDescent="0.35">
      <c r="AI11133" s="84"/>
      <c r="AM11133" s="84"/>
    </row>
    <row r="11134" spans="35:39" x14ac:dyDescent="0.35">
      <c r="AI11134" s="84"/>
      <c r="AM11134" s="84"/>
    </row>
    <row r="11135" spans="35:39" x14ac:dyDescent="0.35">
      <c r="AI11135" s="84"/>
      <c r="AM11135" s="84"/>
    </row>
    <row r="11136" spans="35:39" x14ac:dyDescent="0.35">
      <c r="AI11136" s="84"/>
      <c r="AM11136" s="84"/>
    </row>
    <row r="11137" spans="35:39" x14ac:dyDescent="0.35">
      <c r="AI11137" s="84"/>
      <c r="AM11137" s="84"/>
    </row>
    <row r="11138" spans="35:39" x14ac:dyDescent="0.35">
      <c r="AI11138" s="84"/>
      <c r="AM11138" s="84"/>
    </row>
    <row r="11139" spans="35:39" x14ac:dyDescent="0.35">
      <c r="AI11139" s="84"/>
      <c r="AM11139" s="84"/>
    </row>
    <row r="11140" spans="35:39" x14ac:dyDescent="0.35">
      <c r="AI11140" s="84"/>
      <c r="AM11140" s="84"/>
    </row>
    <row r="11141" spans="35:39" x14ac:dyDescent="0.35">
      <c r="AI11141" s="84"/>
      <c r="AM11141" s="84"/>
    </row>
    <row r="11142" spans="35:39" x14ac:dyDescent="0.35">
      <c r="AI11142" s="84"/>
      <c r="AM11142" s="84"/>
    </row>
    <row r="11143" spans="35:39" x14ac:dyDescent="0.35">
      <c r="AI11143" s="84"/>
      <c r="AM11143" s="84"/>
    </row>
    <row r="11144" spans="35:39" x14ac:dyDescent="0.35">
      <c r="AI11144" s="84"/>
      <c r="AM11144" s="84"/>
    </row>
    <row r="11145" spans="35:39" x14ac:dyDescent="0.35">
      <c r="AI11145" s="84"/>
      <c r="AM11145" s="84"/>
    </row>
    <row r="11146" spans="35:39" x14ac:dyDescent="0.35">
      <c r="AI11146" s="84"/>
      <c r="AM11146" s="84"/>
    </row>
    <row r="11147" spans="35:39" x14ac:dyDescent="0.35">
      <c r="AI11147" s="84"/>
      <c r="AM11147" s="84"/>
    </row>
    <row r="11148" spans="35:39" x14ac:dyDescent="0.35">
      <c r="AI11148" s="84"/>
      <c r="AM11148" s="84"/>
    </row>
    <row r="11149" spans="35:39" x14ac:dyDescent="0.35">
      <c r="AI11149" s="84"/>
      <c r="AM11149" s="84"/>
    </row>
    <row r="11150" spans="35:39" x14ac:dyDescent="0.35">
      <c r="AI11150" s="84"/>
      <c r="AM11150" s="84"/>
    </row>
    <row r="11151" spans="35:39" x14ac:dyDescent="0.35">
      <c r="AI11151" s="84"/>
      <c r="AM11151" s="84"/>
    </row>
    <row r="11152" spans="35:39" x14ac:dyDescent="0.35">
      <c r="AI11152" s="84"/>
      <c r="AM11152" s="84"/>
    </row>
    <row r="11153" spans="35:39" x14ac:dyDescent="0.35">
      <c r="AI11153" s="84"/>
      <c r="AM11153" s="84"/>
    </row>
    <row r="11154" spans="35:39" x14ac:dyDescent="0.35">
      <c r="AI11154" s="84"/>
      <c r="AM11154" s="84"/>
    </row>
    <row r="11155" spans="35:39" x14ac:dyDescent="0.35">
      <c r="AI11155" s="84"/>
      <c r="AM11155" s="84"/>
    </row>
    <row r="11156" spans="35:39" x14ac:dyDescent="0.35">
      <c r="AI11156" s="84"/>
      <c r="AM11156" s="84"/>
    </row>
    <row r="11157" spans="35:39" x14ac:dyDescent="0.35">
      <c r="AI11157" s="84"/>
      <c r="AM11157" s="84"/>
    </row>
    <row r="11158" spans="35:39" x14ac:dyDescent="0.35">
      <c r="AI11158" s="84"/>
      <c r="AM11158" s="84"/>
    </row>
    <row r="11159" spans="35:39" x14ac:dyDescent="0.35">
      <c r="AI11159" s="84"/>
      <c r="AM11159" s="84"/>
    </row>
    <row r="11160" spans="35:39" x14ac:dyDescent="0.35">
      <c r="AI11160" s="84"/>
      <c r="AM11160" s="84"/>
    </row>
    <row r="11161" spans="35:39" x14ac:dyDescent="0.35">
      <c r="AI11161" s="84"/>
      <c r="AM11161" s="84"/>
    </row>
    <row r="11162" spans="35:39" x14ac:dyDescent="0.35">
      <c r="AI11162" s="84"/>
      <c r="AM11162" s="84"/>
    </row>
    <row r="11163" spans="35:39" x14ac:dyDescent="0.35">
      <c r="AI11163" s="84"/>
      <c r="AM11163" s="84"/>
    </row>
    <row r="11164" spans="35:39" x14ac:dyDescent="0.35">
      <c r="AI11164" s="84"/>
      <c r="AM11164" s="84"/>
    </row>
    <row r="11165" spans="35:39" x14ac:dyDescent="0.35">
      <c r="AI11165" s="84"/>
      <c r="AM11165" s="84"/>
    </row>
    <row r="11166" spans="35:39" x14ac:dyDescent="0.35">
      <c r="AI11166" s="84"/>
      <c r="AM11166" s="84"/>
    </row>
    <row r="11167" spans="35:39" x14ac:dyDescent="0.35">
      <c r="AI11167" s="84"/>
      <c r="AM11167" s="84"/>
    </row>
    <row r="11168" spans="35:39" x14ac:dyDescent="0.35">
      <c r="AI11168" s="84"/>
      <c r="AM11168" s="84"/>
    </row>
    <row r="11169" spans="35:39" x14ac:dyDescent="0.35">
      <c r="AI11169" s="84"/>
      <c r="AM11169" s="84"/>
    </row>
    <row r="11170" spans="35:39" x14ac:dyDescent="0.35">
      <c r="AI11170" s="84"/>
      <c r="AM11170" s="84"/>
    </row>
    <row r="11171" spans="35:39" x14ac:dyDescent="0.35">
      <c r="AI11171" s="84"/>
      <c r="AM11171" s="84"/>
    </row>
    <row r="11172" spans="35:39" x14ac:dyDescent="0.35">
      <c r="AI11172" s="84"/>
      <c r="AM11172" s="84"/>
    </row>
    <row r="11173" spans="35:39" x14ac:dyDescent="0.35">
      <c r="AI11173" s="84"/>
      <c r="AM11173" s="84"/>
    </row>
    <row r="11174" spans="35:39" x14ac:dyDescent="0.35">
      <c r="AI11174" s="84"/>
      <c r="AM11174" s="84"/>
    </row>
    <row r="11175" spans="35:39" x14ac:dyDescent="0.35">
      <c r="AI11175" s="84"/>
      <c r="AM11175" s="84"/>
    </row>
    <row r="11176" spans="35:39" x14ac:dyDescent="0.35">
      <c r="AI11176" s="84"/>
      <c r="AM11176" s="84"/>
    </row>
    <row r="11177" spans="35:39" x14ac:dyDescent="0.35">
      <c r="AI11177" s="84"/>
      <c r="AM11177" s="84"/>
    </row>
    <row r="11178" spans="35:39" x14ac:dyDescent="0.35">
      <c r="AI11178" s="84"/>
      <c r="AM11178" s="84"/>
    </row>
    <row r="11179" spans="35:39" x14ac:dyDescent="0.35">
      <c r="AI11179" s="84"/>
      <c r="AM11179" s="84"/>
    </row>
    <row r="11180" spans="35:39" x14ac:dyDescent="0.35">
      <c r="AI11180" s="84"/>
      <c r="AM11180" s="84"/>
    </row>
    <row r="11181" spans="35:39" x14ac:dyDescent="0.35">
      <c r="AI11181" s="84"/>
      <c r="AM11181" s="84"/>
    </row>
    <row r="11182" spans="35:39" x14ac:dyDescent="0.35">
      <c r="AI11182" s="84"/>
      <c r="AM11182" s="84"/>
    </row>
    <row r="11183" spans="35:39" x14ac:dyDescent="0.35">
      <c r="AI11183" s="84"/>
      <c r="AM11183" s="84"/>
    </row>
    <row r="11184" spans="35:39" x14ac:dyDescent="0.35">
      <c r="AI11184" s="84"/>
      <c r="AM11184" s="84"/>
    </row>
    <row r="11185" spans="35:39" x14ac:dyDescent="0.35">
      <c r="AI11185" s="84"/>
      <c r="AM11185" s="84"/>
    </row>
    <row r="11186" spans="35:39" x14ac:dyDescent="0.35">
      <c r="AI11186" s="84"/>
      <c r="AM11186" s="84"/>
    </row>
    <row r="11187" spans="35:39" x14ac:dyDescent="0.35">
      <c r="AI11187" s="84"/>
      <c r="AM11187" s="84"/>
    </row>
    <row r="11188" spans="35:39" x14ac:dyDescent="0.35">
      <c r="AI11188" s="84"/>
      <c r="AM11188" s="84"/>
    </row>
    <row r="11189" spans="35:39" x14ac:dyDescent="0.35">
      <c r="AI11189" s="84"/>
      <c r="AM11189" s="84"/>
    </row>
    <row r="11190" spans="35:39" x14ac:dyDescent="0.35">
      <c r="AI11190" s="84"/>
      <c r="AM11190" s="84"/>
    </row>
    <row r="11191" spans="35:39" x14ac:dyDescent="0.35">
      <c r="AI11191" s="84"/>
      <c r="AM11191" s="84"/>
    </row>
    <row r="11192" spans="35:39" x14ac:dyDescent="0.35">
      <c r="AI11192" s="84"/>
      <c r="AM11192" s="84"/>
    </row>
    <row r="11193" spans="35:39" x14ac:dyDescent="0.35">
      <c r="AI11193" s="84"/>
      <c r="AM11193" s="84"/>
    </row>
    <row r="11194" spans="35:39" x14ac:dyDescent="0.35">
      <c r="AI11194" s="84"/>
      <c r="AM11194" s="84"/>
    </row>
    <row r="11195" spans="35:39" x14ac:dyDescent="0.35">
      <c r="AI11195" s="84"/>
      <c r="AM11195" s="84"/>
    </row>
    <row r="11196" spans="35:39" x14ac:dyDescent="0.35">
      <c r="AI11196" s="84"/>
      <c r="AM11196" s="84"/>
    </row>
    <row r="11197" spans="35:39" x14ac:dyDescent="0.35">
      <c r="AI11197" s="84"/>
      <c r="AM11197" s="84"/>
    </row>
    <row r="11198" spans="35:39" x14ac:dyDescent="0.35">
      <c r="AI11198" s="84"/>
      <c r="AM11198" s="84"/>
    </row>
    <row r="11199" spans="35:39" x14ac:dyDescent="0.35">
      <c r="AI11199" s="84"/>
      <c r="AM11199" s="84"/>
    </row>
    <row r="11200" spans="35:39" x14ac:dyDescent="0.35">
      <c r="AI11200" s="84"/>
      <c r="AM11200" s="84"/>
    </row>
    <row r="11201" spans="35:39" x14ac:dyDescent="0.35">
      <c r="AI11201" s="84"/>
      <c r="AM11201" s="84"/>
    </row>
    <row r="11202" spans="35:39" x14ac:dyDescent="0.35">
      <c r="AI11202" s="84"/>
      <c r="AM11202" s="84"/>
    </row>
    <row r="11203" spans="35:39" x14ac:dyDescent="0.35">
      <c r="AI11203" s="84"/>
      <c r="AM11203" s="84"/>
    </row>
    <row r="11204" spans="35:39" x14ac:dyDescent="0.35">
      <c r="AI11204" s="84"/>
      <c r="AM11204" s="84"/>
    </row>
    <row r="11205" spans="35:39" x14ac:dyDescent="0.35">
      <c r="AI11205" s="84"/>
      <c r="AM11205" s="84"/>
    </row>
    <row r="11206" spans="35:39" x14ac:dyDescent="0.35">
      <c r="AI11206" s="84"/>
      <c r="AM11206" s="84"/>
    </row>
    <row r="11207" spans="35:39" x14ac:dyDescent="0.35">
      <c r="AI11207" s="84"/>
      <c r="AM11207" s="84"/>
    </row>
    <row r="11208" spans="35:39" x14ac:dyDescent="0.35">
      <c r="AI11208" s="84"/>
      <c r="AM11208" s="84"/>
    </row>
    <row r="11209" spans="35:39" x14ac:dyDescent="0.35">
      <c r="AI11209" s="84"/>
      <c r="AM11209" s="84"/>
    </row>
    <row r="11210" spans="35:39" x14ac:dyDescent="0.35">
      <c r="AI11210" s="84"/>
      <c r="AM11210" s="84"/>
    </row>
    <row r="11211" spans="35:39" x14ac:dyDescent="0.35">
      <c r="AI11211" s="84"/>
      <c r="AM11211" s="84"/>
    </row>
    <row r="11212" spans="35:39" x14ac:dyDescent="0.35">
      <c r="AI11212" s="84"/>
      <c r="AM11212" s="84"/>
    </row>
    <row r="11213" spans="35:39" x14ac:dyDescent="0.35">
      <c r="AI11213" s="84"/>
      <c r="AM11213" s="84"/>
    </row>
    <row r="11214" spans="35:39" x14ac:dyDescent="0.35">
      <c r="AI11214" s="84"/>
      <c r="AM11214" s="84"/>
    </row>
    <row r="11215" spans="35:39" x14ac:dyDescent="0.35">
      <c r="AI11215" s="84"/>
      <c r="AM11215" s="84"/>
    </row>
    <row r="11216" spans="35:39" x14ac:dyDescent="0.35">
      <c r="AI11216" s="84"/>
      <c r="AM11216" s="84"/>
    </row>
    <row r="11217" spans="35:39" x14ac:dyDescent="0.35">
      <c r="AI11217" s="84"/>
      <c r="AM11217" s="84"/>
    </row>
    <row r="11218" spans="35:39" x14ac:dyDescent="0.35">
      <c r="AI11218" s="84"/>
      <c r="AM11218" s="84"/>
    </row>
    <row r="11219" spans="35:39" x14ac:dyDescent="0.35">
      <c r="AI11219" s="84"/>
      <c r="AM11219" s="84"/>
    </row>
    <row r="11220" spans="35:39" x14ac:dyDescent="0.35">
      <c r="AI11220" s="84"/>
      <c r="AM11220" s="84"/>
    </row>
    <row r="11221" spans="35:39" x14ac:dyDescent="0.35">
      <c r="AI11221" s="84"/>
      <c r="AM11221" s="84"/>
    </row>
    <row r="11222" spans="35:39" x14ac:dyDescent="0.35">
      <c r="AI11222" s="84"/>
      <c r="AM11222" s="84"/>
    </row>
    <row r="11223" spans="35:39" x14ac:dyDescent="0.35">
      <c r="AI11223" s="84"/>
      <c r="AM11223" s="84"/>
    </row>
    <row r="11224" spans="35:39" x14ac:dyDescent="0.35">
      <c r="AI11224" s="84"/>
      <c r="AM11224" s="84"/>
    </row>
    <row r="11225" spans="35:39" x14ac:dyDescent="0.35">
      <c r="AI11225" s="84"/>
      <c r="AM11225" s="84"/>
    </row>
    <row r="11226" spans="35:39" x14ac:dyDescent="0.35">
      <c r="AI11226" s="84"/>
      <c r="AM11226" s="84"/>
    </row>
    <row r="11227" spans="35:39" x14ac:dyDescent="0.35">
      <c r="AI11227" s="84"/>
      <c r="AM11227" s="84"/>
    </row>
    <row r="11228" spans="35:39" x14ac:dyDescent="0.35">
      <c r="AI11228" s="84"/>
      <c r="AM11228" s="84"/>
    </row>
    <row r="11229" spans="35:39" x14ac:dyDescent="0.35">
      <c r="AI11229" s="84"/>
      <c r="AM11229" s="84"/>
    </row>
    <row r="11230" spans="35:39" x14ac:dyDescent="0.35">
      <c r="AI11230" s="84"/>
      <c r="AM11230" s="84"/>
    </row>
    <row r="11231" spans="35:39" x14ac:dyDescent="0.35">
      <c r="AI11231" s="84"/>
      <c r="AM11231" s="84"/>
    </row>
    <row r="11232" spans="35:39" x14ac:dyDescent="0.35">
      <c r="AI11232" s="84"/>
      <c r="AM11232" s="84"/>
    </row>
    <row r="11233" spans="35:39" x14ac:dyDescent="0.35">
      <c r="AI11233" s="84"/>
      <c r="AM11233" s="84"/>
    </row>
    <row r="11234" spans="35:39" x14ac:dyDescent="0.35">
      <c r="AI11234" s="84"/>
      <c r="AM11234" s="84"/>
    </row>
    <row r="11235" spans="35:39" x14ac:dyDescent="0.35">
      <c r="AI11235" s="84"/>
      <c r="AM11235" s="84"/>
    </row>
    <row r="11236" spans="35:39" x14ac:dyDescent="0.35">
      <c r="AI11236" s="84"/>
      <c r="AM11236" s="84"/>
    </row>
    <row r="11237" spans="35:39" x14ac:dyDescent="0.35">
      <c r="AI11237" s="84"/>
      <c r="AM11237" s="84"/>
    </row>
    <row r="11238" spans="35:39" x14ac:dyDescent="0.35">
      <c r="AI11238" s="84"/>
      <c r="AM11238" s="84"/>
    </row>
    <row r="11239" spans="35:39" x14ac:dyDescent="0.35">
      <c r="AI11239" s="84"/>
      <c r="AM11239" s="84"/>
    </row>
    <row r="11240" spans="35:39" x14ac:dyDescent="0.35">
      <c r="AI11240" s="84"/>
      <c r="AM11240" s="84"/>
    </row>
    <row r="11241" spans="35:39" x14ac:dyDescent="0.35">
      <c r="AI11241" s="84"/>
      <c r="AM11241" s="84"/>
    </row>
    <row r="11242" spans="35:39" x14ac:dyDescent="0.35">
      <c r="AI11242" s="84"/>
      <c r="AM11242" s="84"/>
    </row>
    <row r="11243" spans="35:39" x14ac:dyDescent="0.35">
      <c r="AI11243" s="84"/>
      <c r="AM11243" s="84"/>
    </row>
    <row r="11244" spans="35:39" x14ac:dyDescent="0.35">
      <c r="AI11244" s="84"/>
      <c r="AM11244" s="84"/>
    </row>
    <row r="11245" spans="35:39" x14ac:dyDescent="0.35">
      <c r="AI11245" s="84"/>
      <c r="AM11245" s="84"/>
    </row>
    <row r="11246" spans="35:39" x14ac:dyDescent="0.35">
      <c r="AI11246" s="84"/>
      <c r="AM11246" s="84"/>
    </row>
    <row r="11247" spans="35:39" x14ac:dyDescent="0.35">
      <c r="AI11247" s="84"/>
      <c r="AM11247" s="84"/>
    </row>
    <row r="11248" spans="35:39" x14ac:dyDescent="0.35">
      <c r="AI11248" s="84"/>
      <c r="AM11248" s="84"/>
    </row>
    <row r="11249" spans="35:39" x14ac:dyDescent="0.35">
      <c r="AI11249" s="84"/>
      <c r="AM11249" s="84"/>
    </row>
    <row r="11250" spans="35:39" x14ac:dyDescent="0.35">
      <c r="AI11250" s="84"/>
      <c r="AM11250" s="84"/>
    </row>
    <row r="11251" spans="35:39" x14ac:dyDescent="0.35">
      <c r="AI11251" s="84"/>
      <c r="AM11251" s="84"/>
    </row>
    <row r="11252" spans="35:39" x14ac:dyDescent="0.35">
      <c r="AI11252" s="84"/>
      <c r="AM11252" s="84"/>
    </row>
    <row r="11253" spans="35:39" x14ac:dyDescent="0.35">
      <c r="AI11253" s="84"/>
      <c r="AM11253" s="84"/>
    </row>
    <row r="11254" spans="35:39" x14ac:dyDescent="0.35">
      <c r="AI11254" s="84"/>
      <c r="AM11254" s="84"/>
    </row>
    <row r="11255" spans="35:39" x14ac:dyDescent="0.35">
      <c r="AI11255" s="84"/>
      <c r="AM11255" s="84"/>
    </row>
    <row r="11256" spans="35:39" x14ac:dyDescent="0.35">
      <c r="AI11256" s="84"/>
      <c r="AM11256" s="84"/>
    </row>
    <row r="11257" spans="35:39" x14ac:dyDescent="0.35">
      <c r="AI11257" s="84"/>
      <c r="AM11257" s="84"/>
    </row>
    <row r="11258" spans="35:39" x14ac:dyDescent="0.35">
      <c r="AI11258" s="84"/>
      <c r="AM11258" s="84"/>
    </row>
    <row r="11259" spans="35:39" x14ac:dyDescent="0.35">
      <c r="AI11259" s="84"/>
      <c r="AM11259" s="84"/>
    </row>
    <row r="11260" spans="35:39" x14ac:dyDescent="0.35">
      <c r="AI11260" s="84"/>
      <c r="AM11260" s="84"/>
    </row>
    <row r="11261" spans="35:39" x14ac:dyDescent="0.35">
      <c r="AI11261" s="84"/>
      <c r="AM11261" s="84"/>
    </row>
    <row r="11262" spans="35:39" x14ac:dyDescent="0.35">
      <c r="AI11262" s="84"/>
      <c r="AM11262" s="84"/>
    </row>
    <row r="11263" spans="35:39" x14ac:dyDescent="0.35">
      <c r="AI11263" s="84"/>
      <c r="AM11263" s="84"/>
    </row>
    <row r="11264" spans="35:39" x14ac:dyDescent="0.35">
      <c r="AI11264" s="84"/>
      <c r="AM11264" s="84"/>
    </row>
    <row r="11265" spans="35:39" x14ac:dyDescent="0.35">
      <c r="AI11265" s="84"/>
      <c r="AM11265" s="84"/>
    </row>
    <row r="11266" spans="35:39" x14ac:dyDescent="0.35">
      <c r="AI11266" s="84"/>
      <c r="AM11266" s="84"/>
    </row>
    <row r="11267" spans="35:39" x14ac:dyDescent="0.35">
      <c r="AI11267" s="84"/>
      <c r="AM11267" s="84"/>
    </row>
    <row r="11268" spans="35:39" x14ac:dyDescent="0.35">
      <c r="AI11268" s="84"/>
      <c r="AM11268" s="84"/>
    </row>
    <row r="11269" spans="35:39" x14ac:dyDescent="0.35">
      <c r="AI11269" s="84"/>
      <c r="AM11269" s="84"/>
    </row>
    <row r="11270" spans="35:39" x14ac:dyDescent="0.35">
      <c r="AI11270" s="84"/>
      <c r="AM11270" s="84"/>
    </row>
    <row r="11271" spans="35:39" x14ac:dyDescent="0.35">
      <c r="AI11271" s="84"/>
      <c r="AM11271" s="84"/>
    </row>
    <row r="11272" spans="35:39" x14ac:dyDescent="0.35">
      <c r="AI11272" s="84"/>
      <c r="AM11272" s="84"/>
    </row>
    <row r="11273" spans="35:39" x14ac:dyDescent="0.35">
      <c r="AI11273" s="84"/>
      <c r="AM11273" s="84"/>
    </row>
    <row r="11274" spans="35:39" x14ac:dyDescent="0.35">
      <c r="AI11274" s="84"/>
      <c r="AM11274" s="84"/>
    </row>
    <row r="11275" spans="35:39" x14ac:dyDescent="0.35">
      <c r="AI11275" s="84"/>
      <c r="AM11275" s="84"/>
    </row>
    <row r="11276" spans="35:39" x14ac:dyDescent="0.35">
      <c r="AI11276" s="84"/>
      <c r="AM11276" s="84"/>
    </row>
    <row r="11277" spans="35:39" x14ac:dyDescent="0.35">
      <c r="AI11277" s="84"/>
      <c r="AM11277" s="84"/>
    </row>
    <row r="11278" spans="35:39" x14ac:dyDescent="0.35">
      <c r="AI11278" s="84"/>
      <c r="AM11278" s="84"/>
    </row>
    <row r="11279" spans="35:39" x14ac:dyDescent="0.35">
      <c r="AI11279" s="84"/>
      <c r="AM11279" s="84"/>
    </row>
    <row r="11280" spans="35:39" x14ac:dyDescent="0.35">
      <c r="AI11280" s="84"/>
      <c r="AM11280" s="84"/>
    </row>
    <row r="11281" spans="35:39" x14ac:dyDescent="0.35">
      <c r="AI11281" s="84"/>
      <c r="AM11281" s="84"/>
    </row>
    <row r="11282" spans="35:39" x14ac:dyDescent="0.35">
      <c r="AI11282" s="84"/>
      <c r="AM11282" s="84"/>
    </row>
    <row r="11283" spans="35:39" x14ac:dyDescent="0.35">
      <c r="AI11283" s="84"/>
      <c r="AM11283" s="84"/>
    </row>
    <row r="11284" spans="35:39" x14ac:dyDescent="0.35">
      <c r="AI11284" s="84"/>
      <c r="AM11284" s="84"/>
    </row>
    <row r="11285" spans="35:39" x14ac:dyDescent="0.35">
      <c r="AI11285" s="84"/>
      <c r="AM11285" s="84"/>
    </row>
    <row r="11286" spans="35:39" x14ac:dyDescent="0.35">
      <c r="AI11286" s="84"/>
      <c r="AM11286" s="84"/>
    </row>
    <row r="11287" spans="35:39" x14ac:dyDescent="0.35">
      <c r="AI11287" s="84"/>
      <c r="AM11287" s="84"/>
    </row>
    <row r="11288" spans="35:39" x14ac:dyDescent="0.35">
      <c r="AI11288" s="84"/>
      <c r="AM11288" s="84"/>
    </row>
    <row r="11289" spans="35:39" x14ac:dyDescent="0.35">
      <c r="AI11289" s="84"/>
      <c r="AM11289" s="84"/>
    </row>
    <row r="11290" spans="35:39" x14ac:dyDescent="0.35">
      <c r="AI11290" s="84"/>
      <c r="AM11290" s="84"/>
    </row>
    <row r="11291" spans="35:39" x14ac:dyDescent="0.35">
      <c r="AI11291" s="84"/>
      <c r="AM11291" s="84"/>
    </row>
    <row r="11292" spans="35:39" x14ac:dyDescent="0.35">
      <c r="AI11292" s="84"/>
      <c r="AM11292" s="84"/>
    </row>
    <row r="11293" spans="35:39" x14ac:dyDescent="0.35">
      <c r="AI11293" s="84"/>
      <c r="AM11293" s="84"/>
    </row>
    <row r="11294" spans="35:39" x14ac:dyDescent="0.35">
      <c r="AI11294" s="84"/>
      <c r="AM11294" s="84"/>
    </row>
    <row r="11295" spans="35:39" x14ac:dyDescent="0.35">
      <c r="AI11295" s="84"/>
      <c r="AM11295" s="84"/>
    </row>
    <row r="11296" spans="35:39" x14ac:dyDescent="0.35">
      <c r="AI11296" s="84"/>
      <c r="AM11296" s="84"/>
    </row>
    <row r="11297" spans="35:39" x14ac:dyDescent="0.35">
      <c r="AI11297" s="84"/>
      <c r="AM11297" s="84"/>
    </row>
    <row r="11298" spans="35:39" x14ac:dyDescent="0.35">
      <c r="AI11298" s="84"/>
      <c r="AM11298" s="84"/>
    </row>
    <row r="11299" spans="35:39" x14ac:dyDescent="0.35">
      <c r="AI11299" s="84"/>
      <c r="AM11299" s="84"/>
    </row>
    <row r="11300" spans="35:39" x14ac:dyDescent="0.35">
      <c r="AI11300" s="84"/>
      <c r="AM11300" s="84"/>
    </row>
    <row r="11301" spans="35:39" x14ac:dyDescent="0.35">
      <c r="AI11301" s="84"/>
      <c r="AM11301" s="84"/>
    </row>
    <row r="11302" spans="35:39" x14ac:dyDescent="0.35">
      <c r="AI11302" s="84"/>
      <c r="AM11302" s="84"/>
    </row>
    <row r="11303" spans="35:39" x14ac:dyDescent="0.35">
      <c r="AI11303" s="84"/>
      <c r="AM11303" s="84"/>
    </row>
    <row r="11304" spans="35:39" x14ac:dyDescent="0.35">
      <c r="AI11304" s="84"/>
      <c r="AM11304" s="84"/>
    </row>
    <row r="11305" spans="35:39" x14ac:dyDescent="0.35">
      <c r="AI11305" s="84"/>
      <c r="AM11305" s="84"/>
    </row>
    <row r="11306" spans="35:39" x14ac:dyDescent="0.35">
      <c r="AI11306" s="84"/>
      <c r="AM11306" s="84"/>
    </row>
    <row r="11307" spans="35:39" x14ac:dyDescent="0.35">
      <c r="AI11307" s="84"/>
      <c r="AM11307" s="84"/>
    </row>
    <row r="11308" spans="35:39" x14ac:dyDescent="0.35">
      <c r="AI11308" s="84"/>
      <c r="AM11308" s="84"/>
    </row>
    <row r="11309" spans="35:39" x14ac:dyDescent="0.35">
      <c r="AI11309" s="84"/>
      <c r="AM11309" s="84"/>
    </row>
    <row r="11310" spans="35:39" x14ac:dyDescent="0.35">
      <c r="AI11310" s="84"/>
      <c r="AM11310" s="84"/>
    </row>
    <row r="11311" spans="35:39" x14ac:dyDescent="0.35">
      <c r="AI11311" s="84"/>
      <c r="AM11311" s="84"/>
    </row>
    <row r="11312" spans="35:39" x14ac:dyDescent="0.35">
      <c r="AI11312" s="84"/>
      <c r="AM11312" s="84"/>
    </row>
    <row r="11313" spans="35:39" x14ac:dyDescent="0.35">
      <c r="AI11313" s="84"/>
      <c r="AM11313" s="84"/>
    </row>
    <row r="11314" spans="35:39" x14ac:dyDescent="0.35">
      <c r="AI11314" s="84"/>
      <c r="AM11314" s="84"/>
    </row>
    <row r="11315" spans="35:39" x14ac:dyDescent="0.35">
      <c r="AI11315" s="84"/>
      <c r="AM11315" s="84"/>
    </row>
    <row r="11316" spans="35:39" x14ac:dyDescent="0.35">
      <c r="AI11316" s="84"/>
      <c r="AM11316" s="84"/>
    </row>
    <row r="11317" spans="35:39" x14ac:dyDescent="0.35">
      <c r="AI11317" s="84"/>
      <c r="AM11317" s="84"/>
    </row>
    <row r="11318" spans="35:39" x14ac:dyDescent="0.35">
      <c r="AI11318" s="84"/>
      <c r="AM11318" s="84"/>
    </row>
    <row r="11319" spans="35:39" x14ac:dyDescent="0.35">
      <c r="AI11319" s="84"/>
      <c r="AM11319" s="84"/>
    </row>
    <row r="11320" spans="35:39" x14ac:dyDescent="0.35">
      <c r="AI11320" s="84"/>
      <c r="AM11320" s="84"/>
    </row>
    <row r="11321" spans="35:39" x14ac:dyDescent="0.35">
      <c r="AI11321" s="84"/>
      <c r="AM11321" s="84"/>
    </row>
    <row r="11322" spans="35:39" x14ac:dyDescent="0.35">
      <c r="AI11322" s="84"/>
      <c r="AM11322" s="84"/>
    </row>
    <row r="11323" spans="35:39" x14ac:dyDescent="0.35">
      <c r="AI11323" s="84"/>
      <c r="AM11323" s="84"/>
    </row>
    <row r="11324" spans="35:39" x14ac:dyDescent="0.35">
      <c r="AI11324" s="84"/>
      <c r="AM11324" s="84"/>
    </row>
    <row r="11325" spans="35:39" x14ac:dyDescent="0.35">
      <c r="AI11325" s="84"/>
      <c r="AM11325" s="84"/>
    </row>
    <row r="11326" spans="35:39" x14ac:dyDescent="0.35">
      <c r="AI11326" s="84"/>
      <c r="AM11326" s="84"/>
    </row>
    <row r="11327" spans="35:39" x14ac:dyDescent="0.35">
      <c r="AI11327" s="84"/>
      <c r="AM11327" s="84"/>
    </row>
    <row r="11328" spans="35:39" x14ac:dyDescent="0.35">
      <c r="AI11328" s="84"/>
      <c r="AM11328" s="84"/>
    </row>
    <row r="11329" spans="35:39" x14ac:dyDescent="0.35">
      <c r="AI11329" s="84"/>
      <c r="AM11329" s="84"/>
    </row>
    <row r="11330" spans="35:39" x14ac:dyDescent="0.35">
      <c r="AI11330" s="84"/>
      <c r="AM11330" s="84"/>
    </row>
    <row r="11331" spans="35:39" x14ac:dyDescent="0.35">
      <c r="AI11331" s="84"/>
      <c r="AM11331" s="84"/>
    </row>
    <row r="11332" spans="35:39" x14ac:dyDescent="0.35">
      <c r="AI11332" s="84"/>
      <c r="AM11332" s="84"/>
    </row>
    <row r="11333" spans="35:39" x14ac:dyDescent="0.35">
      <c r="AI11333" s="84"/>
      <c r="AM11333" s="84"/>
    </row>
    <row r="11334" spans="35:39" x14ac:dyDescent="0.35">
      <c r="AI11334" s="84"/>
      <c r="AM11334" s="84"/>
    </row>
    <row r="11335" spans="35:39" x14ac:dyDescent="0.35">
      <c r="AI11335" s="84"/>
      <c r="AM11335" s="84"/>
    </row>
    <row r="11336" spans="35:39" x14ac:dyDescent="0.35">
      <c r="AI11336" s="84"/>
      <c r="AM11336" s="84"/>
    </row>
    <row r="11337" spans="35:39" x14ac:dyDescent="0.35">
      <c r="AI11337" s="84"/>
      <c r="AM11337" s="84"/>
    </row>
    <row r="11338" spans="35:39" x14ac:dyDescent="0.35">
      <c r="AI11338" s="84"/>
      <c r="AM11338" s="84"/>
    </row>
    <row r="11339" spans="35:39" x14ac:dyDescent="0.35">
      <c r="AI11339" s="84"/>
      <c r="AM11339" s="84"/>
    </row>
    <row r="11340" spans="35:39" x14ac:dyDescent="0.35">
      <c r="AI11340" s="84"/>
      <c r="AM11340" s="84"/>
    </row>
    <row r="11341" spans="35:39" x14ac:dyDescent="0.35">
      <c r="AI11341" s="84"/>
      <c r="AM11341" s="84"/>
    </row>
    <row r="11342" spans="35:39" x14ac:dyDescent="0.35">
      <c r="AI11342" s="84"/>
      <c r="AM11342" s="84"/>
    </row>
    <row r="11343" spans="35:39" x14ac:dyDescent="0.35">
      <c r="AI11343" s="84"/>
      <c r="AM11343" s="84"/>
    </row>
    <row r="11344" spans="35:39" x14ac:dyDescent="0.35">
      <c r="AI11344" s="84"/>
      <c r="AM11344" s="84"/>
    </row>
    <row r="11345" spans="35:39" x14ac:dyDescent="0.35">
      <c r="AI11345" s="84"/>
      <c r="AM11345" s="84"/>
    </row>
    <row r="11346" spans="35:39" x14ac:dyDescent="0.35">
      <c r="AI11346" s="84"/>
      <c r="AM11346" s="84"/>
    </row>
    <row r="11347" spans="35:39" x14ac:dyDescent="0.35">
      <c r="AI11347" s="84"/>
      <c r="AM11347" s="84"/>
    </row>
    <row r="11348" spans="35:39" x14ac:dyDescent="0.35">
      <c r="AI11348" s="84"/>
      <c r="AM11348" s="84"/>
    </row>
    <row r="11349" spans="35:39" x14ac:dyDescent="0.35">
      <c r="AI11349" s="84"/>
      <c r="AM11349" s="84"/>
    </row>
    <row r="11350" spans="35:39" x14ac:dyDescent="0.35">
      <c r="AI11350" s="84"/>
      <c r="AM11350" s="84"/>
    </row>
    <row r="11351" spans="35:39" x14ac:dyDescent="0.35">
      <c r="AI11351" s="84"/>
      <c r="AM11351" s="84"/>
    </row>
    <row r="11352" spans="35:39" x14ac:dyDescent="0.35">
      <c r="AI11352" s="84"/>
      <c r="AM11352" s="84"/>
    </row>
    <row r="11353" spans="35:39" x14ac:dyDescent="0.35">
      <c r="AI11353" s="84"/>
      <c r="AM11353" s="84"/>
    </row>
    <row r="11354" spans="35:39" x14ac:dyDescent="0.35">
      <c r="AI11354" s="84"/>
      <c r="AM11354" s="84"/>
    </row>
    <row r="11355" spans="35:39" x14ac:dyDescent="0.35">
      <c r="AI11355" s="84"/>
      <c r="AM11355" s="84"/>
    </row>
    <row r="11356" spans="35:39" x14ac:dyDescent="0.35">
      <c r="AI11356" s="84"/>
      <c r="AM11356" s="84"/>
    </row>
    <row r="11357" spans="35:39" x14ac:dyDescent="0.35">
      <c r="AI11357" s="84"/>
      <c r="AM11357" s="84"/>
    </row>
    <row r="11358" spans="35:39" x14ac:dyDescent="0.35">
      <c r="AI11358" s="84"/>
      <c r="AM11358" s="84"/>
    </row>
    <row r="11359" spans="35:39" x14ac:dyDescent="0.35">
      <c r="AI11359" s="84"/>
      <c r="AM11359" s="84"/>
    </row>
    <row r="11360" spans="35:39" x14ac:dyDescent="0.35">
      <c r="AI11360" s="84"/>
      <c r="AM11360" s="84"/>
    </row>
    <row r="11361" spans="35:39" x14ac:dyDescent="0.35">
      <c r="AI11361" s="84"/>
      <c r="AM11361" s="84"/>
    </row>
    <row r="11362" spans="35:39" x14ac:dyDescent="0.35">
      <c r="AI11362" s="84"/>
      <c r="AM11362" s="84"/>
    </row>
    <row r="11363" spans="35:39" x14ac:dyDescent="0.35">
      <c r="AI11363" s="84"/>
      <c r="AM11363" s="84"/>
    </row>
    <row r="11364" spans="35:39" x14ac:dyDescent="0.35">
      <c r="AI11364" s="84"/>
      <c r="AM11364" s="84"/>
    </row>
    <row r="11365" spans="35:39" x14ac:dyDescent="0.35">
      <c r="AI11365" s="84"/>
      <c r="AM11365" s="84"/>
    </row>
    <row r="11366" spans="35:39" x14ac:dyDescent="0.35">
      <c r="AI11366" s="84"/>
      <c r="AM11366" s="84"/>
    </row>
    <row r="11367" spans="35:39" x14ac:dyDescent="0.35">
      <c r="AI11367" s="84"/>
      <c r="AM11367" s="84"/>
    </row>
    <row r="11368" spans="35:39" x14ac:dyDescent="0.35">
      <c r="AI11368" s="84"/>
      <c r="AM11368" s="84"/>
    </row>
    <row r="11369" spans="35:39" x14ac:dyDescent="0.35">
      <c r="AI11369" s="84"/>
      <c r="AM11369" s="84"/>
    </row>
    <row r="11370" spans="35:39" x14ac:dyDescent="0.35">
      <c r="AI11370" s="84"/>
      <c r="AM11370" s="84"/>
    </row>
    <row r="11371" spans="35:39" x14ac:dyDescent="0.35">
      <c r="AI11371" s="84"/>
      <c r="AM11371" s="84"/>
    </row>
    <row r="11372" spans="35:39" x14ac:dyDescent="0.35">
      <c r="AI11372" s="84"/>
      <c r="AM11372" s="84"/>
    </row>
    <row r="11373" spans="35:39" x14ac:dyDescent="0.35">
      <c r="AI11373" s="84"/>
      <c r="AM11373" s="84"/>
    </row>
    <row r="11374" spans="35:39" x14ac:dyDescent="0.35">
      <c r="AI11374" s="84"/>
      <c r="AM11374" s="84"/>
    </row>
    <row r="11375" spans="35:39" x14ac:dyDescent="0.35">
      <c r="AI11375" s="84"/>
      <c r="AM11375" s="84"/>
    </row>
    <row r="11376" spans="35:39" x14ac:dyDescent="0.35">
      <c r="AI11376" s="84"/>
      <c r="AM11376" s="84"/>
    </row>
    <row r="11377" spans="35:39" x14ac:dyDescent="0.35">
      <c r="AI11377" s="84"/>
      <c r="AM11377" s="84"/>
    </row>
    <row r="11378" spans="35:39" x14ac:dyDescent="0.35">
      <c r="AI11378" s="84"/>
      <c r="AM11378" s="84"/>
    </row>
    <row r="11379" spans="35:39" x14ac:dyDescent="0.35">
      <c r="AI11379" s="84"/>
      <c r="AM11379" s="84"/>
    </row>
    <row r="11380" spans="35:39" x14ac:dyDescent="0.35">
      <c r="AI11380" s="84"/>
      <c r="AM11380" s="84"/>
    </row>
    <row r="11381" spans="35:39" x14ac:dyDescent="0.35">
      <c r="AI11381" s="84"/>
      <c r="AM11381" s="84"/>
    </row>
    <row r="11382" spans="35:39" x14ac:dyDescent="0.35">
      <c r="AI11382" s="84"/>
      <c r="AM11382" s="84"/>
    </row>
    <row r="11383" spans="35:39" x14ac:dyDescent="0.35">
      <c r="AI11383" s="84"/>
      <c r="AM11383" s="84"/>
    </row>
    <row r="11384" spans="35:39" x14ac:dyDescent="0.35">
      <c r="AI11384" s="84"/>
      <c r="AM11384" s="84"/>
    </row>
    <row r="11385" spans="35:39" x14ac:dyDescent="0.35">
      <c r="AI11385" s="84"/>
      <c r="AM11385" s="84"/>
    </row>
    <row r="11386" spans="35:39" x14ac:dyDescent="0.35">
      <c r="AI11386" s="84"/>
      <c r="AM11386" s="84"/>
    </row>
    <row r="11387" spans="35:39" x14ac:dyDescent="0.35">
      <c r="AI11387" s="84"/>
      <c r="AM11387" s="84"/>
    </row>
    <row r="11388" spans="35:39" x14ac:dyDescent="0.35">
      <c r="AI11388" s="84"/>
      <c r="AM11388" s="84"/>
    </row>
    <row r="11389" spans="35:39" x14ac:dyDescent="0.35">
      <c r="AI11389" s="84"/>
      <c r="AM11389" s="84"/>
    </row>
    <row r="11390" spans="35:39" x14ac:dyDescent="0.35">
      <c r="AI11390" s="84"/>
      <c r="AM11390" s="84"/>
    </row>
    <row r="11391" spans="35:39" x14ac:dyDescent="0.35">
      <c r="AI11391" s="84"/>
      <c r="AM11391" s="84"/>
    </row>
    <row r="11392" spans="35:39" x14ac:dyDescent="0.35">
      <c r="AI11392" s="84"/>
      <c r="AM11392" s="84"/>
    </row>
    <row r="11393" spans="35:39" x14ac:dyDescent="0.35">
      <c r="AI11393" s="84"/>
      <c r="AM11393" s="84"/>
    </row>
    <row r="11394" spans="35:39" x14ac:dyDescent="0.35">
      <c r="AI11394" s="84"/>
      <c r="AM11394" s="84"/>
    </row>
    <row r="11395" spans="35:39" x14ac:dyDescent="0.35">
      <c r="AI11395" s="84"/>
      <c r="AM11395" s="84"/>
    </row>
    <row r="11396" spans="35:39" x14ac:dyDescent="0.35">
      <c r="AI11396" s="84"/>
      <c r="AM11396" s="84"/>
    </row>
    <row r="11397" spans="35:39" x14ac:dyDescent="0.35">
      <c r="AI11397" s="84"/>
      <c r="AM11397" s="84"/>
    </row>
    <row r="11398" spans="35:39" x14ac:dyDescent="0.35">
      <c r="AI11398" s="84"/>
      <c r="AM11398" s="84"/>
    </row>
    <row r="11399" spans="35:39" x14ac:dyDescent="0.35">
      <c r="AI11399" s="84"/>
      <c r="AM11399" s="84"/>
    </row>
    <row r="11400" spans="35:39" x14ac:dyDescent="0.35">
      <c r="AI11400" s="84"/>
      <c r="AM11400" s="84"/>
    </row>
    <row r="11401" spans="35:39" x14ac:dyDescent="0.35">
      <c r="AI11401" s="84"/>
      <c r="AM11401" s="84"/>
    </row>
    <row r="11402" spans="35:39" x14ac:dyDescent="0.35">
      <c r="AI11402" s="84"/>
      <c r="AM11402" s="84"/>
    </row>
    <row r="11403" spans="35:39" x14ac:dyDescent="0.35">
      <c r="AI11403" s="84"/>
      <c r="AM11403" s="84"/>
    </row>
    <row r="11404" spans="35:39" x14ac:dyDescent="0.35">
      <c r="AI11404" s="84"/>
      <c r="AM11404" s="84"/>
    </row>
    <row r="11405" spans="35:39" x14ac:dyDescent="0.35">
      <c r="AI11405" s="84"/>
      <c r="AM11405" s="84"/>
    </row>
    <row r="11406" spans="35:39" x14ac:dyDescent="0.35">
      <c r="AI11406" s="84"/>
      <c r="AM11406" s="84"/>
    </row>
    <row r="11407" spans="35:39" x14ac:dyDescent="0.35">
      <c r="AI11407" s="84"/>
      <c r="AM11407" s="84"/>
    </row>
    <row r="11408" spans="35:39" x14ac:dyDescent="0.35">
      <c r="AI11408" s="84"/>
      <c r="AM11408" s="84"/>
    </row>
    <row r="11409" spans="35:39" x14ac:dyDescent="0.35">
      <c r="AI11409" s="84"/>
      <c r="AM11409" s="84"/>
    </row>
    <row r="11410" spans="35:39" x14ac:dyDescent="0.35">
      <c r="AI11410" s="84"/>
      <c r="AM11410" s="84"/>
    </row>
    <row r="11411" spans="35:39" x14ac:dyDescent="0.35">
      <c r="AI11411" s="84"/>
      <c r="AM11411" s="84"/>
    </row>
    <row r="11412" spans="35:39" x14ac:dyDescent="0.35">
      <c r="AI11412" s="84"/>
      <c r="AM11412" s="84"/>
    </row>
    <row r="11413" spans="35:39" x14ac:dyDescent="0.35">
      <c r="AI11413" s="84"/>
      <c r="AM11413" s="84"/>
    </row>
    <row r="11414" spans="35:39" x14ac:dyDescent="0.35">
      <c r="AI11414" s="84"/>
      <c r="AM11414" s="84"/>
    </row>
    <row r="11415" spans="35:39" x14ac:dyDescent="0.35">
      <c r="AI11415" s="84"/>
      <c r="AM11415" s="84"/>
    </row>
    <row r="11416" spans="35:39" x14ac:dyDescent="0.35">
      <c r="AI11416" s="84"/>
      <c r="AM11416" s="84"/>
    </row>
    <row r="11417" spans="35:39" x14ac:dyDescent="0.35">
      <c r="AI11417" s="84"/>
      <c r="AM11417" s="84"/>
    </row>
    <row r="11418" spans="35:39" x14ac:dyDescent="0.35">
      <c r="AI11418" s="84"/>
      <c r="AM11418" s="84"/>
    </row>
    <row r="11419" spans="35:39" x14ac:dyDescent="0.35">
      <c r="AI11419" s="84"/>
      <c r="AM11419" s="84"/>
    </row>
    <row r="11420" spans="35:39" x14ac:dyDescent="0.35">
      <c r="AI11420" s="84"/>
      <c r="AM11420" s="84"/>
    </row>
    <row r="11421" spans="35:39" x14ac:dyDescent="0.35">
      <c r="AI11421" s="84"/>
      <c r="AM11421" s="84"/>
    </row>
    <row r="11422" spans="35:39" x14ac:dyDescent="0.35">
      <c r="AI11422" s="84"/>
      <c r="AM11422" s="84"/>
    </row>
    <row r="11423" spans="35:39" x14ac:dyDescent="0.35">
      <c r="AI11423" s="84"/>
      <c r="AM11423" s="84"/>
    </row>
    <row r="11424" spans="35:39" x14ac:dyDescent="0.35">
      <c r="AI11424" s="84"/>
      <c r="AM11424" s="84"/>
    </row>
    <row r="11425" spans="35:39" x14ac:dyDescent="0.35">
      <c r="AI11425" s="84"/>
      <c r="AM11425" s="84"/>
    </row>
    <row r="11426" spans="35:39" x14ac:dyDescent="0.35">
      <c r="AI11426" s="84"/>
      <c r="AM11426" s="84"/>
    </row>
    <row r="11427" spans="35:39" x14ac:dyDescent="0.35">
      <c r="AI11427" s="84"/>
      <c r="AM11427" s="84"/>
    </row>
    <row r="11428" spans="35:39" x14ac:dyDescent="0.35">
      <c r="AI11428" s="84"/>
      <c r="AM11428" s="84"/>
    </row>
    <row r="11429" spans="35:39" x14ac:dyDescent="0.35">
      <c r="AI11429" s="84"/>
      <c r="AM11429" s="84"/>
    </row>
    <row r="11430" spans="35:39" x14ac:dyDescent="0.35">
      <c r="AI11430" s="84"/>
      <c r="AM11430" s="84"/>
    </row>
    <row r="11431" spans="35:39" x14ac:dyDescent="0.35">
      <c r="AI11431" s="84"/>
      <c r="AM11431" s="84"/>
    </row>
    <row r="11432" spans="35:39" x14ac:dyDescent="0.35">
      <c r="AI11432" s="84"/>
      <c r="AM11432" s="84"/>
    </row>
    <row r="11433" spans="35:39" x14ac:dyDescent="0.35">
      <c r="AI11433" s="84"/>
      <c r="AM11433" s="84"/>
    </row>
    <row r="11434" spans="35:39" x14ac:dyDescent="0.35">
      <c r="AI11434" s="84"/>
      <c r="AM11434" s="84"/>
    </row>
    <row r="11435" spans="35:39" x14ac:dyDescent="0.35">
      <c r="AI11435" s="84"/>
      <c r="AM11435" s="84"/>
    </row>
    <row r="11436" spans="35:39" x14ac:dyDescent="0.35">
      <c r="AI11436" s="84"/>
      <c r="AM11436" s="84"/>
    </row>
    <row r="11437" spans="35:39" x14ac:dyDescent="0.35">
      <c r="AI11437" s="84"/>
      <c r="AM11437" s="84"/>
    </row>
    <row r="11438" spans="35:39" x14ac:dyDescent="0.35">
      <c r="AI11438" s="84"/>
      <c r="AM11438" s="84"/>
    </row>
    <row r="11439" spans="35:39" x14ac:dyDescent="0.35">
      <c r="AI11439" s="84"/>
      <c r="AM11439" s="84"/>
    </row>
    <row r="11440" spans="35:39" x14ac:dyDescent="0.35">
      <c r="AI11440" s="84"/>
      <c r="AM11440" s="84"/>
    </row>
    <row r="11441" spans="35:39" x14ac:dyDescent="0.35">
      <c r="AI11441" s="84"/>
      <c r="AM11441" s="84"/>
    </row>
    <row r="11442" spans="35:39" x14ac:dyDescent="0.35">
      <c r="AI11442" s="84"/>
      <c r="AM11442" s="84"/>
    </row>
    <row r="11443" spans="35:39" x14ac:dyDescent="0.35">
      <c r="AI11443" s="84"/>
      <c r="AM11443" s="84"/>
    </row>
    <row r="11444" spans="35:39" x14ac:dyDescent="0.35">
      <c r="AI11444" s="84"/>
      <c r="AM11444" s="84"/>
    </row>
    <row r="11445" spans="35:39" x14ac:dyDescent="0.35">
      <c r="AI11445" s="84"/>
      <c r="AM11445" s="84"/>
    </row>
    <row r="11446" spans="35:39" x14ac:dyDescent="0.35">
      <c r="AI11446" s="84"/>
      <c r="AM11446" s="84"/>
    </row>
    <row r="11447" spans="35:39" x14ac:dyDescent="0.35">
      <c r="AI11447" s="84"/>
      <c r="AM11447" s="84"/>
    </row>
    <row r="11448" spans="35:39" x14ac:dyDescent="0.35">
      <c r="AI11448" s="84"/>
      <c r="AM11448" s="84"/>
    </row>
    <row r="11449" spans="35:39" x14ac:dyDescent="0.35">
      <c r="AI11449" s="84"/>
      <c r="AM11449" s="84"/>
    </row>
    <row r="11450" spans="35:39" x14ac:dyDescent="0.35">
      <c r="AI11450" s="84"/>
      <c r="AM11450" s="84"/>
    </row>
    <row r="11451" spans="35:39" x14ac:dyDescent="0.35">
      <c r="AI11451" s="84"/>
      <c r="AM11451" s="84"/>
    </row>
    <row r="11452" spans="35:39" x14ac:dyDescent="0.35">
      <c r="AI11452" s="84"/>
      <c r="AM11452" s="84"/>
    </row>
    <row r="11453" spans="35:39" x14ac:dyDescent="0.35">
      <c r="AI11453" s="84"/>
      <c r="AM11453" s="84"/>
    </row>
    <row r="11454" spans="35:39" x14ac:dyDescent="0.35">
      <c r="AI11454" s="84"/>
      <c r="AM11454" s="84"/>
    </row>
    <row r="11455" spans="35:39" x14ac:dyDescent="0.35">
      <c r="AI11455" s="84"/>
      <c r="AM11455" s="84"/>
    </row>
    <row r="11456" spans="35:39" x14ac:dyDescent="0.35">
      <c r="AI11456" s="84"/>
      <c r="AM11456" s="84"/>
    </row>
    <row r="11457" spans="35:39" x14ac:dyDescent="0.35">
      <c r="AI11457" s="84"/>
      <c r="AM11457" s="84"/>
    </row>
    <row r="11458" spans="35:39" x14ac:dyDescent="0.35">
      <c r="AI11458" s="84"/>
      <c r="AM11458" s="84"/>
    </row>
    <row r="11459" spans="35:39" x14ac:dyDescent="0.35">
      <c r="AI11459" s="84"/>
      <c r="AM11459" s="84"/>
    </row>
    <row r="11460" spans="35:39" x14ac:dyDescent="0.35">
      <c r="AI11460" s="84"/>
      <c r="AM11460" s="84"/>
    </row>
    <row r="11461" spans="35:39" x14ac:dyDescent="0.35">
      <c r="AI11461" s="84"/>
      <c r="AM11461" s="84"/>
    </row>
    <row r="11462" spans="35:39" x14ac:dyDescent="0.35">
      <c r="AI11462" s="84"/>
      <c r="AM11462" s="84"/>
    </row>
    <row r="11463" spans="35:39" x14ac:dyDescent="0.35">
      <c r="AI11463" s="84"/>
      <c r="AM11463" s="84"/>
    </row>
    <row r="11464" spans="35:39" x14ac:dyDescent="0.35">
      <c r="AI11464" s="84"/>
      <c r="AM11464" s="84"/>
    </row>
    <row r="11465" spans="35:39" x14ac:dyDescent="0.35">
      <c r="AI11465" s="84"/>
      <c r="AM11465" s="84"/>
    </row>
    <row r="11466" spans="35:39" x14ac:dyDescent="0.35">
      <c r="AI11466" s="84"/>
      <c r="AM11466" s="84"/>
    </row>
    <row r="11467" spans="35:39" x14ac:dyDescent="0.35">
      <c r="AI11467" s="84"/>
      <c r="AM11467" s="84"/>
    </row>
    <row r="11468" spans="35:39" x14ac:dyDescent="0.35">
      <c r="AI11468" s="84"/>
      <c r="AM11468" s="84"/>
    </row>
    <row r="11469" spans="35:39" x14ac:dyDescent="0.35">
      <c r="AI11469" s="84"/>
      <c r="AM11469" s="84"/>
    </row>
    <row r="11470" spans="35:39" x14ac:dyDescent="0.35">
      <c r="AI11470" s="84"/>
      <c r="AM11470" s="84"/>
    </row>
    <row r="11471" spans="35:39" x14ac:dyDescent="0.35">
      <c r="AI11471" s="84"/>
      <c r="AM11471" s="84"/>
    </row>
    <row r="11472" spans="35:39" x14ac:dyDescent="0.35">
      <c r="AI11472" s="84"/>
      <c r="AM11472" s="84"/>
    </row>
    <row r="11473" spans="35:39" x14ac:dyDescent="0.35">
      <c r="AI11473" s="84"/>
      <c r="AM11473" s="84"/>
    </row>
    <row r="11474" spans="35:39" x14ac:dyDescent="0.35">
      <c r="AI11474" s="84"/>
      <c r="AM11474" s="84"/>
    </row>
    <row r="11475" spans="35:39" x14ac:dyDescent="0.35">
      <c r="AI11475" s="84"/>
      <c r="AM11475" s="84"/>
    </row>
    <row r="11476" spans="35:39" x14ac:dyDescent="0.35">
      <c r="AI11476" s="84"/>
      <c r="AM11476" s="84"/>
    </row>
    <row r="11477" spans="35:39" x14ac:dyDescent="0.35">
      <c r="AI11477" s="84"/>
      <c r="AM11477" s="84"/>
    </row>
    <row r="11478" spans="35:39" x14ac:dyDescent="0.35">
      <c r="AI11478" s="84"/>
      <c r="AM11478" s="84"/>
    </row>
    <row r="11479" spans="35:39" x14ac:dyDescent="0.35">
      <c r="AI11479" s="84"/>
      <c r="AM11479" s="84"/>
    </row>
    <row r="11480" spans="35:39" x14ac:dyDescent="0.35">
      <c r="AI11480" s="84"/>
      <c r="AM11480" s="84"/>
    </row>
    <row r="11481" spans="35:39" x14ac:dyDescent="0.35">
      <c r="AI11481" s="84"/>
      <c r="AM11481" s="84"/>
    </row>
    <row r="11482" spans="35:39" x14ac:dyDescent="0.35">
      <c r="AI11482" s="84"/>
      <c r="AM11482" s="84"/>
    </row>
    <row r="11483" spans="35:39" x14ac:dyDescent="0.35">
      <c r="AI11483" s="84"/>
      <c r="AM11483" s="84"/>
    </row>
    <row r="11484" spans="35:39" x14ac:dyDescent="0.35">
      <c r="AI11484" s="84"/>
      <c r="AM11484" s="84"/>
    </row>
    <row r="11485" spans="35:39" x14ac:dyDescent="0.35">
      <c r="AI11485" s="84"/>
      <c r="AM11485" s="84"/>
    </row>
    <row r="11486" spans="35:39" x14ac:dyDescent="0.35">
      <c r="AI11486" s="84"/>
      <c r="AM11486" s="84"/>
    </row>
    <row r="11487" spans="35:39" x14ac:dyDescent="0.35">
      <c r="AI11487" s="84"/>
      <c r="AM11487" s="84"/>
    </row>
    <row r="11488" spans="35:39" x14ac:dyDescent="0.35">
      <c r="AI11488" s="84"/>
      <c r="AM11488" s="84"/>
    </row>
    <row r="11489" spans="35:39" x14ac:dyDescent="0.35">
      <c r="AI11489" s="84"/>
      <c r="AM11489" s="84"/>
    </row>
    <row r="11490" spans="35:39" x14ac:dyDescent="0.35">
      <c r="AI11490" s="84"/>
      <c r="AM11490" s="84"/>
    </row>
    <row r="11491" spans="35:39" x14ac:dyDescent="0.35">
      <c r="AI11491" s="84"/>
      <c r="AM11491" s="84"/>
    </row>
    <row r="11492" spans="35:39" x14ac:dyDescent="0.35">
      <c r="AI11492" s="84"/>
      <c r="AM11492" s="84"/>
    </row>
    <row r="11493" spans="35:39" x14ac:dyDescent="0.35">
      <c r="AI11493" s="84"/>
      <c r="AM11493" s="84"/>
    </row>
    <row r="11494" spans="35:39" x14ac:dyDescent="0.35">
      <c r="AI11494" s="84"/>
      <c r="AM11494" s="84"/>
    </row>
    <row r="11495" spans="35:39" x14ac:dyDescent="0.35">
      <c r="AI11495" s="84"/>
      <c r="AM11495" s="84"/>
    </row>
    <row r="11496" spans="35:39" x14ac:dyDescent="0.35">
      <c r="AI11496" s="84"/>
      <c r="AM11496" s="84"/>
    </row>
    <row r="11497" spans="35:39" x14ac:dyDescent="0.35">
      <c r="AI11497" s="84"/>
      <c r="AM11497" s="84"/>
    </row>
    <row r="11498" spans="35:39" x14ac:dyDescent="0.35">
      <c r="AI11498" s="84"/>
      <c r="AM11498" s="84"/>
    </row>
    <row r="11499" spans="35:39" x14ac:dyDescent="0.35">
      <c r="AI11499" s="84"/>
      <c r="AM11499" s="84"/>
    </row>
    <row r="11500" spans="35:39" x14ac:dyDescent="0.35">
      <c r="AI11500" s="84"/>
      <c r="AM11500" s="84"/>
    </row>
    <row r="11501" spans="35:39" x14ac:dyDescent="0.35">
      <c r="AI11501" s="84"/>
      <c r="AM11501" s="84"/>
    </row>
    <row r="11502" spans="35:39" x14ac:dyDescent="0.35">
      <c r="AI11502" s="84"/>
      <c r="AM11502" s="84"/>
    </row>
    <row r="11503" spans="35:39" x14ac:dyDescent="0.35">
      <c r="AI11503" s="84"/>
      <c r="AM11503" s="84"/>
    </row>
    <row r="11504" spans="35:39" x14ac:dyDescent="0.35">
      <c r="AI11504" s="84"/>
      <c r="AM11504" s="84"/>
    </row>
    <row r="11505" spans="35:39" x14ac:dyDescent="0.35">
      <c r="AI11505" s="84"/>
      <c r="AM11505" s="84"/>
    </row>
    <row r="11506" spans="35:39" x14ac:dyDescent="0.35">
      <c r="AI11506" s="84"/>
      <c r="AM11506" s="84"/>
    </row>
    <row r="11507" spans="35:39" x14ac:dyDescent="0.35">
      <c r="AI11507" s="84"/>
      <c r="AM11507" s="84"/>
    </row>
    <row r="11508" spans="35:39" x14ac:dyDescent="0.35">
      <c r="AI11508" s="84"/>
      <c r="AM11508" s="84"/>
    </row>
    <row r="11509" spans="35:39" x14ac:dyDescent="0.35">
      <c r="AI11509" s="84"/>
      <c r="AM11509" s="84"/>
    </row>
    <row r="11510" spans="35:39" x14ac:dyDescent="0.35">
      <c r="AI11510" s="84"/>
      <c r="AM11510" s="84"/>
    </row>
    <row r="11511" spans="35:39" x14ac:dyDescent="0.35">
      <c r="AI11511" s="84"/>
      <c r="AM11511" s="84"/>
    </row>
    <row r="11512" spans="35:39" x14ac:dyDescent="0.35">
      <c r="AI11512" s="84"/>
      <c r="AM11512" s="84"/>
    </row>
    <row r="11513" spans="35:39" x14ac:dyDescent="0.35">
      <c r="AI11513" s="84"/>
      <c r="AM11513" s="84"/>
    </row>
    <row r="11514" spans="35:39" x14ac:dyDescent="0.35">
      <c r="AI11514" s="84"/>
      <c r="AM11514" s="84"/>
    </row>
    <row r="11515" spans="35:39" x14ac:dyDescent="0.35">
      <c r="AI11515" s="84"/>
      <c r="AM11515" s="84"/>
    </row>
    <row r="11516" spans="35:39" x14ac:dyDescent="0.35">
      <c r="AI11516" s="84"/>
      <c r="AM11516" s="84"/>
    </row>
    <row r="11517" spans="35:39" x14ac:dyDescent="0.35">
      <c r="AI11517" s="84"/>
      <c r="AM11517" s="84"/>
    </row>
    <row r="11518" spans="35:39" x14ac:dyDescent="0.35">
      <c r="AI11518" s="84"/>
      <c r="AM11518" s="84"/>
    </row>
    <row r="11519" spans="35:39" x14ac:dyDescent="0.35">
      <c r="AI11519" s="84"/>
      <c r="AM11519" s="84"/>
    </row>
    <row r="11520" spans="35:39" x14ac:dyDescent="0.35">
      <c r="AI11520" s="84"/>
      <c r="AM11520" s="84"/>
    </row>
    <row r="11521" spans="35:39" x14ac:dyDescent="0.35">
      <c r="AI11521" s="84"/>
      <c r="AM11521" s="84"/>
    </row>
    <row r="11522" spans="35:39" x14ac:dyDescent="0.35">
      <c r="AI11522" s="84"/>
      <c r="AM11522" s="84"/>
    </row>
    <row r="11523" spans="35:39" x14ac:dyDescent="0.35">
      <c r="AI11523" s="84"/>
      <c r="AM11523" s="84"/>
    </row>
    <row r="11524" spans="35:39" x14ac:dyDescent="0.35">
      <c r="AI11524" s="84"/>
      <c r="AM11524" s="84"/>
    </row>
    <row r="11525" spans="35:39" x14ac:dyDescent="0.35">
      <c r="AI11525" s="84"/>
      <c r="AM11525" s="84"/>
    </row>
    <row r="11526" spans="35:39" x14ac:dyDescent="0.35">
      <c r="AI11526" s="84"/>
      <c r="AM11526" s="84"/>
    </row>
    <row r="11527" spans="35:39" x14ac:dyDescent="0.35">
      <c r="AI11527" s="84"/>
      <c r="AM11527" s="84"/>
    </row>
    <row r="11528" spans="35:39" x14ac:dyDescent="0.35">
      <c r="AI11528" s="84"/>
      <c r="AM11528" s="84"/>
    </row>
    <row r="11529" spans="35:39" x14ac:dyDescent="0.35">
      <c r="AI11529" s="84"/>
      <c r="AM11529" s="84"/>
    </row>
    <row r="11530" spans="35:39" x14ac:dyDescent="0.35">
      <c r="AI11530" s="84"/>
      <c r="AM11530" s="84"/>
    </row>
    <row r="11531" spans="35:39" x14ac:dyDescent="0.35">
      <c r="AI11531" s="84"/>
      <c r="AM11531" s="84"/>
    </row>
    <row r="11532" spans="35:39" x14ac:dyDescent="0.35">
      <c r="AI11532" s="84"/>
      <c r="AM11532" s="84"/>
    </row>
    <row r="11533" spans="35:39" x14ac:dyDescent="0.35">
      <c r="AI11533" s="84"/>
      <c r="AM11533" s="84"/>
    </row>
    <row r="11534" spans="35:39" x14ac:dyDescent="0.35">
      <c r="AI11534" s="84"/>
      <c r="AM11534" s="84"/>
    </row>
    <row r="11535" spans="35:39" x14ac:dyDescent="0.35">
      <c r="AI11535" s="84"/>
      <c r="AM11535" s="84"/>
    </row>
    <row r="11536" spans="35:39" x14ac:dyDescent="0.35">
      <c r="AI11536" s="84"/>
      <c r="AM11536" s="84"/>
    </row>
    <row r="11537" spans="35:39" x14ac:dyDescent="0.35">
      <c r="AI11537" s="84"/>
      <c r="AM11537" s="84"/>
    </row>
    <row r="11538" spans="35:39" x14ac:dyDescent="0.35">
      <c r="AI11538" s="84"/>
      <c r="AM11538" s="84"/>
    </row>
    <row r="11539" spans="35:39" x14ac:dyDescent="0.35">
      <c r="AI11539" s="84"/>
      <c r="AM11539" s="84"/>
    </row>
    <row r="11540" spans="35:39" x14ac:dyDescent="0.35">
      <c r="AI11540" s="84"/>
      <c r="AM11540" s="84"/>
    </row>
    <row r="11541" spans="35:39" x14ac:dyDescent="0.35">
      <c r="AI11541" s="84"/>
      <c r="AM11541" s="84"/>
    </row>
    <row r="11542" spans="35:39" x14ac:dyDescent="0.35">
      <c r="AI11542" s="84"/>
      <c r="AM11542" s="84"/>
    </row>
    <row r="11543" spans="35:39" x14ac:dyDescent="0.35">
      <c r="AI11543" s="84"/>
      <c r="AM11543" s="84"/>
    </row>
    <row r="11544" spans="35:39" x14ac:dyDescent="0.35">
      <c r="AI11544" s="84"/>
      <c r="AM11544" s="84"/>
    </row>
    <row r="11545" spans="35:39" x14ac:dyDescent="0.35">
      <c r="AI11545" s="84"/>
      <c r="AM11545" s="84"/>
    </row>
    <row r="11546" spans="35:39" x14ac:dyDescent="0.35">
      <c r="AI11546" s="84"/>
      <c r="AM11546" s="84"/>
    </row>
    <row r="11547" spans="35:39" x14ac:dyDescent="0.35">
      <c r="AI11547" s="84"/>
      <c r="AM11547" s="84"/>
    </row>
    <row r="11548" spans="35:39" x14ac:dyDescent="0.35">
      <c r="AI11548" s="84"/>
      <c r="AM11548" s="84"/>
    </row>
    <row r="11549" spans="35:39" x14ac:dyDescent="0.35">
      <c r="AI11549" s="84"/>
      <c r="AM11549" s="84"/>
    </row>
    <row r="11550" spans="35:39" x14ac:dyDescent="0.35">
      <c r="AI11550" s="84"/>
      <c r="AM11550" s="84"/>
    </row>
    <row r="11551" spans="35:39" x14ac:dyDescent="0.35">
      <c r="AI11551" s="84"/>
      <c r="AM11551" s="84"/>
    </row>
    <row r="11552" spans="35:39" x14ac:dyDescent="0.35">
      <c r="AI11552" s="84"/>
      <c r="AM11552" s="84"/>
    </row>
    <row r="11553" spans="35:39" x14ac:dyDescent="0.35">
      <c r="AI11553" s="84"/>
      <c r="AM11553" s="84"/>
    </row>
    <row r="11554" spans="35:39" x14ac:dyDescent="0.35">
      <c r="AI11554" s="84"/>
      <c r="AM11554" s="84"/>
    </row>
    <row r="11555" spans="35:39" x14ac:dyDescent="0.35">
      <c r="AI11555" s="84"/>
      <c r="AM11555" s="84"/>
    </row>
    <row r="11556" spans="35:39" x14ac:dyDescent="0.35">
      <c r="AI11556" s="84"/>
      <c r="AM11556" s="84"/>
    </row>
    <row r="11557" spans="35:39" x14ac:dyDescent="0.35">
      <c r="AI11557" s="84"/>
      <c r="AM11557" s="84"/>
    </row>
    <row r="11558" spans="35:39" x14ac:dyDescent="0.35">
      <c r="AI11558" s="84"/>
      <c r="AM11558" s="84"/>
    </row>
    <row r="11559" spans="35:39" x14ac:dyDescent="0.35">
      <c r="AI11559" s="84"/>
      <c r="AM11559" s="84"/>
    </row>
    <row r="11560" spans="35:39" x14ac:dyDescent="0.35">
      <c r="AI11560" s="84"/>
      <c r="AM11560" s="84"/>
    </row>
    <row r="11561" spans="35:39" x14ac:dyDescent="0.35">
      <c r="AI11561" s="84"/>
      <c r="AM11561" s="84"/>
    </row>
    <row r="11562" spans="35:39" x14ac:dyDescent="0.35">
      <c r="AI11562" s="84"/>
      <c r="AM11562" s="84"/>
    </row>
    <row r="11563" spans="35:39" x14ac:dyDescent="0.35">
      <c r="AI11563" s="84"/>
      <c r="AM11563" s="84"/>
    </row>
    <row r="11564" spans="35:39" x14ac:dyDescent="0.35">
      <c r="AI11564" s="84"/>
      <c r="AM11564" s="84"/>
    </row>
    <row r="11565" spans="35:39" x14ac:dyDescent="0.35">
      <c r="AI11565" s="84"/>
      <c r="AM11565" s="84"/>
    </row>
    <row r="11566" spans="35:39" x14ac:dyDescent="0.35">
      <c r="AI11566" s="84"/>
      <c r="AM11566" s="84"/>
    </row>
    <row r="11567" spans="35:39" x14ac:dyDescent="0.35">
      <c r="AI11567" s="84"/>
      <c r="AM11567" s="84"/>
    </row>
    <row r="11568" spans="35:39" x14ac:dyDescent="0.35">
      <c r="AI11568" s="84"/>
      <c r="AM11568" s="84"/>
    </row>
    <row r="11569" spans="35:39" x14ac:dyDescent="0.35">
      <c r="AI11569" s="84"/>
      <c r="AM11569" s="84"/>
    </row>
    <row r="11570" spans="35:39" x14ac:dyDescent="0.35">
      <c r="AI11570" s="84"/>
      <c r="AM11570" s="84"/>
    </row>
    <row r="11571" spans="35:39" x14ac:dyDescent="0.35">
      <c r="AI11571" s="84"/>
      <c r="AM11571" s="84"/>
    </row>
    <row r="11572" spans="35:39" x14ac:dyDescent="0.35">
      <c r="AI11572" s="84"/>
      <c r="AM11572" s="84"/>
    </row>
    <row r="11573" spans="35:39" x14ac:dyDescent="0.35">
      <c r="AI11573" s="84"/>
      <c r="AM11573" s="84"/>
    </row>
    <row r="11574" spans="35:39" x14ac:dyDescent="0.35">
      <c r="AI11574" s="84"/>
      <c r="AM11574" s="84"/>
    </row>
    <row r="11575" spans="35:39" x14ac:dyDescent="0.35">
      <c r="AI11575" s="84"/>
      <c r="AM11575" s="84"/>
    </row>
    <row r="11576" spans="35:39" x14ac:dyDescent="0.35">
      <c r="AI11576" s="84"/>
      <c r="AM11576" s="84"/>
    </row>
    <row r="11577" spans="35:39" x14ac:dyDescent="0.35">
      <c r="AI11577" s="84"/>
      <c r="AM11577" s="84"/>
    </row>
    <row r="11578" spans="35:39" x14ac:dyDescent="0.35">
      <c r="AI11578" s="84"/>
      <c r="AM11578" s="84"/>
    </row>
    <row r="11579" spans="35:39" x14ac:dyDescent="0.35">
      <c r="AI11579" s="84"/>
      <c r="AM11579" s="84"/>
    </row>
    <row r="11580" spans="35:39" x14ac:dyDescent="0.35">
      <c r="AI11580" s="84"/>
      <c r="AM11580" s="84"/>
    </row>
    <row r="11581" spans="35:39" x14ac:dyDescent="0.35">
      <c r="AI11581" s="84"/>
      <c r="AM11581" s="84"/>
    </row>
    <row r="11582" spans="35:39" x14ac:dyDescent="0.35">
      <c r="AI11582" s="84"/>
      <c r="AM11582" s="84"/>
    </row>
    <row r="11583" spans="35:39" x14ac:dyDescent="0.35">
      <c r="AI11583" s="84"/>
      <c r="AM11583" s="84"/>
    </row>
    <row r="11584" spans="35:39" x14ac:dyDescent="0.35">
      <c r="AI11584" s="84"/>
      <c r="AM11584" s="84"/>
    </row>
    <row r="11585" spans="35:39" x14ac:dyDescent="0.35">
      <c r="AI11585" s="84"/>
      <c r="AM11585" s="84"/>
    </row>
    <row r="11586" spans="35:39" x14ac:dyDescent="0.35">
      <c r="AI11586" s="84"/>
      <c r="AM11586" s="84"/>
    </row>
    <row r="11587" spans="35:39" x14ac:dyDescent="0.35">
      <c r="AI11587" s="84"/>
      <c r="AM11587" s="84"/>
    </row>
    <row r="11588" spans="35:39" x14ac:dyDescent="0.35">
      <c r="AI11588" s="84"/>
      <c r="AM11588" s="84"/>
    </row>
    <row r="11589" spans="35:39" x14ac:dyDescent="0.35">
      <c r="AI11589" s="84"/>
      <c r="AM11589" s="84"/>
    </row>
    <row r="11590" spans="35:39" x14ac:dyDescent="0.35">
      <c r="AI11590" s="84"/>
      <c r="AM11590" s="84"/>
    </row>
    <row r="11591" spans="35:39" x14ac:dyDescent="0.35">
      <c r="AI11591" s="84"/>
      <c r="AM11591" s="84"/>
    </row>
    <row r="11592" spans="35:39" x14ac:dyDescent="0.35">
      <c r="AI11592" s="84"/>
      <c r="AM11592" s="84"/>
    </row>
    <row r="11593" spans="35:39" x14ac:dyDescent="0.35">
      <c r="AI11593" s="84"/>
      <c r="AM11593" s="84"/>
    </row>
    <row r="11594" spans="35:39" x14ac:dyDescent="0.35">
      <c r="AI11594" s="84"/>
      <c r="AM11594" s="84"/>
    </row>
    <row r="11595" spans="35:39" x14ac:dyDescent="0.35">
      <c r="AI11595" s="84"/>
      <c r="AM11595" s="84"/>
    </row>
    <row r="11596" spans="35:39" x14ac:dyDescent="0.35">
      <c r="AI11596" s="84"/>
      <c r="AM11596" s="84"/>
    </row>
    <row r="11597" spans="35:39" x14ac:dyDescent="0.35">
      <c r="AI11597" s="84"/>
      <c r="AM11597" s="84"/>
    </row>
    <row r="11598" spans="35:39" x14ac:dyDescent="0.35">
      <c r="AI11598" s="84"/>
      <c r="AM11598" s="84"/>
    </row>
    <row r="11599" spans="35:39" x14ac:dyDescent="0.35">
      <c r="AI11599" s="84"/>
      <c r="AM11599" s="84"/>
    </row>
    <row r="11600" spans="35:39" x14ac:dyDescent="0.35">
      <c r="AI11600" s="84"/>
      <c r="AM11600" s="84"/>
    </row>
    <row r="11601" spans="35:39" x14ac:dyDescent="0.35">
      <c r="AI11601" s="84"/>
      <c r="AM11601" s="84"/>
    </row>
    <row r="11602" spans="35:39" x14ac:dyDescent="0.35">
      <c r="AI11602" s="84"/>
      <c r="AM11602" s="84"/>
    </row>
    <row r="11603" spans="35:39" x14ac:dyDescent="0.35">
      <c r="AI11603" s="84"/>
      <c r="AM11603" s="84"/>
    </row>
    <row r="11604" spans="35:39" x14ac:dyDescent="0.35">
      <c r="AI11604" s="84"/>
      <c r="AM11604" s="84"/>
    </row>
    <row r="11605" spans="35:39" x14ac:dyDescent="0.35">
      <c r="AI11605" s="84"/>
      <c r="AM11605" s="84"/>
    </row>
    <row r="11606" spans="35:39" x14ac:dyDescent="0.35">
      <c r="AI11606" s="84"/>
      <c r="AM11606" s="84"/>
    </row>
    <row r="11607" spans="35:39" x14ac:dyDescent="0.35">
      <c r="AI11607" s="84"/>
      <c r="AM11607" s="84"/>
    </row>
    <row r="11608" spans="35:39" x14ac:dyDescent="0.35">
      <c r="AI11608" s="84"/>
      <c r="AM11608" s="84"/>
    </row>
    <row r="11609" spans="35:39" x14ac:dyDescent="0.35">
      <c r="AI11609" s="84"/>
      <c r="AM11609" s="84"/>
    </row>
    <row r="11610" spans="35:39" x14ac:dyDescent="0.35">
      <c r="AI11610" s="84"/>
      <c r="AM11610" s="84"/>
    </row>
    <row r="11611" spans="35:39" x14ac:dyDescent="0.35">
      <c r="AI11611" s="84"/>
      <c r="AM11611" s="84"/>
    </row>
    <row r="11612" spans="35:39" x14ac:dyDescent="0.35">
      <c r="AI11612" s="84"/>
      <c r="AM11612" s="84"/>
    </row>
    <row r="11613" spans="35:39" x14ac:dyDescent="0.35">
      <c r="AI11613" s="84"/>
      <c r="AM11613" s="84"/>
    </row>
    <row r="11614" spans="35:39" x14ac:dyDescent="0.35">
      <c r="AI11614" s="84"/>
      <c r="AM11614" s="84"/>
    </row>
    <row r="11615" spans="35:39" x14ac:dyDescent="0.35">
      <c r="AI11615" s="84"/>
      <c r="AM11615" s="84"/>
    </row>
    <row r="11616" spans="35:39" x14ac:dyDescent="0.35">
      <c r="AI11616" s="84"/>
      <c r="AM11616" s="84"/>
    </row>
    <row r="11617" spans="35:39" x14ac:dyDescent="0.35">
      <c r="AI11617" s="84"/>
      <c r="AM11617" s="84"/>
    </row>
    <row r="11618" spans="35:39" x14ac:dyDescent="0.35">
      <c r="AI11618" s="84"/>
      <c r="AM11618" s="84"/>
    </row>
    <row r="11619" spans="35:39" x14ac:dyDescent="0.35">
      <c r="AI11619" s="84"/>
      <c r="AM11619" s="84"/>
    </row>
    <row r="11620" spans="35:39" x14ac:dyDescent="0.35">
      <c r="AI11620" s="84"/>
      <c r="AM11620" s="84"/>
    </row>
    <row r="11621" spans="35:39" x14ac:dyDescent="0.35">
      <c r="AI11621" s="84"/>
      <c r="AM11621" s="84"/>
    </row>
    <row r="11622" spans="35:39" x14ac:dyDescent="0.35">
      <c r="AI11622" s="84"/>
      <c r="AM11622" s="84"/>
    </row>
    <row r="11623" spans="35:39" x14ac:dyDescent="0.35">
      <c r="AI11623" s="84"/>
      <c r="AM11623" s="84"/>
    </row>
    <row r="11624" spans="35:39" x14ac:dyDescent="0.35">
      <c r="AI11624" s="84"/>
      <c r="AM11624" s="84"/>
    </row>
    <row r="11625" spans="35:39" x14ac:dyDescent="0.35">
      <c r="AI11625" s="84"/>
      <c r="AM11625" s="84"/>
    </row>
    <row r="11626" spans="35:39" x14ac:dyDescent="0.35">
      <c r="AI11626" s="84"/>
      <c r="AM11626" s="84"/>
    </row>
    <row r="11627" spans="35:39" x14ac:dyDescent="0.35">
      <c r="AI11627" s="84"/>
      <c r="AM11627" s="84"/>
    </row>
    <row r="11628" spans="35:39" x14ac:dyDescent="0.35">
      <c r="AI11628" s="84"/>
      <c r="AM11628" s="84"/>
    </row>
    <row r="11629" spans="35:39" x14ac:dyDescent="0.35">
      <c r="AI11629" s="84"/>
      <c r="AM11629" s="84"/>
    </row>
    <row r="11630" spans="35:39" x14ac:dyDescent="0.35">
      <c r="AI11630" s="84"/>
      <c r="AM11630" s="84"/>
    </row>
    <row r="11631" spans="35:39" x14ac:dyDescent="0.35">
      <c r="AI11631" s="84"/>
      <c r="AM11631" s="84"/>
    </row>
    <row r="11632" spans="35:39" x14ac:dyDescent="0.35">
      <c r="AI11632" s="84"/>
      <c r="AM11632" s="84"/>
    </row>
    <row r="11633" spans="35:39" x14ac:dyDescent="0.35">
      <c r="AI11633" s="84"/>
      <c r="AM11633" s="84"/>
    </row>
    <row r="11634" spans="35:39" x14ac:dyDescent="0.35">
      <c r="AI11634" s="84"/>
      <c r="AM11634" s="84"/>
    </row>
    <row r="11635" spans="35:39" x14ac:dyDescent="0.35">
      <c r="AI11635" s="84"/>
      <c r="AM11635" s="84"/>
    </row>
    <row r="11636" spans="35:39" x14ac:dyDescent="0.35">
      <c r="AI11636" s="84"/>
      <c r="AM11636" s="84"/>
    </row>
    <row r="11637" spans="35:39" x14ac:dyDescent="0.35">
      <c r="AI11637" s="84"/>
      <c r="AM11637" s="84"/>
    </row>
    <row r="11638" spans="35:39" x14ac:dyDescent="0.35">
      <c r="AI11638" s="84"/>
      <c r="AM11638" s="84"/>
    </row>
    <row r="11639" spans="35:39" x14ac:dyDescent="0.35">
      <c r="AI11639" s="84"/>
      <c r="AM11639" s="84"/>
    </row>
    <row r="11640" spans="35:39" x14ac:dyDescent="0.35">
      <c r="AI11640" s="84"/>
      <c r="AM11640" s="84"/>
    </row>
    <row r="11641" spans="35:39" x14ac:dyDescent="0.35">
      <c r="AI11641" s="84"/>
      <c r="AM11641" s="84"/>
    </row>
    <row r="11642" spans="35:39" x14ac:dyDescent="0.35">
      <c r="AI11642" s="84"/>
      <c r="AM11642" s="84"/>
    </row>
    <row r="11643" spans="35:39" x14ac:dyDescent="0.35">
      <c r="AI11643" s="84"/>
      <c r="AM11643" s="84"/>
    </row>
    <row r="11644" spans="35:39" x14ac:dyDescent="0.35">
      <c r="AI11644" s="84"/>
      <c r="AM11644" s="84"/>
    </row>
    <row r="11645" spans="35:39" x14ac:dyDescent="0.35">
      <c r="AI11645" s="84"/>
      <c r="AM11645" s="84"/>
    </row>
    <row r="11646" spans="35:39" x14ac:dyDescent="0.35">
      <c r="AI11646" s="84"/>
      <c r="AM11646" s="84"/>
    </row>
    <row r="11647" spans="35:39" x14ac:dyDescent="0.35">
      <c r="AI11647" s="84"/>
      <c r="AM11647" s="84"/>
    </row>
    <row r="11648" spans="35:39" x14ac:dyDescent="0.35">
      <c r="AI11648" s="84"/>
      <c r="AM11648" s="84"/>
    </row>
    <row r="11649" spans="35:39" x14ac:dyDescent="0.35">
      <c r="AI11649" s="84"/>
      <c r="AM11649" s="84"/>
    </row>
    <row r="11650" spans="35:39" x14ac:dyDescent="0.35">
      <c r="AI11650" s="84"/>
      <c r="AM11650" s="84"/>
    </row>
    <row r="11651" spans="35:39" x14ac:dyDescent="0.35">
      <c r="AI11651" s="84"/>
      <c r="AM11651" s="84"/>
    </row>
    <row r="11652" spans="35:39" x14ac:dyDescent="0.35">
      <c r="AI11652" s="84"/>
      <c r="AM11652" s="84"/>
    </row>
    <row r="11653" spans="35:39" x14ac:dyDescent="0.35">
      <c r="AI11653" s="84"/>
      <c r="AM11653" s="84"/>
    </row>
    <row r="11654" spans="35:39" x14ac:dyDescent="0.35">
      <c r="AI11654" s="84"/>
      <c r="AM11654" s="84"/>
    </row>
    <row r="11655" spans="35:39" x14ac:dyDescent="0.35">
      <c r="AI11655" s="84"/>
      <c r="AM11655" s="84"/>
    </row>
    <row r="11656" spans="35:39" x14ac:dyDescent="0.35">
      <c r="AI11656" s="84"/>
      <c r="AM11656" s="84"/>
    </row>
    <row r="11657" spans="35:39" x14ac:dyDescent="0.35">
      <c r="AI11657" s="84"/>
      <c r="AM11657" s="84"/>
    </row>
    <row r="11658" spans="35:39" x14ac:dyDescent="0.35">
      <c r="AI11658" s="84"/>
      <c r="AM11658" s="84"/>
    </row>
    <row r="11659" spans="35:39" x14ac:dyDescent="0.35">
      <c r="AI11659" s="84"/>
      <c r="AM11659" s="84"/>
    </row>
    <row r="11660" spans="35:39" x14ac:dyDescent="0.35">
      <c r="AI11660" s="84"/>
      <c r="AM11660" s="84"/>
    </row>
    <row r="11661" spans="35:39" x14ac:dyDescent="0.35">
      <c r="AI11661" s="84"/>
      <c r="AM11661" s="84"/>
    </row>
    <row r="11662" spans="35:39" x14ac:dyDescent="0.35">
      <c r="AI11662" s="84"/>
      <c r="AM11662" s="84"/>
    </row>
    <row r="11663" spans="35:39" x14ac:dyDescent="0.35">
      <c r="AI11663" s="84"/>
      <c r="AM11663" s="84"/>
    </row>
    <row r="11664" spans="35:39" x14ac:dyDescent="0.35">
      <c r="AI11664" s="84"/>
      <c r="AM11664" s="84"/>
    </row>
    <row r="11665" spans="35:39" x14ac:dyDescent="0.35">
      <c r="AI11665" s="84"/>
      <c r="AM11665" s="84"/>
    </row>
    <row r="11666" spans="35:39" x14ac:dyDescent="0.35">
      <c r="AI11666" s="84"/>
      <c r="AM11666" s="84"/>
    </row>
    <row r="11667" spans="35:39" x14ac:dyDescent="0.35">
      <c r="AI11667" s="84"/>
      <c r="AM11667" s="84"/>
    </row>
    <row r="11668" spans="35:39" x14ac:dyDescent="0.35">
      <c r="AI11668" s="84"/>
      <c r="AM11668" s="84"/>
    </row>
    <row r="11669" spans="35:39" x14ac:dyDescent="0.35">
      <c r="AI11669" s="84"/>
      <c r="AM11669" s="84"/>
    </row>
    <row r="11670" spans="35:39" x14ac:dyDescent="0.35">
      <c r="AI11670" s="84"/>
      <c r="AM11670" s="84"/>
    </row>
    <row r="11671" spans="35:39" x14ac:dyDescent="0.35">
      <c r="AI11671" s="84"/>
      <c r="AM11671" s="84"/>
    </row>
    <row r="11672" spans="35:39" x14ac:dyDescent="0.35">
      <c r="AI11672" s="84"/>
      <c r="AM11672" s="84"/>
    </row>
    <row r="11673" spans="35:39" x14ac:dyDescent="0.35">
      <c r="AI11673" s="84"/>
      <c r="AM11673" s="84"/>
    </row>
    <row r="11674" spans="35:39" x14ac:dyDescent="0.35">
      <c r="AI11674" s="84"/>
      <c r="AM11674" s="84"/>
    </row>
    <row r="11675" spans="35:39" x14ac:dyDescent="0.35">
      <c r="AI11675" s="84"/>
      <c r="AM11675" s="84"/>
    </row>
    <row r="11676" spans="35:39" x14ac:dyDescent="0.35">
      <c r="AI11676" s="84"/>
      <c r="AM11676" s="84"/>
    </row>
    <row r="11677" spans="35:39" x14ac:dyDescent="0.35">
      <c r="AI11677" s="84"/>
      <c r="AM11677" s="84"/>
    </row>
    <row r="11678" spans="35:39" x14ac:dyDescent="0.35">
      <c r="AI11678" s="84"/>
      <c r="AM11678" s="84"/>
    </row>
    <row r="11679" spans="35:39" x14ac:dyDescent="0.35">
      <c r="AI11679" s="84"/>
      <c r="AM11679" s="84"/>
    </row>
    <row r="11680" spans="35:39" x14ac:dyDescent="0.35">
      <c r="AI11680" s="84"/>
      <c r="AM11680" s="84"/>
    </row>
    <row r="11681" spans="35:39" x14ac:dyDescent="0.35">
      <c r="AI11681" s="84"/>
      <c r="AM11681" s="84"/>
    </row>
    <row r="11682" spans="35:39" x14ac:dyDescent="0.35">
      <c r="AI11682" s="84"/>
      <c r="AM11682" s="84"/>
    </row>
    <row r="11683" spans="35:39" x14ac:dyDescent="0.35">
      <c r="AI11683" s="84"/>
      <c r="AM11683" s="84"/>
    </row>
    <row r="11684" spans="35:39" x14ac:dyDescent="0.35">
      <c r="AI11684" s="84"/>
      <c r="AM11684" s="84"/>
    </row>
    <row r="11685" spans="35:39" x14ac:dyDescent="0.35">
      <c r="AI11685" s="84"/>
      <c r="AM11685" s="84"/>
    </row>
    <row r="11686" spans="35:39" x14ac:dyDescent="0.35">
      <c r="AI11686" s="84"/>
      <c r="AM11686" s="84"/>
    </row>
    <row r="11687" spans="35:39" x14ac:dyDescent="0.35">
      <c r="AI11687" s="84"/>
      <c r="AM11687" s="84"/>
    </row>
    <row r="11688" spans="35:39" x14ac:dyDescent="0.35">
      <c r="AI11688" s="84"/>
      <c r="AM11688" s="84"/>
    </row>
    <row r="11689" spans="35:39" x14ac:dyDescent="0.35">
      <c r="AI11689" s="84"/>
      <c r="AM11689" s="84"/>
    </row>
    <row r="11690" spans="35:39" x14ac:dyDescent="0.35">
      <c r="AI11690" s="84"/>
      <c r="AM11690" s="84"/>
    </row>
    <row r="11691" spans="35:39" x14ac:dyDescent="0.35">
      <c r="AI11691" s="84"/>
      <c r="AM11691" s="84"/>
    </row>
    <row r="11692" spans="35:39" x14ac:dyDescent="0.35">
      <c r="AI11692" s="84"/>
      <c r="AM11692" s="84"/>
    </row>
    <row r="11693" spans="35:39" x14ac:dyDescent="0.35">
      <c r="AI11693" s="84"/>
      <c r="AM11693" s="84"/>
    </row>
    <row r="11694" spans="35:39" x14ac:dyDescent="0.35">
      <c r="AI11694" s="84"/>
      <c r="AM11694" s="84"/>
    </row>
    <row r="11695" spans="35:39" x14ac:dyDescent="0.35">
      <c r="AI11695" s="84"/>
      <c r="AM11695" s="84"/>
    </row>
    <row r="11696" spans="35:39" x14ac:dyDescent="0.35">
      <c r="AI11696" s="84"/>
      <c r="AM11696" s="84"/>
    </row>
    <row r="11697" spans="35:39" x14ac:dyDescent="0.35">
      <c r="AI11697" s="84"/>
      <c r="AM11697" s="84"/>
    </row>
    <row r="11698" spans="35:39" x14ac:dyDescent="0.35">
      <c r="AI11698" s="84"/>
      <c r="AM11698" s="84"/>
    </row>
    <row r="11699" spans="35:39" x14ac:dyDescent="0.35">
      <c r="AI11699" s="84"/>
      <c r="AM11699" s="84"/>
    </row>
    <row r="11700" spans="35:39" x14ac:dyDescent="0.35">
      <c r="AI11700" s="84"/>
      <c r="AM11700" s="84"/>
    </row>
    <row r="11701" spans="35:39" x14ac:dyDescent="0.35">
      <c r="AI11701" s="84"/>
      <c r="AM11701" s="84"/>
    </row>
    <row r="11702" spans="35:39" x14ac:dyDescent="0.35">
      <c r="AI11702" s="84"/>
      <c r="AM11702" s="84"/>
    </row>
    <row r="11703" spans="35:39" x14ac:dyDescent="0.35">
      <c r="AI11703" s="84"/>
      <c r="AM11703" s="84"/>
    </row>
    <row r="11704" spans="35:39" x14ac:dyDescent="0.35">
      <c r="AI11704" s="84"/>
      <c r="AM11704" s="84"/>
    </row>
    <row r="11705" spans="35:39" x14ac:dyDescent="0.35">
      <c r="AI11705" s="84"/>
      <c r="AM11705" s="84"/>
    </row>
    <row r="11706" spans="35:39" x14ac:dyDescent="0.35">
      <c r="AI11706" s="84"/>
      <c r="AM11706" s="84"/>
    </row>
    <row r="11707" spans="35:39" x14ac:dyDescent="0.35">
      <c r="AI11707" s="84"/>
      <c r="AM11707" s="84"/>
    </row>
    <row r="11708" spans="35:39" x14ac:dyDescent="0.35">
      <c r="AI11708" s="84"/>
      <c r="AM11708" s="84"/>
    </row>
    <row r="11709" spans="35:39" x14ac:dyDescent="0.35">
      <c r="AI11709" s="84"/>
      <c r="AM11709" s="84"/>
    </row>
    <row r="11710" spans="35:39" x14ac:dyDescent="0.35">
      <c r="AI11710" s="84"/>
      <c r="AM11710" s="84"/>
    </row>
    <row r="11711" spans="35:39" x14ac:dyDescent="0.35">
      <c r="AI11711" s="84"/>
      <c r="AM11711" s="84"/>
    </row>
    <row r="11712" spans="35:39" x14ac:dyDescent="0.35">
      <c r="AI11712" s="84"/>
      <c r="AM11712" s="84"/>
    </row>
    <row r="11713" spans="35:39" x14ac:dyDescent="0.35">
      <c r="AI11713" s="84"/>
      <c r="AM11713" s="84"/>
    </row>
    <row r="11714" spans="35:39" x14ac:dyDescent="0.35">
      <c r="AI11714" s="84"/>
      <c r="AM11714" s="84"/>
    </row>
    <row r="11715" spans="35:39" x14ac:dyDescent="0.35">
      <c r="AI11715" s="84"/>
      <c r="AM11715" s="84"/>
    </row>
    <row r="11716" spans="35:39" x14ac:dyDescent="0.35">
      <c r="AI11716" s="84"/>
      <c r="AM11716" s="84"/>
    </row>
    <row r="11717" spans="35:39" x14ac:dyDescent="0.35">
      <c r="AI11717" s="84"/>
      <c r="AM11717" s="84"/>
    </row>
    <row r="11718" spans="35:39" x14ac:dyDescent="0.35">
      <c r="AI11718" s="84"/>
      <c r="AM11718" s="84"/>
    </row>
    <row r="11719" spans="35:39" x14ac:dyDescent="0.35">
      <c r="AI11719" s="84"/>
      <c r="AM11719" s="84"/>
    </row>
    <row r="11720" spans="35:39" x14ac:dyDescent="0.35">
      <c r="AI11720" s="84"/>
      <c r="AM11720" s="84"/>
    </row>
    <row r="11721" spans="35:39" x14ac:dyDescent="0.35">
      <c r="AI11721" s="84"/>
      <c r="AM11721" s="84"/>
    </row>
    <row r="11722" spans="35:39" x14ac:dyDescent="0.35">
      <c r="AI11722" s="84"/>
      <c r="AM11722" s="84"/>
    </row>
    <row r="11723" spans="35:39" x14ac:dyDescent="0.35">
      <c r="AI11723" s="84"/>
      <c r="AM11723" s="84"/>
    </row>
    <row r="11724" spans="35:39" x14ac:dyDescent="0.35">
      <c r="AI11724" s="84"/>
      <c r="AM11724" s="84"/>
    </row>
    <row r="11725" spans="35:39" x14ac:dyDescent="0.35">
      <c r="AI11725" s="84"/>
      <c r="AM11725" s="84"/>
    </row>
    <row r="11726" spans="35:39" x14ac:dyDescent="0.35">
      <c r="AI11726" s="84"/>
      <c r="AM11726" s="84"/>
    </row>
    <row r="11727" spans="35:39" x14ac:dyDescent="0.35">
      <c r="AI11727" s="84"/>
      <c r="AM11727" s="84"/>
    </row>
    <row r="11728" spans="35:39" x14ac:dyDescent="0.35">
      <c r="AI11728" s="84"/>
      <c r="AM11728" s="84"/>
    </row>
    <row r="11729" spans="35:39" x14ac:dyDescent="0.35">
      <c r="AI11729" s="84"/>
      <c r="AM11729" s="84"/>
    </row>
    <row r="11730" spans="35:39" x14ac:dyDescent="0.35">
      <c r="AI11730" s="84"/>
      <c r="AM11730" s="84"/>
    </row>
    <row r="11731" spans="35:39" x14ac:dyDescent="0.35">
      <c r="AI11731" s="84"/>
      <c r="AM11731" s="84"/>
    </row>
    <row r="11732" spans="35:39" x14ac:dyDescent="0.35">
      <c r="AI11732" s="84"/>
      <c r="AM11732" s="84"/>
    </row>
    <row r="11733" spans="35:39" x14ac:dyDescent="0.35">
      <c r="AI11733" s="84"/>
      <c r="AM11733" s="84"/>
    </row>
    <row r="11734" spans="35:39" x14ac:dyDescent="0.35">
      <c r="AI11734" s="84"/>
      <c r="AM11734" s="84"/>
    </row>
    <row r="11735" spans="35:39" x14ac:dyDescent="0.35">
      <c r="AI11735" s="84"/>
      <c r="AM11735" s="84"/>
    </row>
    <row r="11736" spans="35:39" x14ac:dyDescent="0.35">
      <c r="AI11736" s="84"/>
      <c r="AM11736" s="84"/>
    </row>
    <row r="11737" spans="35:39" x14ac:dyDescent="0.35">
      <c r="AI11737" s="84"/>
      <c r="AM11737" s="84"/>
    </row>
    <row r="11738" spans="35:39" x14ac:dyDescent="0.35">
      <c r="AI11738" s="84"/>
      <c r="AM11738" s="84"/>
    </row>
    <row r="11739" spans="35:39" x14ac:dyDescent="0.35">
      <c r="AI11739" s="84"/>
      <c r="AM11739" s="84"/>
    </row>
    <row r="11740" spans="35:39" x14ac:dyDescent="0.35">
      <c r="AI11740" s="84"/>
      <c r="AM11740" s="84"/>
    </row>
    <row r="11741" spans="35:39" x14ac:dyDescent="0.35">
      <c r="AI11741" s="84"/>
      <c r="AM11741" s="84"/>
    </row>
    <row r="11742" spans="35:39" x14ac:dyDescent="0.35">
      <c r="AI11742" s="84"/>
      <c r="AM11742" s="84"/>
    </row>
    <row r="11743" spans="35:39" x14ac:dyDescent="0.35">
      <c r="AI11743" s="84"/>
      <c r="AM11743" s="84"/>
    </row>
    <row r="11744" spans="35:39" x14ac:dyDescent="0.35">
      <c r="AI11744" s="84"/>
      <c r="AM11744" s="84"/>
    </row>
    <row r="11745" spans="35:39" x14ac:dyDescent="0.35">
      <c r="AI11745" s="84"/>
      <c r="AM11745" s="84"/>
    </row>
    <row r="11746" spans="35:39" x14ac:dyDescent="0.35">
      <c r="AI11746" s="84"/>
      <c r="AM11746" s="84"/>
    </row>
    <row r="11747" spans="35:39" x14ac:dyDescent="0.35">
      <c r="AI11747" s="84"/>
      <c r="AM11747" s="84"/>
    </row>
    <row r="11748" spans="35:39" x14ac:dyDescent="0.35">
      <c r="AI11748" s="84"/>
      <c r="AM11748" s="84"/>
    </row>
    <row r="11749" spans="35:39" x14ac:dyDescent="0.35">
      <c r="AI11749" s="84"/>
      <c r="AM11749" s="84"/>
    </row>
    <row r="11750" spans="35:39" x14ac:dyDescent="0.35">
      <c r="AI11750" s="84"/>
      <c r="AM11750" s="84"/>
    </row>
    <row r="11751" spans="35:39" x14ac:dyDescent="0.35">
      <c r="AI11751" s="84"/>
      <c r="AM11751" s="84"/>
    </row>
    <row r="11752" spans="35:39" x14ac:dyDescent="0.35">
      <c r="AI11752" s="84"/>
      <c r="AM11752" s="84"/>
    </row>
    <row r="11753" spans="35:39" x14ac:dyDescent="0.35">
      <c r="AI11753" s="84"/>
      <c r="AM11753" s="84"/>
    </row>
    <row r="11754" spans="35:39" x14ac:dyDescent="0.35">
      <c r="AI11754" s="84"/>
      <c r="AM11754" s="84"/>
    </row>
    <row r="11755" spans="35:39" x14ac:dyDescent="0.35">
      <c r="AI11755" s="84"/>
      <c r="AM11755" s="84"/>
    </row>
    <row r="11756" spans="35:39" x14ac:dyDescent="0.35">
      <c r="AI11756" s="84"/>
      <c r="AM11756" s="84"/>
    </row>
    <row r="11757" spans="35:39" x14ac:dyDescent="0.35">
      <c r="AI11757" s="84"/>
      <c r="AM11757" s="84"/>
    </row>
    <row r="11758" spans="35:39" x14ac:dyDescent="0.35">
      <c r="AI11758" s="84"/>
      <c r="AM11758" s="84"/>
    </row>
    <row r="11759" spans="35:39" x14ac:dyDescent="0.35">
      <c r="AI11759" s="84"/>
      <c r="AM11759" s="84"/>
    </row>
    <row r="11760" spans="35:39" x14ac:dyDescent="0.35">
      <c r="AI11760" s="84"/>
      <c r="AM11760" s="84"/>
    </row>
    <row r="11761" spans="35:39" x14ac:dyDescent="0.35">
      <c r="AI11761" s="84"/>
      <c r="AM11761" s="84"/>
    </row>
    <row r="11762" spans="35:39" x14ac:dyDescent="0.35">
      <c r="AI11762" s="84"/>
      <c r="AM11762" s="84"/>
    </row>
    <row r="11763" spans="35:39" x14ac:dyDescent="0.35">
      <c r="AI11763" s="84"/>
      <c r="AM11763" s="84"/>
    </row>
    <row r="11764" spans="35:39" x14ac:dyDescent="0.35">
      <c r="AI11764" s="84"/>
      <c r="AM11764" s="84"/>
    </row>
    <row r="11765" spans="35:39" x14ac:dyDescent="0.35">
      <c r="AI11765" s="84"/>
      <c r="AM11765" s="84"/>
    </row>
    <row r="11766" spans="35:39" x14ac:dyDescent="0.35">
      <c r="AI11766" s="84"/>
      <c r="AM11766" s="84"/>
    </row>
    <row r="11767" spans="35:39" x14ac:dyDescent="0.35">
      <c r="AI11767" s="84"/>
      <c r="AM11767" s="84"/>
    </row>
    <row r="11768" spans="35:39" x14ac:dyDescent="0.35">
      <c r="AI11768" s="84"/>
      <c r="AM11768" s="84"/>
    </row>
    <row r="11769" spans="35:39" x14ac:dyDescent="0.35">
      <c r="AI11769" s="84"/>
      <c r="AM11769" s="84"/>
    </row>
    <row r="11770" spans="35:39" x14ac:dyDescent="0.35">
      <c r="AI11770" s="84"/>
      <c r="AM11770" s="84"/>
    </row>
    <row r="11771" spans="35:39" x14ac:dyDescent="0.35">
      <c r="AI11771" s="84"/>
      <c r="AM11771" s="84"/>
    </row>
    <row r="11772" spans="35:39" x14ac:dyDescent="0.35">
      <c r="AI11772" s="84"/>
      <c r="AM11772" s="84"/>
    </row>
    <row r="11773" spans="35:39" x14ac:dyDescent="0.35">
      <c r="AI11773" s="84"/>
      <c r="AM11773" s="84"/>
    </row>
    <row r="11774" spans="35:39" x14ac:dyDescent="0.35">
      <c r="AI11774" s="84"/>
      <c r="AM11774" s="84"/>
    </row>
    <row r="11775" spans="35:39" x14ac:dyDescent="0.35">
      <c r="AI11775" s="84"/>
      <c r="AM11775" s="84"/>
    </row>
    <row r="11776" spans="35:39" x14ac:dyDescent="0.35">
      <c r="AI11776" s="84"/>
      <c r="AM11776" s="84"/>
    </row>
    <row r="11777" spans="35:39" x14ac:dyDescent="0.35">
      <c r="AI11777" s="84"/>
      <c r="AM11777" s="84"/>
    </row>
    <row r="11778" spans="35:39" x14ac:dyDescent="0.35">
      <c r="AI11778" s="84"/>
      <c r="AM11778" s="84"/>
    </row>
    <row r="11779" spans="35:39" x14ac:dyDescent="0.35">
      <c r="AI11779" s="84"/>
      <c r="AM11779" s="84"/>
    </row>
    <row r="11780" spans="35:39" x14ac:dyDescent="0.35">
      <c r="AI11780" s="84"/>
      <c r="AM11780" s="84"/>
    </row>
    <row r="11781" spans="35:39" x14ac:dyDescent="0.35">
      <c r="AI11781" s="84"/>
      <c r="AM11781" s="84"/>
    </row>
    <row r="11782" spans="35:39" x14ac:dyDescent="0.35">
      <c r="AI11782" s="84"/>
      <c r="AM11782" s="84"/>
    </row>
    <row r="11783" spans="35:39" x14ac:dyDescent="0.35">
      <c r="AI11783" s="84"/>
      <c r="AM11783" s="84"/>
    </row>
    <row r="11784" spans="35:39" x14ac:dyDescent="0.35">
      <c r="AI11784" s="84"/>
      <c r="AM11784" s="84"/>
    </row>
    <row r="11785" spans="35:39" x14ac:dyDescent="0.35">
      <c r="AI11785" s="84"/>
      <c r="AM11785" s="84"/>
    </row>
    <row r="11786" spans="35:39" x14ac:dyDescent="0.35">
      <c r="AI11786" s="84"/>
      <c r="AM11786" s="84"/>
    </row>
    <row r="11787" spans="35:39" x14ac:dyDescent="0.35">
      <c r="AI11787" s="84"/>
      <c r="AM11787" s="84"/>
    </row>
    <row r="11788" spans="35:39" x14ac:dyDescent="0.35">
      <c r="AI11788" s="84"/>
      <c r="AM11788" s="84"/>
    </row>
    <row r="11789" spans="35:39" x14ac:dyDescent="0.35">
      <c r="AI11789" s="84"/>
      <c r="AM11789" s="84"/>
    </row>
    <row r="11790" spans="35:39" x14ac:dyDescent="0.35">
      <c r="AI11790" s="84"/>
      <c r="AM11790" s="84"/>
    </row>
    <row r="11791" spans="35:39" x14ac:dyDescent="0.35">
      <c r="AI11791" s="84"/>
      <c r="AM11791" s="84"/>
    </row>
    <row r="11792" spans="35:39" x14ac:dyDescent="0.35">
      <c r="AI11792" s="84"/>
      <c r="AM11792" s="84"/>
    </row>
    <row r="11793" spans="35:39" x14ac:dyDescent="0.35">
      <c r="AI11793" s="84"/>
      <c r="AM11793" s="84"/>
    </row>
    <row r="11794" spans="35:39" x14ac:dyDescent="0.35">
      <c r="AI11794" s="84"/>
      <c r="AM11794" s="84"/>
    </row>
    <row r="11795" spans="35:39" x14ac:dyDescent="0.35">
      <c r="AI11795" s="84"/>
      <c r="AM11795" s="84"/>
    </row>
    <row r="11796" spans="35:39" x14ac:dyDescent="0.35">
      <c r="AI11796" s="84"/>
      <c r="AM11796" s="84"/>
    </row>
    <row r="11797" spans="35:39" x14ac:dyDescent="0.35">
      <c r="AI11797" s="84"/>
      <c r="AM11797" s="84"/>
    </row>
    <row r="11798" spans="35:39" x14ac:dyDescent="0.35">
      <c r="AI11798" s="84"/>
      <c r="AM11798" s="84"/>
    </row>
    <row r="11799" spans="35:39" x14ac:dyDescent="0.35">
      <c r="AI11799" s="84"/>
      <c r="AM11799" s="84"/>
    </row>
    <row r="11800" spans="35:39" x14ac:dyDescent="0.35">
      <c r="AI11800" s="84"/>
      <c r="AM11800" s="84"/>
    </row>
    <row r="11801" spans="35:39" x14ac:dyDescent="0.35">
      <c r="AI11801" s="84"/>
      <c r="AM11801" s="84"/>
    </row>
    <row r="11802" spans="35:39" x14ac:dyDescent="0.35">
      <c r="AI11802" s="84"/>
      <c r="AM11802" s="84"/>
    </row>
    <row r="11803" spans="35:39" x14ac:dyDescent="0.35">
      <c r="AI11803" s="84"/>
      <c r="AM11803" s="84"/>
    </row>
    <row r="11804" spans="35:39" x14ac:dyDescent="0.35">
      <c r="AI11804" s="84"/>
      <c r="AM11804" s="84"/>
    </row>
    <row r="11805" spans="35:39" x14ac:dyDescent="0.35">
      <c r="AI11805" s="84"/>
      <c r="AM11805" s="84"/>
    </row>
    <row r="11806" spans="35:39" x14ac:dyDescent="0.35">
      <c r="AI11806" s="84"/>
      <c r="AM11806" s="84"/>
    </row>
    <row r="11807" spans="35:39" x14ac:dyDescent="0.35">
      <c r="AI11807" s="84"/>
      <c r="AM11807" s="84"/>
    </row>
    <row r="11808" spans="35:39" x14ac:dyDescent="0.35">
      <c r="AI11808" s="84"/>
      <c r="AM11808" s="84"/>
    </row>
    <row r="11809" spans="35:39" x14ac:dyDescent="0.35">
      <c r="AI11809" s="84"/>
      <c r="AM11809" s="84"/>
    </row>
    <row r="11810" spans="35:39" x14ac:dyDescent="0.35">
      <c r="AI11810" s="84"/>
      <c r="AM11810" s="84"/>
    </row>
    <row r="11811" spans="35:39" x14ac:dyDescent="0.35">
      <c r="AI11811" s="84"/>
      <c r="AM11811" s="84"/>
    </row>
    <row r="11812" spans="35:39" x14ac:dyDescent="0.35">
      <c r="AI11812" s="84"/>
      <c r="AM11812" s="84"/>
    </row>
    <row r="11813" spans="35:39" x14ac:dyDescent="0.35">
      <c r="AI11813" s="84"/>
      <c r="AM11813" s="84"/>
    </row>
    <row r="11814" spans="35:39" x14ac:dyDescent="0.35">
      <c r="AI11814" s="84"/>
      <c r="AM11814" s="84"/>
    </row>
    <row r="11815" spans="35:39" x14ac:dyDescent="0.35">
      <c r="AI11815" s="84"/>
      <c r="AM11815" s="84"/>
    </row>
    <row r="11816" spans="35:39" x14ac:dyDescent="0.35">
      <c r="AI11816" s="84"/>
      <c r="AM11816" s="84"/>
    </row>
    <row r="11817" spans="35:39" x14ac:dyDescent="0.35">
      <c r="AI11817" s="84"/>
      <c r="AM11817" s="84"/>
    </row>
    <row r="11818" spans="35:39" x14ac:dyDescent="0.35">
      <c r="AI11818" s="84"/>
      <c r="AM11818" s="84"/>
    </row>
    <row r="11819" spans="35:39" x14ac:dyDescent="0.35">
      <c r="AI11819" s="84"/>
      <c r="AM11819" s="84"/>
    </row>
    <row r="11820" spans="35:39" x14ac:dyDescent="0.35">
      <c r="AI11820" s="84"/>
      <c r="AM11820" s="84"/>
    </row>
    <row r="11821" spans="35:39" x14ac:dyDescent="0.35">
      <c r="AI11821" s="84"/>
      <c r="AM11821" s="84"/>
    </row>
    <row r="11822" spans="35:39" x14ac:dyDescent="0.35">
      <c r="AI11822" s="84"/>
      <c r="AM11822" s="84"/>
    </row>
    <row r="11823" spans="35:39" x14ac:dyDescent="0.35">
      <c r="AI11823" s="84"/>
      <c r="AM11823" s="84"/>
    </row>
    <row r="11824" spans="35:39" x14ac:dyDescent="0.35">
      <c r="AI11824" s="84"/>
      <c r="AM11824" s="84"/>
    </row>
    <row r="11825" spans="35:39" x14ac:dyDescent="0.35">
      <c r="AI11825" s="84"/>
      <c r="AM11825" s="84"/>
    </row>
    <row r="11826" spans="35:39" x14ac:dyDescent="0.35">
      <c r="AI11826" s="84"/>
      <c r="AM11826" s="84"/>
    </row>
    <row r="11827" spans="35:39" x14ac:dyDescent="0.35">
      <c r="AI11827" s="84"/>
      <c r="AM11827" s="84"/>
    </row>
    <row r="11828" spans="35:39" x14ac:dyDescent="0.35">
      <c r="AI11828" s="84"/>
      <c r="AM11828" s="84"/>
    </row>
    <row r="11829" spans="35:39" x14ac:dyDescent="0.35">
      <c r="AI11829" s="84"/>
      <c r="AM11829" s="84"/>
    </row>
    <row r="11830" spans="35:39" x14ac:dyDescent="0.35">
      <c r="AI11830" s="84"/>
      <c r="AM11830" s="84"/>
    </row>
    <row r="11831" spans="35:39" x14ac:dyDescent="0.35">
      <c r="AI11831" s="84"/>
      <c r="AM11831" s="84"/>
    </row>
    <row r="11832" spans="35:39" x14ac:dyDescent="0.35">
      <c r="AI11832" s="84"/>
      <c r="AM11832" s="84"/>
    </row>
    <row r="11833" spans="35:39" x14ac:dyDescent="0.35">
      <c r="AI11833" s="84"/>
      <c r="AM11833" s="84"/>
    </row>
    <row r="11834" spans="35:39" x14ac:dyDescent="0.35">
      <c r="AI11834" s="84"/>
      <c r="AM11834" s="84"/>
    </row>
    <row r="11835" spans="35:39" x14ac:dyDescent="0.35">
      <c r="AI11835" s="84"/>
      <c r="AM11835" s="84"/>
    </row>
    <row r="11836" spans="35:39" x14ac:dyDescent="0.35">
      <c r="AI11836" s="84"/>
      <c r="AM11836" s="84"/>
    </row>
    <row r="11837" spans="35:39" x14ac:dyDescent="0.35">
      <c r="AI11837" s="84"/>
      <c r="AM11837" s="84"/>
    </row>
    <row r="11838" spans="35:39" x14ac:dyDescent="0.35">
      <c r="AI11838" s="84"/>
      <c r="AM11838" s="84"/>
    </row>
    <row r="11839" spans="35:39" x14ac:dyDescent="0.35">
      <c r="AI11839" s="84"/>
      <c r="AM11839" s="84"/>
    </row>
    <row r="11840" spans="35:39" x14ac:dyDescent="0.35">
      <c r="AI11840" s="84"/>
      <c r="AM11840" s="84"/>
    </row>
    <row r="11841" spans="35:39" x14ac:dyDescent="0.35">
      <c r="AI11841" s="84"/>
      <c r="AM11841" s="84"/>
    </row>
    <row r="11842" spans="35:39" x14ac:dyDescent="0.35">
      <c r="AI11842" s="84"/>
      <c r="AM11842" s="84"/>
    </row>
    <row r="11843" spans="35:39" x14ac:dyDescent="0.35">
      <c r="AI11843" s="84"/>
      <c r="AM11843" s="84"/>
    </row>
    <row r="11844" spans="35:39" x14ac:dyDescent="0.35">
      <c r="AI11844" s="84"/>
      <c r="AM11844" s="84"/>
    </row>
    <row r="11845" spans="35:39" x14ac:dyDescent="0.35">
      <c r="AI11845" s="84"/>
      <c r="AM11845" s="84"/>
    </row>
    <row r="11846" spans="35:39" x14ac:dyDescent="0.35">
      <c r="AI11846" s="84"/>
      <c r="AM11846" s="84"/>
    </row>
    <row r="11847" spans="35:39" x14ac:dyDescent="0.35">
      <c r="AI11847" s="84"/>
      <c r="AM11847" s="84"/>
    </row>
    <row r="11848" spans="35:39" x14ac:dyDescent="0.35">
      <c r="AI11848" s="84"/>
      <c r="AM11848" s="84"/>
    </row>
    <row r="11849" spans="35:39" x14ac:dyDescent="0.35">
      <c r="AI11849" s="84"/>
      <c r="AM11849" s="84"/>
    </row>
    <row r="11850" spans="35:39" x14ac:dyDescent="0.35">
      <c r="AI11850" s="84"/>
      <c r="AM11850" s="84"/>
    </row>
    <row r="11851" spans="35:39" x14ac:dyDescent="0.35">
      <c r="AI11851" s="84"/>
      <c r="AM11851" s="84"/>
    </row>
    <row r="11852" spans="35:39" x14ac:dyDescent="0.35">
      <c r="AI11852" s="84"/>
      <c r="AM11852" s="84"/>
    </row>
    <row r="11853" spans="35:39" x14ac:dyDescent="0.35">
      <c r="AI11853" s="84"/>
      <c r="AM11853" s="84"/>
    </row>
    <row r="11854" spans="35:39" x14ac:dyDescent="0.35">
      <c r="AI11854" s="84"/>
      <c r="AM11854" s="84"/>
    </row>
    <row r="11855" spans="35:39" x14ac:dyDescent="0.35">
      <c r="AI11855" s="84"/>
      <c r="AM11855" s="84"/>
    </row>
    <row r="11856" spans="35:39" x14ac:dyDescent="0.35">
      <c r="AI11856" s="84"/>
      <c r="AM11856" s="84"/>
    </row>
    <row r="11857" spans="35:39" x14ac:dyDescent="0.35">
      <c r="AI11857" s="84"/>
      <c r="AM11857" s="84"/>
    </row>
    <row r="11858" spans="35:39" x14ac:dyDescent="0.35">
      <c r="AI11858" s="84"/>
      <c r="AM11858" s="84"/>
    </row>
    <row r="11859" spans="35:39" x14ac:dyDescent="0.35">
      <c r="AI11859" s="84"/>
      <c r="AM11859" s="84"/>
    </row>
    <row r="11860" spans="35:39" x14ac:dyDescent="0.35">
      <c r="AI11860" s="84"/>
      <c r="AM11860" s="84"/>
    </row>
    <row r="11861" spans="35:39" x14ac:dyDescent="0.35">
      <c r="AI11861" s="84"/>
      <c r="AM11861" s="84"/>
    </row>
    <row r="11862" spans="35:39" x14ac:dyDescent="0.35">
      <c r="AI11862" s="84"/>
      <c r="AM11862" s="84"/>
    </row>
    <row r="11863" spans="35:39" x14ac:dyDescent="0.35">
      <c r="AI11863" s="84"/>
      <c r="AM11863" s="84"/>
    </row>
    <row r="11864" spans="35:39" x14ac:dyDescent="0.35">
      <c r="AI11864" s="84"/>
      <c r="AM11864" s="84"/>
    </row>
    <row r="11865" spans="35:39" x14ac:dyDescent="0.35">
      <c r="AI11865" s="84"/>
      <c r="AM11865" s="84"/>
    </row>
    <row r="11866" spans="35:39" x14ac:dyDescent="0.35">
      <c r="AI11866" s="84"/>
      <c r="AM11866" s="84"/>
    </row>
    <row r="11867" spans="35:39" x14ac:dyDescent="0.35">
      <c r="AI11867" s="84"/>
      <c r="AM11867" s="84"/>
    </row>
    <row r="11868" spans="35:39" x14ac:dyDescent="0.35">
      <c r="AI11868" s="84"/>
      <c r="AM11868" s="84"/>
    </row>
    <row r="11869" spans="35:39" x14ac:dyDescent="0.35">
      <c r="AI11869" s="84"/>
      <c r="AM11869" s="84"/>
    </row>
    <row r="11870" spans="35:39" x14ac:dyDescent="0.35">
      <c r="AI11870" s="84"/>
      <c r="AM11870" s="84"/>
    </row>
    <row r="11871" spans="35:39" x14ac:dyDescent="0.35">
      <c r="AI11871" s="84"/>
      <c r="AM11871" s="84"/>
    </row>
    <row r="11872" spans="35:39" x14ac:dyDescent="0.35">
      <c r="AI11872" s="84"/>
      <c r="AM11872" s="84"/>
    </row>
    <row r="11873" spans="35:39" x14ac:dyDescent="0.35">
      <c r="AI11873" s="84"/>
      <c r="AM11873" s="84"/>
    </row>
    <row r="11874" spans="35:39" x14ac:dyDescent="0.35">
      <c r="AI11874" s="84"/>
      <c r="AM11874" s="84"/>
    </row>
    <row r="11875" spans="35:39" x14ac:dyDescent="0.35">
      <c r="AI11875" s="84"/>
      <c r="AM11875" s="84"/>
    </row>
    <row r="11876" spans="35:39" x14ac:dyDescent="0.35">
      <c r="AI11876" s="84"/>
      <c r="AM11876" s="84"/>
    </row>
    <row r="11877" spans="35:39" x14ac:dyDescent="0.35">
      <c r="AI11877" s="84"/>
      <c r="AM11877" s="84"/>
    </row>
    <row r="11878" spans="35:39" x14ac:dyDescent="0.35">
      <c r="AI11878" s="84"/>
      <c r="AM11878" s="84"/>
    </row>
    <row r="11879" spans="35:39" x14ac:dyDescent="0.35">
      <c r="AI11879" s="84"/>
      <c r="AM11879" s="84"/>
    </row>
    <row r="11880" spans="35:39" x14ac:dyDescent="0.35">
      <c r="AI11880" s="84"/>
      <c r="AM11880" s="84"/>
    </row>
    <row r="11881" spans="35:39" x14ac:dyDescent="0.35">
      <c r="AI11881" s="84"/>
      <c r="AM11881" s="84"/>
    </row>
    <row r="11882" spans="35:39" x14ac:dyDescent="0.35">
      <c r="AI11882" s="84"/>
      <c r="AM11882" s="84"/>
    </row>
    <row r="11883" spans="35:39" x14ac:dyDescent="0.35">
      <c r="AI11883" s="84"/>
      <c r="AM11883" s="84"/>
    </row>
    <row r="11884" spans="35:39" x14ac:dyDescent="0.35">
      <c r="AI11884" s="84"/>
      <c r="AM11884" s="84"/>
    </row>
    <row r="11885" spans="35:39" x14ac:dyDescent="0.35">
      <c r="AI11885" s="84"/>
      <c r="AM11885" s="84"/>
    </row>
    <row r="11886" spans="35:39" x14ac:dyDescent="0.35">
      <c r="AI11886" s="84"/>
      <c r="AM11886" s="84"/>
    </row>
    <row r="11887" spans="35:39" x14ac:dyDescent="0.35">
      <c r="AI11887" s="84"/>
      <c r="AM11887" s="84"/>
    </row>
    <row r="11888" spans="35:39" x14ac:dyDescent="0.35">
      <c r="AI11888" s="84"/>
      <c r="AM11888" s="84"/>
    </row>
    <row r="11889" spans="35:39" x14ac:dyDescent="0.35">
      <c r="AI11889" s="84"/>
      <c r="AM11889" s="84"/>
    </row>
    <row r="11890" spans="35:39" x14ac:dyDescent="0.35">
      <c r="AI11890" s="84"/>
      <c r="AM11890" s="84"/>
    </row>
    <row r="11891" spans="35:39" x14ac:dyDescent="0.35">
      <c r="AI11891" s="84"/>
      <c r="AM11891" s="84"/>
    </row>
    <row r="11892" spans="35:39" x14ac:dyDescent="0.35">
      <c r="AI11892" s="84"/>
      <c r="AM11892" s="84"/>
    </row>
    <row r="11893" spans="35:39" x14ac:dyDescent="0.35">
      <c r="AI11893" s="84"/>
      <c r="AM11893" s="84"/>
    </row>
    <row r="11894" spans="35:39" x14ac:dyDescent="0.35">
      <c r="AI11894" s="84"/>
      <c r="AM11894" s="84"/>
    </row>
    <row r="11895" spans="35:39" x14ac:dyDescent="0.35">
      <c r="AI11895" s="84"/>
      <c r="AM11895" s="84"/>
    </row>
    <row r="11896" spans="35:39" x14ac:dyDescent="0.35">
      <c r="AI11896" s="84"/>
      <c r="AM11896" s="84"/>
    </row>
    <row r="11897" spans="35:39" x14ac:dyDescent="0.35">
      <c r="AI11897" s="84"/>
      <c r="AM11897" s="84"/>
    </row>
    <row r="11898" spans="35:39" x14ac:dyDescent="0.35">
      <c r="AI11898" s="84"/>
      <c r="AM11898" s="84"/>
    </row>
    <row r="11899" spans="35:39" x14ac:dyDescent="0.35">
      <c r="AI11899" s="84"/>
      <c r="AM11899" s="84"/>
    </row>
    <row r="11900" spans="35:39" x14ac:dyDescent="0.35">
      <c r="AI11900" s="84"/>
      <c r="AM11900" s="84"/>
    </row>
    <row r="11901" spans="35:39" x14ac:dyDescent="0.35">
      <c r="AI11901" s="84"/>
      <c r="AM11901" s="84"/>
    </row>
    <row r="11902" spans="35:39" x14ac:dyDescent="0.35">
      <c r="AI11902" s="84"/>
      <c r="AM11902" s="84"/>
    </row>
    <row r="11903" spans="35:39" x14ac:dyDescent="0.35">
      <c r="AI11903" s="84"/>
      <c r="AM11903" s="84"/>
    </row>
    <row r="11904" spans="35:39" x14ac:dyDescent="0.35">
      <c r="AI11904" s="84"/>
      <c r="AM11904" s="84"/>
    </row>
    <row r="11905" spans="35:39" x14ac:dyDescent="0.35">
      <c r="AI11905" s="84"/>
      <c r="AM11905" s="84"/>
    </row>
    <row r="11906" spans="35:39" x14ac:dyDescent="0.35">
      <c r="AI11906" s="84"/>
      <c r="AM11906" s="84"/>
    </row>
    <row r="11907" spans="35:39" x14ac:dyDescent="0.35">
      <c r="AI11907" s="84"/>
      <c r="AM11907" s="84"/>
    </row>
    <row r="11908" spans="35:39" x14ac:dyDescent="0.35">
      <c r="AI11908" s="84"/>
      <c r="AM11908" s="84"/>
    </row>
    <row r="11909" spans="35:39" x14ac:dyDescent="0.35">
      <c r="AI11909" s="84"/>
      <c r="AM11909" s="84"/>
    </row>
    <row r="11910" spans="35:39" x14ac:dyDescent="0.35">
      <c r="AI11910" s="84"/>
      <c r="AM11910" s="84"/>
    </row>
    <row r="11911" spans="35:39" x14ac:dyDescent="0.35">
      <c r="AI11911" s="84"/>
      <c r="AM11911" s="84"/>
    </row>
    <row r="11912" spans="35:39" x14ac:dyDescent="0.35">
      <c r="AI11912" s="84"/>
      <c r="AM11912" s="84"/>
    </row>
    <row r="11913" spans="35:39" x14ac:dyDescent="0.35">
      <c r="AI11913" s="84"/>
      <c r="AM11913" s="84"/>
    </row>
    <row r="11914" spans="35:39" x14ac:dyDescent="0.35">
      <c r="AI11914" s="84"/>
      <c r="AM11914" s="84"/>
    </row>
    <row r="11915" spans="35:39" x14ac:dyDescent="0.35">
      <c r="AI11915" s="84"/>
      <c r="AM11915" s="84"/>
    </row>
    <row r="11916" spans="35:39" x14ac:dyDescent="0.35">
      <c r="AI11916" s="84"/>
      <c r="AM11916" s="84"/>
    </row>
    <row r="11917" spans="35:39" x14ac:dyDescent="0.35">
      <c r="AI11917" s="84"/>
      <c r="AM11917" s="84"/>
    </row>
    <row r="11918" spans="35:39" x14ac:dyDescent="0.35">
      <c r="AI11918" s="84"/>
      <c r="AM11918" s="84"/>
    </row>
    <row r="11919" spans="35:39" x14ac:dyDescent="0.35">
      <c r="AI11919" s="84"/>
      <c r="AM11919" s="84"/>
    </row>
    <row r="11920" spans="35:39" x14ac:dyDescent="0.35">
      <c r="AI11920" s="84"/>
      <c r="AM11920" s="84"/>
    </row>
    <row r="11921" spans="35:39" x14ac:dyDescent="0.35">
      <c r="AI11921" s="84"/>
      <c r="AM11921" s="84"/>
    </row>
    <row r="11922" spans="35:39" x14ac:dyDescent="0.35">
      <c r="AI11922" s="84"/>
      <c r="AM11922" s="84"/>
    </row>
    <row r="11923" spans="35:39" x14ac:dyDescent="0.35">
      <c r="AI11923" s="84"/>
      <c r="AM11923" s="84"/>
    </row>
    <row r="11924" spans="35:39" x14ac:dyDescent="0.35">
      <c r="AI11924" s="84"/>
      <c r="AM11924" s="84"/>
    </row>
    <row r="11925" spans="35:39" x14ac:dyDescent="0.35">
      <c r="AI11925" s="84"/>
      <c r="AM11925" s="84"/>
    </row>
    <row r="11926" spans="35:39" x14ac:dyDescent="0.35">
      <c r="AI11926" s="84"/>
      <c r="AM11926" s="84"/>
    </row>
    <row r="11927" spans="35:39" x14ac:dyDescent="0.35">
      <c r="AI11927" s="84"/>
      <c r="AM11927" s="84"/>
    </row>
    <row r="11928" spans="35:39" x14ac:dyDescent="0.35">
      <c r="AI11928" s="84"/>
      <c r="AM11928" s="84"/>
    </row>
    <row r="11929" spans="35:39" x14ac:dyDescent="0.35">
      <c r="AI11929" s="84"/>
      <c r="AM11929" s="84"/>
    </row>
    <row r="11930" spans="35:39" x14ac:dyDescent="0.35">
      <c r="AI11930" s="84"/>
      <c r="AM11930" s="84"/>
    </row>
    <row r="11931" spans="35:39" x14ac:dyDescent="0.35">
      <c r="AI11931" s="84"/>
      <c r="AM11931" s="84"/>
    </row>
    <row r="11932" spans="35:39" x14ac:dyDescent="0.35">
      <c r="AI11932" s="84"/>
      <c r="AM11932" s="84"/>
    </row>
    <row r="11933" spans="35:39" x14ac:dyDescent="0.35">
      <c r="AI11933" s="84"/>
      <c r="AM11933" s="84"/>
    </row>
    <row r="11934" spans="35:39" x14ac:dyDescent="0.35">
      <c r="AI11934" s="84"/>
      <c r="AM11934" s="84"/>
    </row>
    <row r="11935" spans="35:39" x14ac:dyDescent="0.35">
      <c r="AI11935" s="84"/>
      <c r="AM11935" s="84"/>
    </row>
    <row r="11936" spans="35:39" x14ac:dyDescent="0.35">
      <c r="AI11936" s="84"/>
      <c r="AM11936" s="84"/>
    </row>
    <row r="11937" spans="35:39" x14ac:dyDescent="0.35">
      <c r="AI11937" s="84"/>
      <c r="AM11937" s="84"/>
    </row>
    <row r="11938" spans="35:39" x14ac:dyDescent="0.35">
      <c r="AI11938" s="84"/>
      <c r="AM11938" s="84"/>
    </row>
    <row r="11939" spans="35:39" x14ac:dyDescent="0.35">
      <c r="AI11939" s="84"/>
      <c r="AM11939" s="84"/>
    </row>
    <row r="11940" spans="35:39" x14ac:dyDescent="0.35">
      <c r="AI11940" s="84"/>
      <c r="AM11940" s="84"/>
    </row>
    <row r="11941" spans="35:39" x14ac:dyDescent="0.35">
      <c r="AI11941" s="84"/>
      <c r="AM11941" s="84"/>
    </row>
    <row r="11942" spans="35:39" x14ac:dyDescent="0.35">
      <c r="AI11942" s="84"/>
      <c r="AM11942" s="84"/>
    </row>
    <row r="11943" spans="35:39" x14ac:dyDescent="0.35">
      <c r="AI11943" s="84"/>
      <c r="AM11943" s="84"/>
    </row>
    <row r="11944" spans="35:39" x14ac:dyDescent="0.35">
      <c r="AI11944" s="84"/>
      <c r="AM11944" s="84"/>
    </row>
    <row r="11945" spans="35:39" x14ac:dyDescent="0.35">
      <c r="AI11945" s="84"/>
      <c r="AM11945" s="84"/>
    </row>
    <row r="11946" spans="35:39" x14ac:dyDescent="0.35">
      <c r="AI11946" s="84"/>
      <c r="AM11946" s="84"/>
    </row>
    <row r="11947" spans="35:39" x14ac:dyDescent="0.35">
      <c r="AI11947" s="84"/>
      <c r="AM11947" s="84"/>
    </row>
    <row r="11948" spans="35:39" x14ac:dyDescent="0.35">
      <c r="AI11948" s="84"/>
      <c r="AM11948" s="84"/>
    </row>
    <row r="11949" spans="35:39" x14ac:dyDescent="0.35">
      <c r="AI11949" s="84"/>
      <c r="AM11949" s="84"/>
    </row>
    <row r="11950" spans="35:39" x14ac:dyDescent="0.35">
      <c r="AI11950" s="84"/>
      <c r="AM11950" s="84"/>
    </row>
    <row r="11951" spans="35:39" x14ac:dyDescent="0.35">
      <c r="AI11951" s="84"/>
      <c r="AM11951" s="84"/>
    </row>
    <row r="11952" spans="35:39" x14ac:dyDescent="0.35">
      <c r="AI11952" s="84"/>
      <c r="AM11952" s="84"/>
    </row>
    <row r="11953" spans="35:39" x14ac:dyDescent="0.35">
      <c r="AI11953" s="84"/>
      <c r="AM11953" s="84"/>
    </row>
    <row r="11954" spans="35:39" x14ac:dyDescent="0.35">
      <c r="AI11954" s="84"/>
      <c r="AM11954" s="84"/>
    </row>
    <row r="11955" spans="35:39" x14ac:dyDescent="0.35">
      <c r="AI11955" s="84"/>
      <c r="AM11955" s="84"/>
    </row>
    <row r="11956" spans="35:39" x14ac:dyDescent="0.35">
      <c r="AI11956" s="84"/>
      <c r="AM11956" s="84"/>
    </row>
    <row r="11957" spans="35:39" x14ac:dyDescent="0.35">
      <c r="AI11957" s="84"/>
      <c r="AM11957" s="84"/>
    </row>
    <row r="11958" spans="35:39" x14ac:dyDescent="0.35">
      <c r="AI11958" s="84"/>
      <c r="AM11958" s="84"/>
    </row>
    <row r="11959" spans="35:39" x14ac:dyDescent="0.35">
      <c r="AI11959" s="84"/>
      <c r="AM11959" s="84"/>
    </row>
    <row r="11960" spans="35:39" x14ac:dyDescent="0.35">
      <c r="AI11960" s="84"/>
      <c r="AM11960" s="84"/>
    </row>
    <row r="11961" spans="35:39" x14ac:dyDescent="0.35">
      <c r="AI11961" s="84"/>
      <c r="AM11961" s="84"/>
    </row>
    <row r="11962" spans="35:39" x14ac:dyDescent="0.35">
      <c r="AI11962" s="84"/>
      <c r="AM11962" s="84"/>
    </row>
    <row r="11963" spans="35:39" x14ac:dyDescent="0.35">
      <c r="AI11963" s="84"/>
      <c r="AM11963" s="84"/>
    </row>
    <row r="11964" spans="35:39" x14ac:dyDescent="0.35">
      <c r="AI11964" s="84"/>
      <c r="AM11964" s="84"/>
    </row>
    <row r="11965" spans="35:39" x14ac:dyDescent="0.35">
      <c r="AI11965" s="84"/>
      <c r="AM11965" s="84"/>
    </row>
    <row r="11966" spans="35:39" x14ac:dyDescent="0.35">
      <c r="AI11966" s="84"/>
      <c r="AM11966" s="84"/>
    </row>
    <row r="11967" spans="35:39" x14ac:dyDescent="0.35">
      <c r="AI11967" s="84"/>
      <c r="AM11967" s="84"/>
    </row>
    <row r="11968" spans="35:39" x14ac:dyDescent="0.35">
      <c r="AI11968" s="84"/>
      <c r="AM11968" s="84"/>
    </row>
    <row r="11969" spans="35:39" x14ac:dyDescent="0.35">
      <c r="AI11969" s="84"/>
      <c r="AM11969" s="84"/>
    </row>
    <row r="11970" spans="35:39" x14ac:dyDescent="0.35">
      <c r="AI11970" s="84"/>
      <c r="AM11970" s="84"/>
    </row>
    <row r="11971" spans="35:39" x14ac:dyDescent="0.35">
      <c r="AI11971" s="84"/>
      <c r="AM11971" s="84"/>
    </row>
    <row r="11972" spans="35:39" x14ac:dyDescent="0.35">
      <c r="AI11972" s="84"/>
      <c r="AM11972" s="84"/>
    </row>
    <row r="11973" spans="35:39" x14ac:dyDescent="0.35">
      <c r="AI11973" s="84"/>
      <c r="AM11973" s="84"/>
    </row>
    <row r="11974" spans="35:39" x14ac:dyDescent="0.35">
      <c r="AI11974" s="84"/>
      <c r="AM11974" s="84"/>
    </row>
    <row r="11975" spans="35:39" x14ac:dyDescent="0.35">
      <c r="AI11975" s="84"/>
      <c r="AM11975" s="84"/>
    </row>
    <row r="11976" spans="35:39" x14ac:dyDescent="0.35">
      <c r="AI11976" s="84"/>
      <c r="AM11976" s="84"/>
    </row>
    <row r="11977" spans="35:39" x14ac:dyDescent="0.35">
      <c r="AI11977" s="84"/>
      <c r="AM11977" s="84"/>
    </row>
    <row r="11978" spans="35:39" x14ac:dyDescent="0.35">
      <c r="AI11978" s="84"/>
      <c r="AM11978" s="84"/>
    </row>
    <row r="11979" spans="35:39" x14ac:dyDescent="0.35">
      <c r="AI11979" s="84"/>
      <c r="AM11979" s="84"/>
    </row>
    <row r="11980" spans="35:39" x14ac:dyDescent="0.35">
      <c r="AI11980" s="84"/>
      <c r="AM11980" s="84"/>
    </row>
    <row r="11981" spans="35:39" x14ac:dyDescent="0.35">
      <c r="AI11981" s="84"/>
      <c r="AM11981" s="84"/>
    </row>
    <row r="11982" spans="35:39" x14ac:dyDescent="0.35">
      <c r="AI11982" s="84"/>
      <c r="AM11982" s="84"/>
    </row>
    <row r="11983" spans="35:39" x14ac:dyDescent="0.35">
      <c r="AI11983" s="84"/>
      <c r="AM11983" s="84"/>
    </row>
    <row r="11984" spans="35:39" x14ac:dyDescent="0.35">
      <c r="AI11984" s="84"/>
      <c r="AM11984" s="84"/>
    </row>
    <row r="11985" spans="35:39" x14ac:dyDescent="0.35">
      <c r="AI11985" s="84"/>
      <c r="AM11985" s="84"/>
    </row>
    <row r="11986" spans="35:39" x14ac:dyDescent="0.35">
      <c r="AI11986" s="84"/>
      <c r="AM11986" s="84"/>
    </row>
    <row r="11987" spans="35:39" x14ac:dyDescent="0.35">
      <c r="AI11987" s="84"/>
      <c r="AM11987" s="84"/>
    </row>
    <row r="11988" spans="35:39" x14ac:dyDescent="0.35">
      <c r="AI11988" s="84"/>
      <c r="AM11988" s="84"/>
    </row>
    <row r="11989" spans="35:39" x14ac:dyDescent="0.35">
      <c r="AI11989" s="84"/>
      <c r="AM11989" s="84"/>
    </row>
    <row r="11990" spans="35:39" x14ac:dyDescent="0.35">
      <c r="AI11990" s="84"/>
      <c r="AM11990" s="84"/>
    </row>
    <row r="11991" spans="35:39" x14ac:dyDescent="0.35">
      <c r="AI11991" s="84"/>
      <c r="AM11991" s="84"/>
    </row>
    <row r="11992" spans="35:39" x14ac:dyDescent="0.35">
      <c r="AI11992" s="84"/>
      <c r="AM11992" s="84"/>
    </row>
    <row r="11993" spans="35:39" x14ac:dyDescent="0.35">
      <c r="AI11993" s="84"/>
      <c r="AM11993" s="84"/>
    </row>
    <row r="11994" spans="35:39" x14ac:dyDescent="0.35">
      <c r="AI11994" s="84"/>
      <c r="AM11994" s="84"/>
    </row>
    <row r="11995" spans="35:39" x14ac:dyDescent="0.35">
      <c r="AI11995" s="84"/>
      <c r="AM11995" s="84"/>
    </row>
    <row r="11996" spans="35:39" x14ac:dyDescent="0.35">
      <c r="AI11996" s="84"/>
      <c r="AM11996" s="84"/>
    </row>
    <row r="11997" spans="35:39" x14ac:dyDescent="0.35">
      <c r="AI11997" s="84"/>
      <c r="AM11997" s="84"/>
    </row>
    <row r="11998" spans="35:39" x14ac:dyDescent="0.35">
      <c r="AI11998" s="84"/>
      <c r="AM11998" s="84"/>
    </row>
    <row r="11999" spans="35:39" x14ac:dyDescent="0.35">
      <c r="AI11999" s="84"/>
      <c r="AM11999" s="84"/>
    </row>
    <row r="12000" spans="35:39" x14ac:dyDescent="0.35">
      <c r="AI12000" s="84"/>
      <c r="AM12000" s="84"/>
    </row>
    <row r="12001" spans="35:39" x14ac:dyDescent="0.35">
      <c r="AI12001" s="84"/>
      <c r="AM12001" s="84"/>
    </row>
    <row r="12002" spans="35:39" x14ac:dyDescent="0.35">
      <c r="AI12002" s="84"/>
      <c r="AM12002" s="84"/>
    </row>
    <row r="12003" spans="35:39" x14ac:dyDescent="0.35">
      <c r="AI12003" s="84"/>
      <c r="AM12003" s="84"/>
    </row>
    <row r="12004" spans="35:39" x14ac:dyDescent="0.35">
      <c r="AI12004" s="84"/>
      <c r="AM12004" s="84"/>
    </row>
    <row r="12005" spans="35:39" x14ac:dyDescent="0.35">
      <c r="AI12005" s="84"/>
      <c r="AM12005" s="84"/>
    </row>
    <row r="12006" spans="35:39" x14ac:dyDescent="0.35">
      <c r="AI12006" s="84"/>
      <c r="AM12006" s="84"/>
    </row>
    <row r="12007" spans="35:39" x14ac:dyDescent="0.35">
      <c r="AI12007" s="84"/>
      <c r="AM12007" s="84"/>
    </row>
    <row r="12008" spans="35:39" x14ac:dyDescent="0.35">
      <c r="AI12008" s="84"/>
      <c r="AM12008" s="84"/>
    </row>
    <row r="12009" spans="35:39" x14ac:dyDescent="0.35">
      <c r="AI12009" s="84"/>
      <c r="AM12009" s="84"/>
    </row>
    <row r="12010" spans="35:39" x14ac:dyDescent="0.35">
      <c r="AI12010" s="84"/>
      <c r="AM12010" s="84"/>
    </row>
    <row r="12011" spans="35:39" x14ac:dyDescent="0.35">
      <c r="AI12011" s="84"/>
      <c r="AM12011" s="84"/>
    </row>
    <row r="12012" spans="35:39" x14ac:dyDescent="0.35">
      <c r="AI12012" s="84"/>
      <c r="AM12012" s="84"/>
    </row>
    <row r="12013" spans="35:39" x14ac:dyDescent="0.35">
      <c r="AI12013" s="84"/>
      <c r="AM12013" s="84"/>
    </row>
    <row r="12014" spans="35:39" x14ac:dyDescent="0.35">
      <c r="AI12014" s="84"/>
      <c r="AM12014" s="84"/>
    </row>
    <row r="12015" spans="35:39" x14ac:dyDescent="0.35">
      <c r="AI12015" s="84"/>
      <c r="AM12015" s="84"/>
    </row>
    <row r="12016" spans="35:39" x14ac:dyDescent="0.35">
      <c r="AI12016" s="84"/>
      <c r="AM12016" s="84"/>
    </row>
    <row r="12017" spans="35:39" x14ac:dyDescent="0.35">
      <c r="AI12017" s="84"/>
      <c r="AM12017" s="84"/>
    </row>
    <row r="12018" spans="35:39" x14ac:dyDescent="0.35">
      <c r="AI12018" s="84"/>
      <c r="AM12018" s="84"/>
    </row>
    <row r="12019" spans="35:39" x14ac:dyDescent="0.35">
      <c r="AI12019" s="84"/>
      <c r="AM12019" s="84"/>
    </row>
    <row r="12020" spans="35:39" x14ac:dyDescent="0.35">
      <c r="AI12020" s="84"/>
      <c r="AM12020" s="84"/>
    </row>
    <row r="12021" spans="35:39" x14ac:dyDescent="0.35">
      <c r="AI12021" s="84"/>
      <c r="AM12021" s="84"/>
    </row>
    <row r="12022" spans="35:39" x14ac:dyDescent="0.35">
      <c r="AI12022" s="84"/>
      <c r="AM12022" s="84"/>
    </row>
    <row r="12023" spans="35:39" x14ac:dyDescent="0.35">
      <c r="AI12023" s="84"/>
      <c r="AM12023" s="84"/>
    </row>
    <row r="12024" spans="35:39" x14ac:dyDescent="0.35">
      <c r="AI12024" s="84"/>
      <c r="AM12024" s="84"/>
    </row>
    <row r="12025" spans="35:39" x14ac:dyDescent="0.35">
      <c r="AI12025" s="84"/>
      <c r="AM12025" s="84"/>
    </row>
    <row r="12026" spans="35:39" x14ac:dyDescent="0.35">
      <c r="AI12026" s="84"/>
      <c r="AM12026" s="84"/>
    </row>
    <row r="12027" spans="35:39" x14ac:dyDescent="0.35">
      <c r="AI12027" s="84"/>
      <c r="AM12027" s="84"/>
    </row>
    <row r="12028" spans="35:39" x14ac:dyDescent="0.35">
      <c r="AI12028" s="84"/>
      <c r="AM12028" s="84"/>
    </row>
    <row r="12029" spans="35:39" x14ac:dyDescent="0.35">
      <c r="AI12029" s="84"/>
      <c r="AM12029" s="84"/>
    </row>
    <row r="12030" spans="35:39" x14ac:dyDescent="0.35">
      <c r="AI12030" s="84"/>
      <c r="AM12030" s="84"/>
    </row>
    <row r="12031" spans="35:39" x14ac:dyDescent="0.35">
      <c r="AI12031" s="84"/>
      <c r="AM12031" s="84"/>
    </row>
    <row r="12032" spans="35:39" x14ac:dyDescent="0.35">
      <c r="AI12032" s="84"/>
      <c r="AM12032" s="84"/>
    </row>
    <row r="12033" spans="35:39" x14ac:dyDescent="0.35">
      <c r="AI12033" s="84"/>
      <c r="AM12033" s="84"/>
    </row>
    <row r="12034" spans="35:39" x14ac:dyDescent="0.35">
      <c r="AI12034" s="84"/>
      <c r="AM12034" s="84"/>
    </row>
    <row r="12035" spans="35:39" x14ac:dyDescent="0.35">
      <c r="AI12035" s="84"/>
      <c r="AM12035" s="84"/>
    </row>
    <row r="12036" spans="35:39" x14ac:dyDescent="0.35">
      <c r="AI12036" s="84"/>
      <c r="AM12036" s="84"/>
    </row>
    <row r="12037" spans="35:39" x14ac:dyDescent="0.35">
      <c r="AI12037" s="84"/>
      <c r="AM12037" s="84"/>
    </row>
    <row r="12038" spans="35:39" x14ac:dyDescent="0.35">
      <c r="AI12038" s="84"/>
      <c r="AM12038" s="84"/>
    </row>
    <row r="12039" spans="35:39" x14ac:dyDescent="0.35">
      <c r="AI12039" s="84"/>
      <c r="AM12039" s="84"/>
    </row>
    <row r="12040" spans="35:39" x14ac:dyDescent="0.35">
      <c r="AI12040" s="84"/>
      <c r="AM12040" s="84"/>
    </row>
    <row r="12041" spans="35:39" x14ac:dyDescent="0.35">
      <c r="AI12041" s="84"/>
      <c r="AM12041" s="84"/>
    </row>
    <row r="12042" spans="35:39" x14ac:dyDescent="0.35">
      <c r="AI12042" s="84"/>
      <c r="AM12042" s="84"/>
    </row>
    <row r="12043" spans="35:39" x14ac:dyDescent="0.35">
      <c r="AI12043" s="84"/>
      <c r="AM12043" s="84"/>
    </row>
    <row r="12044" spans="35:39" x14ac:dyDescent="0.35">
      <c r="AI12044" s="84"/>
      <c r="AM12044" s="84"/>
    </row>
    <row r="12045" spans="35:39" x14ac:dyDescent="0.35">
      <c r="AI12045" s="84"/>
      <c r="AM12045" s="84"/>
    </row>
    <row r="12046" spans="35:39" x14ac:dyDescent="0.35">
      <c r="AI12046" s="84"/>
      <c r="AM12046" s="84"/>
    </row>
    <row r="12047" spans="35:39" x14ac:dyDescent="0.35">
      <c r="AI12047" s="84"/>
      <c r="AM12047" s="84"/>
    </row>
    <row r="12048" spans="35:39" x14ac:dyDescent="0.35">
      <c r="AI12048" s="84"/>
      <c r="AM12048" s="84"/>
    </row>
    <row r="12049" spans="35:39" x14ac:dyDescent="0.35">
      <c r="AI12049" s="84"/>
      <c r="AM12049" s="84"/>
    </row>
    <row r="12050" spans="35:39" x14ac:dyDescent="0.35">
      <c r="AI12050" s="84"/>
      <c r="AM12050" s="84"/>
    </row>
    <row r="12051" spans="35:39" x14ac:dyDescent="0.35">
      <c r="AI12051" s="84"/>
      <c r="AM12051" s="84"/>
    </row>
    <row r="12052" spans="35:39" x14ac:dyDescent="0.35">
      <c r="AI12052" s="84"/>
      <c r="AM12052" s="84"/>
    </row>
    <row r="12053" spans="35:39" x14ac:dyDescent="0.35">
      <c r="AI12053" s="84"/>
      <c r="AM12053" s="84"/>
    </row>
    <row r="12054" spans="35:39" x14ac:dyDescent="0.35">
      <c r="AI12054" s="84"/>
      <c r="AM12054" s="84"/>
    </row>
    <row r="12055" spans="35:39" x14ac:dyDescent="0.35">
      <c r="AI12055" s="84"/>
      <c r="AM12055" s="84"/>
    </row>
    <row r="12056" spans="35:39" x14ac:dyDescent="0.35">
      <c r="AI12056" s="84"/>
      <c r="AM12056" s="84"/>
    </row>
    <row r="12057" spans="35:39" x14ac:dyDescent="0.35">
      <c r="AI12057" s="84"/>
      <c r="AM12057" s="84"/>
    </row>
    <row r="12058" spans="35:39" x14ac:dyDescent="0.35">
      <c r="AI12058" s="84"/>
      <c r="AM12058" s="84"/>
    </row>
    <row r="12059" spans="35:39" x14ac:dyDescent="0.35">
      <c r="AI12059" s="84"/>
      <c r="AM12059" s="84"/>
    </row>
    <row r="12060" spans="35:39" x14ac:dyDescent="0.35">
      <c r="AI12060" s="84"/>
      <c r="AM12060" s="84"/>
    </row>
    <row r="12061" spans="35:39" x14ac:dyDescent="0.35">
      <c r="AI12061" s="84"/>
      <c r="AM12061" s="84"/>
    </row>
    <row r="12062" spans="35:39" x14ac:dyDescent="0.35">
      <c r="AI12062" s="84"/>
      <c r="AM12062" s="84"/>
    </row>
    <row r="12063" spans="35:39" x14ac:dyDescent="0.35">
      <c r="AI12063" s="84"/>
      <c r="AM12063" s="84"/>
    </row>
    <row r="12064" spans="35:39" x14ac:dyDescent="0.35">
      <c r="AI12064" s="84"/>
      <c r="AM12064" s="84"/>
    </row>
    <row r="12065" spans="35:39" x14ac:dyDescent="0.35">
      <c r="AI12065" s="84"/>
      <c r="AM12065" s="84"/>
    </row>
    <row r="12066" spans="35:39" x14ac:dyDescent="0.35">
      <c r="AI12066" s="84"/>
      <c r="AM12066" s="84"/>
    </row>
    <row r="12067" spans="35:39" x14ac:dyDescent="0.35">
      <c r="AI12067" s="84"/>
      <c r="AM12067" s="84"/>
    </row>
    <row r="12068" spans="35:39" x14ac:dyDescent="0.35">
      <c r="AI12068" s="84"/>
      <c r="AM12068" s="84"/>
    </row>
    <row r="12069" spans="35:39" x14ac:dyDescent="0.35">
      <c r="AI12069" s="84"/>
      <c r="AM12069" s="84"/>
    </row>
    <row r="12070" spans="35:39" x14ac:dyDescent="0.35">
      <c r="AI12070" s="84"/>
      <c r="AM12070" s="84"/>
    </row>
    <row r="12071" spans="35:39" x14ac:dyDescent="0.35">
      <c r="AI12071" s="84"/>
      <c r="AM12071" s="84"/>
    </row>
    <row r="12072" spans="35:39" x14ac:dyDescent="0.35">
      <c r="AI12072" s="84"/>
      <c r="AM12072" s="84"/>
    </row>
    <row r="12073" spans="35:39" x14ac:dyDescent="0.35">
      <c r="AI12073" s="84"/>
      <c r="AM12073" s="84"/>
    </row>
    <row r="12074" spans="35:39" x14ac:dyDescent="0.35">
      <c r="AI12074" s="84"/>
      <c r="AM12074" s="84"/>
    </row>
    <row r="12075" spans="35:39" x14ac:dyDescent="0.35">
      <c r="AI12075" s="84"/>
      <c r="AM12075" s="84"/>
    </row>
    <row r="12076" spans="35:39" x14ac:dyDescent="0.35">
      <c r="AI12076" s="84"/>
      <c r="AM12076" s="84"/>
    </row>
    <row r="12077" spans="35:39" x14ac:dyDescent="0.35">
      <c r="AI12077" s="84"/>
      <c r="AM12077" s="84"/>
    </row>
    <row r="12078" spans="35:39" x14ac:dyDescent="0.35">
      <c r="AI12078" s="84"/>
      <c r="AM12078" s="84"/>
    </row>
    <row r="12079" spans="35:39" x14ac:dyDescent="0.35">
      <c r="AI12079" s="84"/>
      <c r="AM12079" s="84"/>
    </row>
    <row r="12080" spans="35:39" x14ac:dyDescent="0.35">
      <c r="AI12080" s="84"/>
      <c r="AM12080" s="84"/>
    </row>
    <row r="12081" spans="35:39" x14ac:dyDescent="0.35">
      <c r="AI12081" s="84"/>
      <c r="AM12081" s="84"/>
    </row>
    <row r="12082" spans="35:39" x14ac:dyDescent="0.35">
      <c r="AI12082" s="84"/>
      <c r="AM12082" s="84"/>
    </row>
    <row r="12083" spans="35:39" x14ac:dyDescent="0.35">
      <c r="AI12083" s="84"/>
      <c r="AM12083" s="84"/>
    </row>
    <row r="12084" spans="35:39" x14ac:dyDescent="0.35">
      <c r="AI12084" s="84"/>
      <c r="AM12084" s="84"/>
    </row>
    <row r="12085" spans="35:39" x14ac:dyDescent="0.35">
      <c r="AI12085" s="84"/>
      <c r="AM12085" s="84"/>
    </row>
    <row r="12086" spans="35:39" x14ac:dyDescent="0.35">
      <c r="AI12086" s="84"/>
      <c r="AM12086" s="84"/>
    </row>
    <row r="12087" spans="35:39" x14ac:dyDescent="0.35">
      <c r="AI12087" s="84"/>
      <c r="AM12087" s="84"/>
    </row>
    <row r="12088" spans="35:39" x14ac:dyDescent="0.35">
      <c r="AI12088" s="84"/>
      <c r="AM12088" s="84"/>
    </row>
    <row r="12089" spans="35:39" x14ac:dyDescent="0.35">
      <c r="AI12089" s="84"/>
      <c r="AM12089" s="84"/>
    </row>
    <row r="12090" spans="35:39" x14ac:dyDescent="0.35">
      <c r="AI12090" s="84"/>
      <c r="AM12090" s="84"/>
    </row>
    <row r="12091" spans="35:39" x14ac:dyDescent="0.35">
      <c r="AI12091" s="84"/>
      <c r="AM12091" s="84"/>
    </row>
    <row r="12092" spans="35:39" x14ac:dyDescent="0.35">
      <c r="AI12092" s="84"/>
      <c r="AM12092" s="84"/>
    </row>
    <row r="12093" spans="35:39" x14ac:dyDescent="0.35">
      <c r="AI12093" s="84"/>
      <c r="AM12093" s="84"/>
    </row>
    <row r="12094" spans="35:39" x14ac:dyDescent="0.35">
      <c r="AI12094" s="84"/>
      <c r="AM12094" s="84"/>
    </row>
    <row r="12095" spans="35:39" x14ac:dyDescent="0.35">
      <c r="AI12095" s="84"/>
      <c r="AM12095" s="84"/>
    </row>
    <row r="12096" spans="35:39" x14ac:dyDescent="0.35">
      <c r="AI12096" s="84"/>
      <c r="AM12096" s="84"/>
    </row>
    <row r="12097" spans="35:39" x14ac:dyDescent="0.35">
      <c r="AI12097" s="84"/>
      <c r="AM12097" s="84"/>
    </row>
    <row r="12098" spans="35:39" x14ac:dyDescent="0.35">
      <c r="AI12098" s="84"/>
      <c r="AM12098" s="84"/>
    </row>
    <row r="12099" spans="35:39" x14ac:dyDescent="0.35">
      <c r="AI12099" s="84"/>
      <c r="AM12099" s="84"/>
    </row>
    <row r="12100" spans="35:39" x14ac:dyDescent="0.35">
      <c r="AI12100" s="84"/>
      <c r="AM12100" s="84"/>
    </row>
    <row r="12101" spans="35:39" x14ac:dyDescent="0.35">
      <c r="AI12101" s="84"/>
      <c r="AM12101" s="84"/>
    </row>
    <row r="12102" spans="35:39" x14ac:dyDescent="0.35">
      <c r="AI12102" s="84"/>
      <c r="AM12102" s="84"/>
    </row>
    <row r="12103" spans="35:39" x14ac:dyDescent="0.35">
      <c r="AI12103" s="84"/>
      <c r="AM12103" s="84"/>
    </row>
    <row r="12104" spans="35:39" x14ac:dyDescent="0.35">
      <c r="AI12104" s="84"/>
      <c r="AM12104" s="84"/>
    </row>
    <row r="12105" spans="35:39" x14ac:dyDescent="0.35">
      <c r="AI12105" s="84"/>
      <c r="AM12105" s="84"/>
    </row>
    <row r="12106" spans="35:39" x14ac:dyDescent="0.35">
      <c r="AI12106" s="84"/>
      <c r="AM12106" s="84"/>
    </row>
    <row r="12107" spans="35:39" x14ac:dyDescent="0.35">
      <c r="AI12107" s="84"/>
      <c r="AM12107" s="84"/>
    </row>
    <row r="12108" spans="35:39" x14ac:dyDescent="0.35">
      <c r="AI12108" s="84"/>
      <c r="AM12108" s="84"/>
    </row>
    <row r="12109" spans="35:39" x14ac:dyDescent="0.35">
      <c r="AI12109" s="84"/>
      <c r="AM12109" s="84"/>
    </row>
    <row r="12110" spans="35:39" x14ac:dyDescent="0.35">
      <c r="AI12110" s="84"/>
      <c r="AM12110" s="84"/>
    </row>
    <row r="12111" spans="35:39" x14ac:dyDescent="0.35">
      <c r="AI12111" s="84"/>
      <c r="AM12111" s="84"/>
    </row>
    <row r="12112" spans="35:39" x14ac:dyDescent="0.35">
      <c r="AI12112" s="84"/>
      <c r="AM12112" s="84"/>
    </row>
    <row r="12113" spans="35:39" x14ac:dyDescent="0.35">
      <c r="AI12113" s="84"/>
      <c r="AM12113" s="84"/>
    </row>
    <row r="12114" spans="35:39" x14ac:dyDescent="0.35">
      <c r="AI12114" s="84"/>
      <c r="AM12114" s="84"/>
    </row>
    <row r="12115" spans="35:39" x14ac:dyDescent="0.35">
      <c r="AI12115" s="84"/>
      <c r="AM12115" s="84"/>
    </row>
    <row r="12116" spans="35:39" x14ac:dyDescent="0.35">
      <c r="AI12116" s="84"/>
      <c r="AM12116" s="84"/>
    </row>
    <row r="12117" spans="35:39" x14ac:dyDescent="0.35">
      <c r="AI12117" s="84"/>
      <c r="AM12117" s="84"/>
    </row>
    <row r="12118" spans="35:39" x14ac:dyDescent="0.35">
      <c r="AI12118" s="84"/>
      <c r="AM12118" s="84"/>
    </row>
    <row r="12119" spans="35:39" x14ac:dyDescent="0.35">
      <c r="AI12119" s="84"/>
      <c r="AM12119" s="84"/>
    </row>
    <row r="12120" spans="35:39" x14ac:dyDescent="0.35">
      <c r="AI12120" s="84"/>
      <c r="AM12120" s="84"/>
    </row>
    <row r="12121" spans="35:39" x14ac:dyDescent="0.35">
      <c r="AI12121" s="84"/>
      <c r="AM12121" s="84"/>
    </row>
    <row r="12122" spans="35:39" x14ac:dyDescent="0.35">
      <c r="AI12122" s="84"/>
      <c r="AM12122" s="84"/>
    </row>
    <row r="12123" spans="35:39" x14ac:dyDescent="0.35">
      <c r="AI12123" s="84"/>
      <c r="AM12123" s="84"/>
    </row>
    <row r="12124" spans="35:39" x14ac:dyDescent="0.35">
      <c r="AI12124" s="84"/>
      <c r="AM12124" s="84"/>
    </row>
    <row r="12125" spans="35:39" x14ac:dyDescent="0.35">
      <c r="AI12125" s="84"/>
      <c r="AM12125" s="84"/>
    </row>
    <row r="12126" spans="35:39" x14ac:dyDescent="0.35">
      <c r="AI12126" s="84"/>
      <c r="AM12126" s="84"/>
    </row>
    <row r="12127" spans="35:39" x14ac:dyDescent="0.35">
      <c r="AI12127" s="84"/>
      <c r="AM12127" s="84"/>
    </row>
    <row r="12128" spans="35:39" x14ac:dyDescent="0.35">
      <c r="AI12128" s="84"/>
      <c r="AM12128" s="84"/>
    </row>
    <row r="12129" spans="35:39" x14ac:dyDescent="0.35">
      <c r="AI12129" s="84"/>
      <c r="AM12129" s="84"/>
    </row>
    <row r="12130" spans="35:39" x14ac:dyDescent="0.35">
      <c r="AI12130" s="84"/>
      <c r="AM12130" s="84"/>
    </row>
    <row r="12131" spans="35:39" x14ac:dyDescent="0.35">
      <c r="AI12131" s="84"/>
      <c r="AM12131" s="84"/>
    </row>
    <row r="12132" spans="35:39" x14ac:dyDescent="0.35">
      <c r="AI12132" s="84"/>
      <c r="AM12132" s="84"/>
    </row>
    <row r="12133" spans="35:39" x14ac:dyDescent="0.35">
      <c r="AI12133" s="84"/>
      <c r="AM12133" s="84"/>
    </row>
    <row r="12134" spans="35:39" x14ac:dyDescent="0.35">
      <c r="AI12134" s="84"/>
      <c r="AM12134" s="84"/>
    </row>
    <row r="12135" spans="35:39" x14ac:dyDescent="0.35">
      <c r="AI12135" s="84"/>
      <c r="AM12135" s="84"/>
    </row>
    <row r="12136" spans="35:39" x14ac:dyDescent="0.35">
      <c r="AI12136" s="84"/>
      <c r="AM12136" s="84"/>
    </row>
    <row r="12137" spans="35:39" x14ac:dyDescent="0.35">
      <c r="AI12137" s="84"/>
      <c r="AM12137" s="84"/>
    </row>
    <row r="12138" spans="35:39" x14ac:dyDescent="0.35">
      <c r="AI12138" s="84"/>
      <c r="AM12138" s="84"/>
    </row>
    <row r="12139" spans="35:39" x14ac:dyDescent="0.35">
      <c r="AI12139" s="84"/>
      <c r="AM12139" s="84"/>
    </row>
    <row r="12140" spans="35:39" x14ac:dyDescent="0.35">
      <c r="AI12140" s="84"/>
      <c r="AM12140" s="84"/>
    </row>
    <row r="12141" spans="35:39" x14ac:dyDescent="0.35">
      <c r="AI12141" s="84"/>
      <c r="AM12141" s="84"/>
    </row>
    <row r="12142" spans="35:39" x14ac:dyDescent="0.35">
      <c r="AI12142" s="84"/>
      <c r="AM12142" s="84"/>
    </row>
    <row r="12143" spans="35:39" x14ac:dyDescent="0.35">
      <c r="AI12143" s="84"/>
      <c r="AM12143" s="84"/>
    </row>
    <row r="12144" spans="35:39" x14ac:dyDescent="0.35">
      <c r="AI12144" s="84"/>
      <c r="AM12144" s="84"/>
    </row>
    <row r="12145" spans="35:39" x14ac:dyDescent="0.35">
      <c r="AI12145" s="84"/>
      <c r="AM12145" s="84"/>
    </row>
    <row r="12146" spans="35:39" x14ac:dyDescent="0.35">
      <c r="AI12146" s="84"/>
      <c r="AM12146" s="84"/>
    </row>
    <row r="12147" spans="35:39" x14ac:dyDescent="0.35">
      <c r="AI12147" s="84"/>
      <c r="AM12147" s="84"/>
    </row>
    <row r="12148" spans="35:39" x14ac:dyDescent="0.35">
      <c r="AI12148" s="84"/>
      <c r="AM12148" s="84"/>
    </row>
    <row r="12149" spans="35:39" x14ac:dyDescent="0.35">
      <c r="AI12149" s="84"/>
      <c r="AM12149" s="84"/>
    </row>
    <row r="12150" spans="35:39" x14ac:dyDescent="0.35">
      <c r="AI12150" s="84"/>
      <c r="AM12150" s="84"/>
    </row>
    <row r="12151" spans="35:39" x14ac:dyDescent="0.35">
      <c r="AI12151" s="84"/>
      <c r="AM12151" s="84"/>
    </row>
    <row r="12152" spans="35:39" x14ac:dyDescent="0.35">
      <c r="AI12152" s="84"/>
      <c r="AM12152" s="84"/>
    </row>
    <row r="12153" spans="35:39" x14ac:dyDescent="0.35">
      <c r="AI12153" s="84"/>
      <c r="AM12153" s="84"/>
    </row>
    <row r="12154" spans="35:39" x14ac:dyDescent="0.35">
      <c r="AI12154" s="84"/>
      <c r="AM12154" s="84"/>
    </row>
    <row r="12155" spans="35:39" x14ac:dyDescent="0.35">
      <c r="AI12155" s="84"/>
      <c r="AM12155" s="84"/>
    </row>
    <row r="12156" spans="35:39" x14ac:dyDescent="0.35">
      <c r="AI12156" s="84"/>
      <c r="AM12156" s="84"/>
    </row>
    <row r="12157" spans="35:39" x14ac:dyDescent="0.35">
      <c r="AI12157" s="84"/>
      <c r="AM12157" s="84"/>
    </row>
    <row r="12158" spans="35:39" x14ac:dyDescent="0.35">
      <c r="AI12158" s="84"/>
      <c r="AM12158" s="84"/>
    </row>
    <row r="12159" spans="35:39" x14ac:dyDescent="0.35">
      <c r="AI12159" s="84"/>
      <c r="AM12159" s="84"/>
    </row>
    <row r="12160" spans="35:39" x14ac:dyDescent="0.35">
      <c r="AI12160" s="84"/>
      <c r="AM12160" s="84"/>
    </row>
    <row r="12161" spans="35:39" x14ac:dyDescent="0.35">
      <c r="AI12161" s="84"/>
      <c r="AM12161" s="84"/>
    </row>
    <row r="12162" spans="35:39" x14ac:dyDescent="0.35">
      <c r="AI12162" s="84"/>
      <c r="AM12162" s="84"/>
    </row>
    <row r="12163" spans="35:39" x14ac:dyDescent="0.35">
      <c r="AI12163" s="84"/>
      <c r="AM12163" s="84"/>
    </row>
    <row r="12164" spans="35:39" x14ac:dyDescent="0.35">
      <c r="AI12164" s="84"/>
      <c r="AM12164" s="84"/>
    </row>
    <row r="12165" spans="35:39" x14ac:dyDescent="0.35">
      <c r="AI12165" s="84"/>
      <c r="AM12165" s="84"/>
    </row>
    <row r="12166" spans="35:39" x14ac:dyDescent="0.35">
      <c r="AI12166" s="84"/>
      <c r="AM12166" s="84"/>
    </row>
    <row r="12167" spans="35:39" x14ac:dyDescent="0.35">
      <c r="AI12167" s="84"/>
      <c r="AM12167" s="84"/>
    </row>
    <row r="12168" spans="35:39" x14ac:dyDescent="0.35">
      <c r="AI12168" s="84"/>
      <c r="AM12168" s="84"/>
    </row>
    <row r="12169" spans="35:39" x14ac:dyDescent="0.35">
      <c r="AI12169" s="84"/>
      <c r="AM12169" s="84"/>
    </row>
    <row r="12170" spans="35:39" x14ac:dyDescent="0.35">
      <c r="AI12170" s="84"/>
      <c r="AM12170" s="84"/>
    </row>
    <row r="12171" spans="35:39" x14ac:dyDescent="0.35">
      <c r="AI12171" s="84"/>
      <c r="AM12171" s="84"/>
    </row>
    <row r="12172" spans="35:39" x14ac:dyDescent="0.35">
      <c r="AI12172" s="84"/>
      <c r="AM12172" s="84"/>
    </row>
    <row r="12173" spans="35:39" x14ac:dyDescent="0.35">
      <c r="AI12173" s="84"/>
      <c r="AM12173" s="84"/>
    </row>
    <row r="12174" spans="35:39" x14ac:dyDescent="0.35">
      <c r="AI12174" s="84"/>
      <c r="AM12174" s="84"/>
    </row>
    <row r="12175" spans="35:39" x14ac:dyDescent="0.35">
      <c r="AI12175" s="84"/>
      <c r="AM12175" s="84"/>
    </row>
    <row r="12176" spans="35:39" x14ac:dyDescent="0.35">
      <c r="AI12176" s="84"/>
      <c r="AM12176" s="84"/>
    </row>
    <row r="12177" spans="35:39" x14ac:dyDescent="0.35">
      <c r="AI12177" s="84"/>
      <c r="AM12177" s="84"/>
    </row>
    <row r="12178" spans="35:39" x14ac:dyDescent="0.35">
      <c r="AI12178" s="84"/>
      <c r="AM12178" s="84"/>
    </row>
    <row r="12179" spans="35:39" x14ac:dyDescent="0.35">
      <c r="AI12179" s="84"/>
      <c r="AM12179" s="84"/>
    </row>
    <row r="12180" spans="35:39" x14ac:dyDescent="0.35">
      <c r="AI12180" s="84"/>
      <c r="AM12180" s="84"/>
    </row>
    <row r="12181" spans="35:39" x14ac:dyDescent="0.35">
      <c r="AI12181" s="84"/>
      <c r="AM12181" s="84"/>
    </row>
    <row r="12182" spans="35:39" x14ac:dyDescent="0.35">
      <c r="AI12182" s="84"/>
      <c r="AM12182" s="84"/>
    </row>
    <row r="12183" spans="35:39" x14ac:dyDescent="0.35">
      <c r="AI12183" s="84"/>
      <c r="AM12183" s="84"/>
    </row>
    <row r="12184" spans="35:39" x14ac:dyDescent="0.35">
      <c r="AI12184" s="84"/>
      <c r="AM12184" s="84"/>
    </row>
    <row r="12185" spans="35:39" x14ac:dyDescent="0.35">
      <c r="AI12185" s="84"/>
      <c r="AM12185" s="84"/>
    </row>
    <row r="12186" spans="35:39" x14ac:dyDescent="0.35">
      <c r="AI12186" s="84"/>
      <c r="AM12186" s="84"/>
    </row>
    <row r="12187" spans="35:39" x14ac:dyDescent="0.35">
      <c r="AI12187" s="84"/>
      <c r="AM12187" s="84"/>
    </row>
    <row r="12188" spans="35:39" x14ac:dyDescent="0.35">
      <c r="AI12188" s="84"/>
      <c r="AM12188" s="84"/>
    </row>
    <row r="12189" spans="35:39" x14ac:dyDescent="0.35">
      <c r="AI12189" s="84"/>
      <c r="AM12189" s="84"/>
    </row>
    <row r="12190" spans="35:39" x14ac:dyDescent="0.35">
      <c r="AI12190" s="84"/>
      <c r="AM12190" s="84"/>
    </row>
    <row r="12191" spans="35:39" x14ac:dyDescent="0.35">
      <c r="AI12191" s="84"/>
      <c r="AM12191" s="84"/>
    </row>
    <row r="12192" spans="35:39" x14ac:dyDescent="0.35">
      <c r="AI12192" s="84"/>
      <c r="AM12192" s="84"/>
    </row>
    <row r="12193" spans="35:39" x14ac:dyDescent="0.35">
      <c r="AI12193" s="84"/>
      <c r="AM12193" s="84"/>
    </row>
    <row r="12194" spans="35:39" x14ac:dyDescent="0.35">
      <c r="AI12194" s="84"/>
      <c r="AM12194" s="84"/>
    </row>
    <row r="12195" spans="35:39" x14ac:dyDescent="0.35">
      <c r="AI12195" s="84"/>
      <c r="AM12195" s="84"/>
    </row>
    <row r="12196" spans="35:39" x14ac:dyDescent="0.35">
      <c r="AI12196" s="84"/>
      <c r="AM12196" s="84"/>
    </row>
    <row r="12197" spans="35:39" x14ac:dyDescent="0.35">
      <c r="AI12197" s="84"/>
      <c r="AM12197" s="84"/>
    </row>
    <row r="12198" spans="35:39" x14ac:dyDescent="0.35">
      <c r="AI12198" s="84"/>
      <c r="AM12198" s="84"/>
    </row>
    <row r="12199" spans="35:39" x14ac:dyDescent="0.35">
      <c r="AI12199" s="84"/>
      <c r="AM12199" s="84"/>
    </row>
    <row r="12200" spans="35:39" x14ac:dyDescent="0.35">
      <c r="AI12200" s="84"/>
      <c r="AM12200" s="84"/>
    </row>
    <row r="12201" spans="35:39" x14ac:dyDescent="0.35">
      <c r="AI12201" s="84"/>
      <c r="AM12201" s="84"/>
    </row>
    <row r="12202" spans="35:39" x14ac:dyDescent="0.35">
      <c r="AI12202" s="84"/>
      <c r="AM12202" s="84"/>
    </row>
    <row r="12203" spans="35:39" x14ac:dyDescent="0.35">
      <c r="AI12203" s="84"/>
      <c r="AM12203" s="84"/>
    </row>
    <row r="12204" spans="35:39" x14ac:dyDescent="0.35">
      <c r="AI12204" s="84"/>
      <c r="AM12204" s="84"/>
    </row>
    <row r="12205" spans="35:39" x14ac:dyDescent="0.35">
      <c r="AI12205" s="84"/>
      <c r="AM12205" s="84"/>
    </row>
    <row r="12206" spans="35:39" x14ac:dyDescent="0.35">
      <c r="AI12206" s="84"/>
      <c r="AM12206" s="84"/>
    </row>
    <row r="12207" spans="35:39" x14ac:dyDescent="0.35">
      <c r="AI12207" s="84"/>
      <c r="AM12207" s="84"/>
    </row>
    <row r="12208" spans="35:39" x14ac:dyDescent="0.35">
      <c r="AI12208" s="84"/>
      <c r="AM12208" s="84"/>
    </row>
    <row r="12209" spans="35:39" x14ac:dyDescent="0.35">
      <c r="AI12209" s="84"/>
      <c r="AM12209" s="84"/>
    </row>
    <row r="12210" spans="35:39" x14ac:dyDescent="0.35">
      <c r="AI12210" s="84"/>
      <c r="AM12210" s="84"/>
    </row>
    <row r="12211" spans="35:39" x14ac:dyDescent="0.35">
      <c r="AI12211" s="84"/>
      <c r="AM12211" s="84"/>
    </row>
    <row r="12212" spans="35:39" x14ac:dyDescent="0.35">
      <c r="AI12212" s="84"/>
      <c r="AM12212" s="84"/>
    </row>
    <row r="12213" spans="35:39" x14ac:dyDescent="0.35">
      <c r="AI12213" s="84"/>
      <c r="AM12213" s="84"/>
    </row>
    <row r="12214" spans="35:39" x14ac:dyDescent="0.35">
      <c r="AI12214" s="84"/>
      <c r="AM12214" s="84"/>
    </row>
    <row r="12215" spans="35:39" x14ac:dyDescent="0.35">
      <c r="AI12215" s="84"/>
      <c r="AM12215" s="84"/>
    </row>
    <row r="12216" spans="35:39" x14ac:dyDescent="0.35">
      <c r="AI12216" s="84"/>
      <c r="AM12216" s="84"/>
    </row>
    <row r="12217" spans="35:39" x14ac:dyDescent="0.35">
      <c r="AI12217" s="84"/>
      <c r="AM12217" s="84"/>
    </row>
    <row r="12218" spans="35:39" x14ac:dyDescent="0.35">
      <c r="AI12218" s="84"/>
      <c r="AM12218" s="84"/>
    </row>
    <row r="12219" spans="35:39" x14ac:dyDescent="0.35">
      <c r="AI12219" s="84"/>
      <c r="AM12219" s="84"/>
    </row>
    <row r="12220" spans="35:39" x14ac:dyDescent="0.35">
      <c r="AI12220" s="84"/>
      <c r="AM12220" s="84"/>
    </row>
    <row r="12221" spans="35:39" x14ac:dyDescent="0.35">
      <c r="AI12221" s="84"/>
      <c r="AM12221" s="84"/>
    </row>
    <row r="12222" spans="35:39" x14ac:dyDescent="0.35">
      <c r="AI12222" s="84"/>
      <c r="AM12222" s="84"/>
    </row>
    <row r="12223" spans="35:39" x14ac:dyDescent="0.35">
      <c r="AI12223" s="84"/>
      <c r="AM12223" s="84"/>
    </row>
    <row r="12224" spans="35:39" x14ac:dyDescent="0.35">
      <c r="AI12224" s="84"/>
      <c r="AM12224" s="84"/>
    </row>
    <row r="12225" spans="35:39" x14ac:dyDescent="0.35">
      <c r="AI12225" s="84"/>
      <c r="AM12225" s="84"/>
    </row>
    <row r="12226" spans="35:39" x14ac:dyDescent="0.35">
      <c r="AI12226" s="84"/>
      <c r="AM12226" s="84"/>
    </row>
    <row r="12227" spans="35:39" x14ac:dyDescent="0.35">
      <c r="AI12227" s="84"/>
      <c r="AM12227" s="84"/>
    </row>
    <row r="12228" spans="35:39" x14ac:dyDescent="0.35">
      <c r="AI12228" s="84"/>
      <c r="AM12228" s="84"/>
    </row>
    <row r="12229" spans="35:39" x14ac:dyDescent="0.35">
      <c r="AI12229" s="84"/>
      <c r="AM12229" s="84"/>
    </row>
    <row r="12230" spans="35:39" x14ac:dyDescent="0.35">
      <c r="AI12230" s="84"/>
      <c r="AM12230" s="84"/>
    </row>
    <row r="12231" spans="35:39" x14ac:dyDescent="0.35">
      <c r="AI12231" s="84"/>
      <c r="AM12231" s="84"/>
    </row>
    <row r="12232" spans="35:39" x14ac:dyDescent="0.35">
      <c r="AI12232" s="84"/>
      <c r="AM12232" s="84"/>
    </row>
    <row r="12233" spans="35:39" x14ac:dyDescent="0.35">
      <c r="AI12233" s="84"/>
      <c r="AM12233" s="84"/>
    </row>
    <row r="12234" spans="35:39" x14ac:dyDescent="0.35">
      <c r="AI12234" s="84"/>
      <c r="AM12234" s="84"/>
    </row>
    <row r="12235" spans="35:39" x14ac:dyDescent="0.35">
      <c r="AI12235" s="84"/>
      <c r="AM12235" s="84"/>
    </row>
    <row r="12236" spans="35:39" x14ac:dyDescent="0.35">
      <c r="AI12236" s="84"/>
      <c r="AM12236" s="84"/>
    </row>
    <row r="12237" spans="35:39" x14ac:dyDescent="0.35">
      <c r="AI12237" s="84"/>
      <c r="AM12237" s="84"/>
    </row>
    <row r="12238" spans="35:39" x14ac:dyDescent="0.35">
      <c r="AI12238" s="84"/>
      <c r="AM12238" s="84"/>
    </row>
    <row r="12239" spans="35:39" x14ac:dyDescent="0.35">
      <c r="AI12239" s="84"/>
      <c r="AM12239" s="84"/>
    </row>
    <row r="12240" spans="35:39" x14ac:dyDescent="0.35">
      <c r="AI12240" s="84"/>
      <c r="AM12240" s="84"/>
    </row>
    <row r="12241" spans="35:39" x14ac:dyDescent="0.35">
      <c r="AI12241" s="84"/>
      <c r="AM12241" s="84"/>
    </row>
    <row r="12242" spans="35:39" x14ac:dyDescent="0.35">
      <c r="AI12242" s="84"/>
      <c r="AM12242" s="84"/>
    </row>
    <row r="12243" spans="35:39" x14ac:dyDescent="0.35">
      <c r="AI12243" s="84"/>
      <c r="AM12243" s="84"/>
    </row>
    <row r="12244" spans="35:39" x14ac:dyDescent="0.35">
      <c r="AI12244" s="84"/>
      <c r="AM12244" s="84"/>
    </row>
    <row r="12245" spans="35:39" x14ac:dyDescent="0.35">
      <c r="AI12245" s="84"/>
      <c r="AM12245" s="84"/>
    </row>
    <row r="12246" spans="35:39" x14ac:dyDescent="0.35">
      <c r="AI12246" s="84"/>
      <c r="AM12246" s="84"/>
    </row>
    <row r="12247" spans="35:39" x14ac:dyDescent="0.35">
      <c r="AI12247" s="84"/>
      <c r="AM12247" s="84"/>
    </row>
    <row r="12248" spans="35:39" x14ac:dyDescent="0.35">
      <c r="AI12248" s="84"/>
      <c r="AM12248" s="84"/>
    </row>
    <row r="12249" spans="35:39" x14ac:dyDescent="0.35">
      <c r="AI12249" s="84"/>
      <c r="AM12249" s="84"/>
    </row>
    <row r="12250" spans="35:39" x14ac:dyDescent="0.35">
      <c r="AI12250" s="84"/>
      <c r="AM12250" s="84"/>
    </row>
    <row r="12251" spans="35:39" x14ac:dyDescent="0.35">
      <c r="AI12251" s="84"/>
      <c r="AM12251" s="84"/>
    </row>
    <row r="12252" spans="35:39" x14ac:dyDescent="0.35">
      <c r="AI12252" s="84"/>
      <c r="AM12252" s="84"/>
    </row>
    <row r="12253" spans="35:39" x14ac:dyDescent="0.35">
      <c r="AI12253" s="84"/>
      <c r="AM12253" s="84"/>
    </row>
    <row r="12254" spans="35:39" x14ac:dyDescent="0.35">
      <c r="AI12254" s="84"/>
      <c r="AM12254" s="84"/>
    </row>
    <row r="12255" spans="35:39" x14ac:dyDescent="0.35">
      <c r="AI12255" s="84"/>
      <c r="AM12255" s="84"/>
    </row>
    <row r="12256" spans="35:39" x14ac:dyDescent="0.35">
      <c r="AI12256" s="84"/>
      <c r="AM12256" s="84"/>
    </row>
    <row r="12257" spans="35:39" x14ac:dyDescent="0.35">
      <c r="AI12257" s="84"/>
      <c r="AM12257" s="84"/>
    </row>
    <row r="12258" spans="35:39" x14ac:dyDescent="0.35">
      <c r="AI12258" s="84"/>
      <c r="AM12258" s="84"/>
    </row>
    <row r="12259" spans="35:39" x14ac:dyDescent="0.35">
      <c r="AI12259" s="84"/>
      <c r="AM12259" s="84"/>
    </row>
    <row r="12260" spans="35:39" x14ac:dyDescent="0.35">
      <c r="AI12260" s="84"/>
      <c r="AM12260" s="84"/>
    </row>
    <row r="12261" spans="35:39" x14ac:dyDescent="0.35">
      <c r="AI12261" s="84"/>
      <c r="AM12261" s="84"/>
    </row>
    <row r="12262" spans="35:39" x14ac:dyDescent="0.35">
      <c r="AI12262" s="84"/>
      <c r="AM12262" s="84"/>
    </row>
    <row r="12263" spans="35:39" x14ac:dyDescent="0.35">
      <c r="AI12263" s="84"/>
      <c r="AM12263" s="84"/>
    </row>
    <row r="12264" spans="35:39" x14ac:dyDescent="0.35">
      <c r="AI12264" s="84"/>
      <c r="AM12264" s="84"/>
    </row>
    <row r="12265" spans="35:39" x14ac:dyDescent="0.35">
      <c r="AI12265" s="84"/>
      <c r="AM12265" s="84"/>
    </row>
    <row r="12266" spans="35:39" x14ac:dyDescent="0.35">
      <c r="AI12266" s="84"/>
      <c r="AM12266" s="84"/>
    </row>
    <row r="12267" spans="35:39" x14ac:dyDescent="0.35">
      <c r="AI12267" s="84"/>
      <c r="AM12267" s="84"/>
    </row>
    <row r="12268" spans="35:39" x14ac:dyDescent="0.35">
      <c r="AI12268" s="84"/>
      <c r="AM12268" s="84"/>
    </row>
    <row r="12269" spans="35:39" x14ac:dyDescent="0.35">
      <c r="AI12269" s="84"/>
      <c r="AM12269" s="84"/>
    </row>
    <row r="12270" spans="35:39" x14ac:dyDescent="0.35">
      <c r="AI12270" s="84"/>
      <c r="AM12270" s="84"/>
    </row>
    <row r="12271" spans="35:39" x14ac:dyDescent="0.35">
      <c r="AI12271" s="84"/>
      <c r="AM12271" s="84"/>
    </row>
    <row r="12272" spans="35:39" x14ac:dyDescent="0.35">
      <c r="AI12272" s="84"/>
      <c r="AM12272" s="84"/>
    </row>
    <row r="12273" spans="35:39" x14ac:dyDescent="0.35">
      <c r="AI12273" s="84"/>
      <c r="AM12273" s="84"/>
    </row>
    <row r="12274" spans="35:39" x14ac:dyDescent="0.35">
      <c r="AI12274" s="84"/>
      <c r="AM12274" s="84"/>
    </row>
    <row r="12275" spans="35:39" x14ac:dyDescent="0.35">
      <c r="AI12275" s="84"/>
      <c r="AM12275" s="84"/>
    </row>
    <row r="12276" spans="35:39" x14ac:dyDescent="0.35">
      <c r="AI12276" s="84"/>
      <c r="AM12276" s="84"/>
    </row>
    <row r="12277" spans="35:39" x14ac:dyDescent="0.35">
      <c r="AI12277" s="84"/>
      <c r="AM12277" s="84"/>
    </row>
    <row r="12278" spans="35:39" x14ac:dyDescent="0.35">
      <c r="AI12278" s="84"/>
      <c r="AM12278" s="84"/>
    </row>
    <row r="12279" spans="35:39" x14ac:dyDescent="0.35">
      <c r="AI12279" s="84"/>
      <c r="AM12279" s="84"/>
    </row>
    <row r="12280" spans="35:39" x14ac:dyDescent="0.35">
      <c r="AI12280" s="84"/>
      <c r="AM12280" s="84"/>
    </row>
    <row r="12281" spans="35:39" x14ac:dyDescent="0.35">
      <c r="AI12281" s="84"/>
      <c r="AM12281" s="84"/>
    </row>
    <row r="12282" spans="35:39" x14ac:dyDescent="0.35">
      <c r="AI12282" s="84"/>
      <c r="AM12282" s="84"/>
    </row>
    <row r="12283" spans="35:39" x14ac:dyDescent="0.35">
      <c r="AI12283" s="84"/>
      <c r="AM12283" s="84"/>
    </row>
    <row r="12284" spans="35:39" x14ac:dyDescent="0.35">
      <c r="AI12284" s="84"/>
      <c r="AM12284" s="84"/>
    </row>
    <row r="12285" spans="35:39" x14ac:dyDescent="0.35">
      <c r="AI12285" s="84"/>
      <c r="AM12285" s="84"/>
    </row>
    <row r="12286" spans="35:39" x14ac:dyDescent="0.35">
      <c r="AI12286" s="84"/>
      <c r="AM12286" s="84"/>
    </row>
    <row r="12287" spans="35:39" x14ac:dyDescent="0.35">
      <c r="AI12287" s="84"/>
      <c r="AM12287" s="84"/>
    </row>
    <row r="12288" spans="35:39" x14ac:dyDescent="0.35">
      <c r="AI12288" s="84"/>
      <c r="AM12288" s="84"/>
    </row>
    <row r="12289" spans="35:39" x14ac:dyDescent="0.35">
      <c r="AI12289" s="84"/>
      <c r="AM12289" s="84"/>
    </row>
    <row r="12290" spans="35:39" x14ac:dyDescent="0.35">
      <c r="AI12290" s="84"/>
      <c r="AM12290" s="84"/>
    </row>
    <row r="12291" spans="35:39" x14ac:dyDescent="0.35">
      <c r="AI12291" s="84"/>
      <c r="AM12291" s="84"/>
    </row>
    <row r="12292" spans="35:39" x14ac:dyDescent="0.35">
      <c r="AI12292" s="84"/>
      <c r="AM12292" s="84"/>
    </row>
    <row r="12293" spans="35:39" x14ac:dyDescent="0.35">
      <c r="AI12293" s="84"/>
      <c r="AM12293" s="84"/>
    </row>
    <row r="12294" spans="35:39" x14ac:dyDescent="0.35">
      <c r="AI12294" s="84"/>
      <c r="AM12294" s="84"/>
    </row>
    <row r="12295" spans="35:39" x14ac:dyDescent="0.35">
      <c r="AI12295" s="84"/>
      <c r="AM12295" s="84"/>
    </row>
    <row r="12296" spans="35:39" x14ac:dyDescent="0.35">
      <c r="AI12296" s="84"/>
      <c r="AM12296" s="84"/>
    </row>
    <row r="12297" spans="35:39" x14ac:dyDescent="0.35">
      <c r="AI12297" s="84"/>
      <c r="AM12297" s="84"/>
    </row>
    <row r="12298" spans="35:39" x14ac:dyDescent="0.35">
      <c r="AI12298" s="84"/>
      <c r="AM12298" s="84"/>
    </row>
    <row r="12299" spans="35:39" x14ac:dyDescent="0.35">
      <c r="AI12299" s="84"/>
      <c r="AM12299" s="84"/>
    </row>
    <row r="12300" spans="35:39" x14ac:dyDescent="0.35">
      <c r="AI12300" s="84"/>
      <c r="AM12300" s="84"/>
    </row>
    <row r="12301" spans="35:39" x14ac:dyDescent="0.35">
      <c r="AI12301" s="84"/>
      <c r="AM12301" s="84"/>
    </row>
    <row r="12302" spans="35:39" x14ac:dyDescent="0.35">
      <c r="AI12302" s="84"/>
      <c r="AM12302" s="84"/>
    </row>
    <row r="12303" spans="35:39" x14ac:dyDescent="0.35">
      <c r="AI12303" s="84"/>
      <c r="AM12303" s="84"/>
    </row>
    <row r="12304" spans="35:39" x14ac:dyDescent="0.35">
      <c r="AI12304" s="84"/>
      <c r="AM12304" s="84"/>
    </row>
    <row r="12305" spans="35:39" x14ac:dyDescent="0.35">
      <c r="AI12305" s="84"/>
      <c r="AM12305" s="84"/>
    </row>
    <row r="12306" spans="35:39" x14ac:dyDescent="0.35">
      <c r="AI12306" s="84"/>
      <c r="AM12306" s="84"/>
    </row>
    <row r="12307" spans="35:39" x14ac:dyDescent="0.35">
      <c r="AI12307" s="84"/>
      <c r="AM12307" s="84"/>
    </row>
    <row r="12308" spans="35:39" x14ac:dyDescent="0.35">
      <c r="AI12308" s="84"/>
      <c r="AM12308" s="84"/>
    </row>
    <row r="12309" spans="35:39" x14ac:dyDescent="0.35">
      <c r="AI12309" s="84"/>
      <c r="AM12309" s="84"/>
    </row>
    <row r="12310" spans="35:39" x14ac:dyDescent="0.35">
      <c r="AI12310" s="84"/>
      <c r="AM12310" s="84"/>
    </row>
    <row r="12311" spans="35:39" x14ac:dyDescent="0.35">
      <c r="AI12311" s="84"/>
      <c r="AM12311" s="84"/>
    </row>
    <row r="12312" spans="35:39" x14ac:dyDescent="0.35">
      <c r="AI12312" s="84"/>
      <c r="AM12312" s="84"/>
    </row>
    <row r="12313" spans="35:39" x14ac:dyDescent="0.35">
      <c r="AI12313" s="84"/>
      <c r="AM12313" s="84"/>
    </row>
    <row r="12314" spans="35:39" x14ac:dyDescent="0.35">
      <c r="AI12314" s="84"/>
      <c r="AM12314" s="84"/>
    </row>
    <row r="12315" spans="35:39" x14ac:dyDescent="0.35">
      <c r="AI12315" s="84"/>
      <c r="AM12315" s="84"/>
    </row>
    <row r="12316" spans="35:39" x14ac:dyDescent="0.35">
      <c r="AI12316" s="84"/>
      <c r="AM12316" s="84"/>
    </row>
    <row r="12317" spans="35:39" x14ac:dyDescent="0.35">
      <c r="AI12317" s="84"/>
      <c r="AM12317" s="84"/>
    </row>
    <row r="12318" spans="35:39" x14ac:dyDescent="0.35">
      <c r="AI12318" s="84"/>
      <c r="AM12318" s="84"/>
    </row>
    <row r="12319" spans="35:39" x14ac:dyDescent="0.35">
      <c r="AI12319" s="84"/>
      <c r="AM12319" s="84"/>
    </row>
    <row r="12320" spans="35:39" x14ac:dyDescent="0.35">
      <c r="AI12320" s="84"/>
      <c r="AM12320" s="84"/>
    </row>
    <row r="12321" spans="35:39" x14ac:dyDescent="0.35">
      <c r="AI12321" s="84"/>
      <c r="AM12321" s="84"/>
    </row>
    <row r="12322" spans="35:39" x14ac:dyDescent="0.35">
      <c r="AI12322" s="84"/>
      <c r="AM12322" s="84"/>
    </row>
    <row r="12323" spans="35:39" x14ac:dyDescent="0.35">
      <c r="AI12323" s="84"/>
      <c r="AM12323" s="84"/>
    </row>
    <row r="12324" spans="35:39" x14ac:dyDescent="0.35">
      <c r="AI12324" s="84"/>
      <c r="AM12324" s="84"/>
    </row>
    <row r="12325" spans="35:39" x14ac:dyDescent="0.35">
      <c r="AI12325" s="84"/>
      <c r="AM12325" s="84"/>
    </row>
    <row r="12326" spans="35:39" x14ac:dyDescent="0.35">
      <c r="AI12326" s="84"/>
      <c r="AM12326" s="84"/>
    </row>
    <row r="12327" spans="35:39" x14ac:dyDescent="0.35">
      <c r="AI12327" s="84"/>
      <c r="AM12327" s="84"/>
    </row>
    <row r="12328" spans="35:39" x14ac:dyDescent="0.35">
      <c r="AI12328" s="84"/>
      <c r="AM12328" s="84"/>
    </row>
    <row r="12329" spans="35:39" x14ac:dyDescent="0.35">
      <c r="AI12329" s="84"/>
      <c r="AM12329" s="84"/>
    </row>
    <row r="12330" spans="35:39" x14ac:dyDescent="0.35">
      <c r="AI12330" s="84"/>
      <c r="AM12330" s="84"/>
    </row>
    <row r="12331" spans="35:39" x14ac:dyDescent="0.35">
      <c r="AI12331" s="84"/>
      <c r="AM12331" s="84"/>
    </row>
    <row r="12332" spans="35:39" x14ac:dyDescent="0.35">
      <c r="AI12332" s="84"/>
      <c r="AM12332" s="84"/>
    </row>
    <row r="12333" spans="35:39" x14ac:dyDescent="0.35">
      <c r="AI12333" s="84"/>
      <c r="AM12333" s="84"/>
    </row>
    <row r="12334" spans="35:39" x14ac:dyDescent="0.35">
      <c r="AI12334" s="84"/>
      <c r="AM12334" s="84"/>
    </row>
    <row r="12335" spans="35:39" x14ac:dyDescent="0.35">
      <c r="AI12335" s="84"/>
      <c r="AM12335" s="84"/>
    </row>
    <row r="12336" spans="35:39" x14ac:dyDescent="0.35">
      <c r="AI12336" s="84"/>
      <c r="AM12336" s="84"/>
    </row>
    <row r="12337" spans="35:39" x14ac:dyDescent="0.35">
      <c r="AI12337" s="84"/>
      <c r="AM12337" s="84"/>
    </row>
    <row r="12338" spans="35:39" x14ac:dyDescent="0.35">
      <c r="AI12338" s="84"/>
      <c r="AM12338" s="84"/>
    </row>
    <row r="12339" spans="35:39" x14ac:dyDescent="0.35">
      <c r="AI12339" s="84"/>
      <c r="AM12339" s="84"/>
    </row>
    <row r="12340" spans="35:39" x14ac:dyDescent="0.35">
      <c r="AI12340" s="84"/>
      <c r="AM12340" s="84"/>
    </row>
    <row r="12341" spans="35:39" x14ac:dyDescent="0.35">
      <c r="AI12341" s="84"/>
      <c r="AM12341" s="84"/>
    </row>
    <row r="12342" spans="35:39" x14ac:dyDescent="0.35">
      <c r="AI12342" s="84"/>
      <c r="AM12342" s="84"/>
    </row>
    <row r="12343" spans="35:39" x14ac:dyDescent="0.35">
      <c r="AI12343" s="84"/>
      <c r="AM12343" s="84"/>
    </row>
    <row r="12344" spans="35:39" x14ac:dyDescent="0.35">
      <c r="AI12344" s="84"/>
      <c r="AM12344" s="84"/>
    </row>
    <row r="12345" spans="35:39" x14ac:dyDescent="0.35">
      <c r="AI12345" s="84"/>
      <c r="AM12345" s="84"/>
    </row>
    <row r="12346" spans="35:39" x14ac:dyDescent="0.35">
      <c r="AI12346" s="84"/>
      <c r="AM12346" s="84"/>
    </row>
    <row r="12347" spans="35:39" x14ac:dyDescent="0.35">
      <c r="AI12347" s="84"/>
      <c r="AM12347" s="84"/>
    </row>
    <row r="12348" spans="35:39" x14ac:dyDescent="0.35">
      <c r="AI12348" s="84"/>
      <c r="AM12348" s="84"/>
    </row>
    <row r="12349" spans="35:39" x14ac:dyDescent="0.35">
      <c r="AI12349" s="84"/>
      <c r="AM12349" s="84"/>
    </row>
    <row r="12350" spans="35:39" x14ac:dyDescent="0.35">
      <c r="AI12350" s="84"/>
      <c r="AM12350" s="84"/>
    </row>
    <row r="12351" spans="35:39" x14ac:dyDescent="0.35">
      <c r="AI12351" s="84"/>
      <c r="AM12351" s="84"/>
    </row>
    <row r="12352" spans="35:39" x14ac:dyDescent="0.35">
      <c r="AI12352" s="84"/>
      <c r="AM12352" s="84"/>
    </row>
    <row r="12353" spans="35:39" x14ac:dyDescent="0.35">
      <c r="AI12353" s="84"/>
      <c r="AM12353" s="84"/>
    </row>
    <row r="12354" spans="35:39" x14ac:dyDescent="0.35">
      <c r="AI12354" s="84"/>
      <c r="AM12354" s="84"/>
    </row>
    <row r="12355" spans="35:39" x14ac:dyDescent="0.35">
      <c r="AI12355" s="84"/>
      <c r="AM12355" s="84"/>
    </row>
    <row r="12356" spans="35:39" x14ac:dyDescent="0.35">
      <c r="AI12356" s="84"/>
      <c r="AM12356" s="84"/>
    </row>
    <row r="12357" spans="35:39" x14ac:dyDescent="0.35">
      <c r="AI12357" s="84"/>
      <c r="AM12357" s="84"/>
    </row>
    <row r="12358" spans="35:39" x14ac:dyDescent="0.35">
      <c r="AI12358" s="84"/>
      <c r="AM12358" s="84"/>
    </row>
    <row r="12359" spans="35:39" x14ac:dyDescent="0.35">
      <c r="AI12359" s="84"/>
      <c r="AM12359" s="84"/>
    </row>
    <row r="12360" spans="35:39" x14ac:dyDescent="0.35">
      <c r="AI12360" s="84"/>
      <c r="AM12360" s="84"/>
    </row>
    <row r="12361" spans="35:39" x14ac:dyDescent="0.35">
      <c r="AI12361" s="84"/>
      <c r="AM12361" s="84"/>
    </row>
    <row r="12362" spans="35:39" x14ac:dyDescent="0.35">
      <c r="AI12362" s="84"/>
      <c r="AM12362" s="84"/>
    </row>
    <row r="12363" spans="35:39" x14ac:dyDescent="0.35">
      <c r="AI12363" s="84"/>
      <c r="AM12363" s="84"/>
    </row>
    <row r="12364" spans="35:39" x14ac:dyDescent="0.35">
      <c r="AI12364" s="84"/>
      <c r="AM12364" s="84"/>
    </row>
    <row r="12365" spans="35:39" x14ac:dyDescent="0.35">
      <c r="AI12365" s="84"/>
      <c r="AM12365" s="84"/>
    </row>
    <row r="12366" spans="35:39" x14ac:dyDescent="0.35">
      <c r="AI12366" s="84"/>
      <c r="AM12366" s="84"/>
    </row>
    <row r="12367" spans="35:39" x14ac:dyDescent="0.35">
      <c r="AI12367" s="84"/>
      <c r="AM12367" s="84"/>
    </row>
    <row r="12368" spans="35:39" x14ac:dyDescent="0.35">
      <c r="AI12368" s="84"/>
      <c r="AM12368" s="84"/>
    </row>
    <row r="12369" spans="35:39" x14ac:dyDescent="0.35">
      <c r="AI12369" s="84"/>
      <c r="AM12369" s="84"/>
    </row>
    <row r="12370" spans="35:39" x14ac:dyDescent="0.35">
      <c r="AI12370" s="84"/>
      <c r="AM12370" s="84"/>
    </row>
    <row r="12371" spans="35:39" x14ac:dyDescent="0.35">
      <c r="AI12371" s="84"/>
      <c r="AM12371" s="84"/>
    </row>
    <row r="12372" spans="35:39" x14ac:dyDescent="0.35">
      <c r="AI12372" s="84"/>
      <c r="AM12372" s="84"/>
    </row>
    <row r="12373" spans="35:39" x14ac:dyDescent="0.35">
      <c r="AI12373" s="84"/>
      <c r="AM12373" s="84"/>
    </row>
    <row r="12374" spans="35:39" x14ac:dyDescent="0.35">
      <c r="AI12374" s="84"/>
      <c r="AM12374" s="84"/>
    </row>
    <row r="12375" spans="35:39" x14ac:dyDescent="0.35">
      <c r="AI12375" s="84"/>
      <c r="AM12375" s="84"/>
    </row>
    <row r="12376" spans="35:39" x14ac:dyDescent="0.35">
      <c r="AI12376" s="84"/>
      <c r="AM12376" s="84"/>
    </row>
    <row r="12377" spans="35:39" x14ac:dyDescent="0.35">
      <c r="AI12377" s="84"/>
      <c r="AM12377" s="84"/>
    </row>
    <row r="12378" spans="35:39" x14ac:dyDescent="0.35">
      <c r="AI12378" s="84"/>
      <c r="AM12378" s="84"/>
    </row>
    <row r="12379" spans="35:39" x14ac:dyDescent="0.35">
      <c r="AI12379" s="84"/>
      <c r="AM12379" s="84"/>
    </row>
    <row r="12380" spans="35:39" x14ac:dyDescent="0.35">
      <c r="AI12380" s="84"/>
      <c r="AM12380" s="84"/>
    </row>
    <row r="12381" spans="35:39" x14ac:dyDescent="0.35">
      <c r="AI12381" s="84"/>
      <c r="AM12381" s="84"/>
    </row>
    <row r="12382" spans="35:39" x14ac:dyDescent="0.35">
      <c r="AI12382" s="84"/>
      <c r="AM12382" s="84"/>
    </row>
    <row r="12383" spans="35:39" x14ac:dyDescent="0.35">
      <c r="AI12383" s="84"/>
      <c r="AM12383" s="84"/>
    </row>
    <row r="12384" spans="35:39" x14ac:dyDescent="0.35">
      <c r="AI12384" s="84"/>
      <c r="AM12384" s="84"/>
    </row>
    <row r="12385" spans="35:39" x14ac:dyDescent="0.35">
      <c r="AI12385" s="84"/>
      <c r="AM12385" s="84"/>
    </row>
    <row r="12386" spans="35:39" x14ac:dyDescent="0.35">
      <c r="AI12386" s="84"/>
      <c r="AM12386" s="84"/>
    </row>
    <row r="12387" spans="35:39" x14ac:dyDescent="0.35">
      <c r="AI12387" s="84"/>
      <c r="AM12387" s="84"/>
    </row>
    <row r="12388" spans="35:39" x14ac:dyDescent="0.35">
      <c r="AI12388" s="84"/>
      <c r="AM12388" s="84"/>
    </row>
    <row r="12389" spans="35:39" x14ac:dyDescent="0.35">
      <c r="AI12389" s="84"/>
      <c r="AM12389" s="84"/>
    </row>
    <row r="12390" spans="35:39" x14ac:dyDescent="0.35">
      <c r="AI12390" s="84"/>
      <c r="AM12390" s="84"/>
    </row>
    <row r="12391" spans="35:39" x14ac:dyDescent="0.35">
      <c r="AI12391" s="84"/>
      <c r="AM12391" s="84"/>
    </row>
    <row r="12392" spans="35:39" x14ac:dyDescent="0.35">
      <c r="AI12392" s="84"/>
      <c r="AM12392" s="84"/>
    </row>
    <row r="12393" spans="35:39" x14ac:dyDescent="0.35">
      <c r="AI12393" s="84"/>
      <c r="AM12393" s="84"/>
    </row>
    <row r="12394" spans="35:39" x14ac:dyDescent="0.35">
      <c r="AI12394" s="84"/>
      <c r="AM12394" s="84"/>
    </row>
    <row r="12395" spans="35:39" x14ac:dyDescent="0.35">
      <c r="AI12395" s="84"/>
      <c r="AM12395" s="84"/>
    </row>
    <row r="12396" spans="35:39" x14ac:dyDescent="0.35">
      <c r="AI12396" s="84"/>
      <c r="AM12396" s="84"/>
    </row>
    <row r="12397" spans="35:39" x14ac:dyDescent="0.35">
      <c r="AI12397" s="84"/>
      <c r="AM12397" s="84"/>
    </row>
    <row r="12398" spans="35:39" x14ac:dyDescent="0.35">
      <c r="AI12398" s="84"/>
      <c r="AM12398" s="84"/>
    </row>
    <row r="12399" spans="35:39" x14ac:dyDescent="0.35">
      <c r="AI12399" s="84"/>
      <c r="AM12399" s="84"/>
    </row>
    <row r="12400" spans="35:39" x14ac:dyDescent="0.35">
      <c r="AI12400" s="84"/>
      <c r="AM12400" s="84"/>
    </row>
    <row r="12401" spans="35:39" x14ac:dyDescent="0.35">
      <c r="AI12401" s="84"/>
      <c r="AM12401" s="84"/>
    </row>
    <row r="12402" spans="35:39" x14ac:dyDescent="0.35">
      <c r="AI12402" s="84"/>
      <c r="AM12402" s="84"/>
    </row>
    <row r="12403" spans="35:39" x14ac:dyDescent="0.35">
      <c r="AI12403" s="84"/>
      <c r="AM12403" s="84"/>
    </row>
    <row r="12404" spans="35:39" x14ac:dyDescent="0.35">
      <c r="AI12404" s="84"/>
      <c r="AM12404" s="84"/>
    </row>
    <row r="12405" spans="35:39" x14ac:dyDescent="0.35">
      <c r="AI12405" s="84"/>
      <c r="AM12405" s="84"/>
    </row>
    <row r="12406" spans="35:39" x14ac:dyDescent="0.35">
      <c r="AI12406" s="84"/>
      <c r="AM12406" s="84"/>
    </row>
    <row r="12407" spans="35:39" x14ac:dyDescent="0.35">
      <c r="AI12407" s="84"/>
      <c r="AM12407" s="84"/>
    </row>
    <row r="12408" spans="35:39" x14ac:dyDescent="0.35">
      <c r="AI12408" s="84"/>
      <c r="AM12408" s="84"/>
    </row>
    <row r="12409" spans="35:39" x14ac:dyDescent="0.35">
      <c r="AI12409" s="84"/>
      <c r="AM12409" s="84"/>
    </row>
    <row r="12410" spans="35:39" x14ac:dyDescent="0.35">
      <c r="AI12410" s="84"/>
      <c r="AM12410" s="84"/>
    </row>
    <row r="12411" spans="35:39" x14ac:dyDescent="0.35">
      <c r="AI12411" s="84"/>
      <c r="AM12411" s="84"/>
    </row>
    <row r="12412" spans="35:39" x14ac:dyDescent="0.35">
      <c r="AI12412" s="84"/>
      <c r="AM12412" s="84"/>
    </row>
    <row r="12413" spans="35:39" x14ac:dyDescent="0.35">
      <c r="AI12413" s="84"/>
      <c r="AM12413" s="84"/>
    </row>
    <row r="12414" spans="35:39" x14ac:dyDescent="0.35">
      <c r="AI12414" s="84"/>
      <c r="AM12414" s="84"/>
    </row>
    <row r="12415" spans="35:39" x14ac:dyDescent="0.35">
      <c r="AI12415" s="84"/>
      <c r="AM12415" s="84"/>
    </row>
    <row r="12416" spans="35:39" x14ac:dyDescent="0.35">
      <c r="AI12416" s="84"/>
      <c r="AM12416" s="84"/>
    </row>
    <row r="12417" spans="35:39" x14ac:dyDescent="0.35">
      <c r="AI12417" s="84"/>
      <c r="AM12417" s="84"/>
    </row>
    <row r="12418" spans="35:39" x14ac:dyDescent="0.35">
      <c r="AI12418" s="84"/>
      <c r="AM12418" s="84"/>
    </row>
    <row r="12419" spans="35:39" x14ac:dyDescent="0.35">
      <c r="AI12419" s="84"/>
      <c r="AM12419" s="84"/>
    </row>
    <row r="12420" spans="35:39" x14ac:dyDescent="0.35">
      <c r="AI12420" s="84"/>
      <c r="AM12420" s="84"/>
    </row>
    <row r="12421" spans="35:39" x14ac:dyDescent="0.35">
      <c r="AI12421" s="84"/>
      <c r="AM12421" s="84"/>
    </row>
    <row r="12422" spans="35:39" x14ac:dyDescent="0.35">
      <c r="AI12422" s="84"/>
      <c r="AM12422" s="84"/>
    </row>
    <row r="12423" spans="35:39" x14ac:dyDescent="0.35">
      <c r="AI12423" s="84"/>
      <c r="AM12423" s="84"/>
    </row>
    <row r="12424" spans="35:39" x14ac:dyDescent="0.35">
      <c r="AI12424" s="84"/>
      <c r="AM12424" s="84"/>
    </row>
    <row r="12425" spans="35:39" x14ac:dyDescent="0.35">
      <c r="AI12425" s="84"/>
      <c r="AM12425" s="84"/>
    </row>
    <row r="12426" spans="35:39" x14ac:dyDescent="0.35">
      <c r="AI12426" s="84"/>
      <c r="AM12426" s="84"/>
    </row>
    <row r="12427" spans="35:39" x14ac:dyDescent="0.35">
      <c r="AI12427" s="84"/>
      <c r="AM12427" s="84"/>
    </row>
    <row r="12428" spans="35:39" x14ac:dyDescent="0.35">
      <c r="AI12428" s="84"/>
      <c r="AM12428" s="84"/>
    </row>
    <row r="12429" spans="35:39" x14ac:dyDescent="0.35">
      <c r="AI12429" s="84"/>
      <c r="AM12429" s="84"/>
    </row>
    <row r="12430" spans="35:39" x14ac:dyDescent="0.35">
      <c r="AI12430" s="84"/>
      <c r="AM12430" s="84"/>
    </row>
    <row r="12431" spans="35:39" x14ac:dyDescent="0.35">
      <c r="AI12431" s="84"/>
      <c r="AM12431" s="84"/>
    </row>
    <row r="12432" spans="35:39" x14ac:dyDescent="0.35">
      <c r="AI12432" s="84"/>
      <c r="AM12432" s="84"/>
    </row>
    <row r="12433" spans="35:39" x14ac:dyDescent="0.35">
      <c r="AI12433" s="84"/>
      <c r="AM12433" s="84"/>
    </row>
    <row r="12434" spans="35:39" x14ac:dyDescent="0.35">
      <c r="AI12434" s="84"/>
      <c r="AM12434" s="84"/>
    </row>
    <row r="12435" spans="35:39" x14ac:dyDescent="0.35">
      <c r="AI12435" s="84"/>
      <c r="AM12435" s="84"/>
    </row>
    <row r="12436" spans="35:39" x14ac:dyDescent="0.35">
      <c r="AI12436" s="84"/>
      <c r="AM12436" s="84"/>
    </row>
    <row r="12437" spans="35:39" x14ac:dyDescent="0.35">
      <c r="AI12437" s="84"/>
      <c r="AM12437" s="84"/>
    </row>
    <row r="12438" spans="35:39" x14ac:dyDescent="0.35">
      <c r="AI12438" s="84"/>
      <c r="AM12438" s="84"/>
    </row>
    <row r="12439" spans="35:39" x14ac:dyDescent="0.35">
      <c r="AI12439" s="84"/>
      <c r="AM12439" s="84"/>
    </row>
    <row r="12440" spans="35:39" x14ac:dyDescent="0.35">
      <c r="AI12440" s="84"/>
      <c r="AM12440" s="84"/>
    </row>
    <row r="12441" spans="35:39" x14ac:dyDescent="0.35">
      <c r="AI12441" s="84"/>
      <c r="AM12441" s="84"/>
    </row>
    <row r="12442" spans="35:39" x14ac:dyDescent="0.35">
      <c r="AI12442" s="84"/>
      <c r="AM12442" s="84"/>
    </row>
    <row r="12443" spans="35:39" x14ac:dyDescent="0.35">
      <c r="AI12443" s="84"/>
      <c r="AM12443" s="84"/>
    </row>
    <row r="12444" spans="35:39" x14ac:dyDescent="0.35">
      <c r="AI12444" s="84"/>
      <c r="AM12444" s="84"/>
    </row>
    <row r="12445" spans="35:39" x14ac:dyDescent="0.35">
      <c r="AI12445" s="84"/>
      <c r="AM12445" s="84"/>
    </row>
    <row r="12446" spans="35:39" x14ac:dyDescent="0.35">
      <c r="AI12446" s="84"/>
      <c r="AM12446" s="84"/>
    </row>
    <row r="12447" spans="35:39" x14ac:dyDescent="0.35">
      <c r="AI12447" s="84"/>
      <c r="AM12447" s="84"/>
    </row>
    <row r="12448" spans="35:39" x14ac:dyDescent="0.35">
      <c r="AI12448" s="84"/>
      <c r="AM12448" s="84"/>
    </row>
    <row r="12449" spans="35:39" x14ac:dyDescent="0.35">
      <c r="AI12449" s="84"/>
      <c r="AM12449" s="84"/>
    </row>
    <row r="12450" spans="35:39" x14ac:dyDescent="0.35">
      <c r="AI12450" s="84"/>
      <c r="AM12450" s="84"/>
    </row>
    <row r="12451" spans="35:39" x14ac:dyDescent="0.35">
      <c r="AI12451" s="84"/>
      <c r="AM12451" s="84"/>
    </row>
    <row r="12452" spans="35:39" x14ac:dyDescent="0.35">
      <c r="AI12452" s="84"/>
      <c r="AM12452" s="84"/>
    </row>
    <row r="12453" spans="35:39" x14ac:dyDescent="0.35">
      <c r="AI12453" s="84"/>
      <c r="AM12453" s="84"/>
    </row>
    <row r="12454" spans="35:39" x14ac:dyDescent="0.35">
      <c r="AI12454" s="84"/>
      <c r="AM12454" s="84"/>
    </row>
    <row r="12455" spans="35:39" x14ac:dyDescent="0.35">
      <c r="AI12455" s="84"/>
      <c r="AM12455" s="84"/>
    </row>
    <row r="12456" spans="35:39" x14ac:dyDescent="0.35">
      <c r="AI12456" s="84"/>
      <c r="AM12456" s="84"/>
    </row>
    <row r="12457" spans="35:39" x14ac:dyDescent="0.35">
      <c r="AI12457" s="84"/>
      <c r="AM12457" s="84"/>
    </row>
    <row r="12458" spans="35:39" x14ac:dyDescent="0.35">
      <c r="AI12458" s="84"/>
      <c r="AM12458" s="84"/>
    </row>
    <row r="12459" spans="35:39" x14ac:dyDescent="0.35">
      <c r="AI12459" s="84"/>
      <c r="AM12459" s="84"/>
    </row>
    <row r="12460" spans="35:39" x14ac:dyDescent="0.35">
      <c r="AI12460" s="84"/>
      <c r="AM12460" s="84"/>
    </row>
    <row r="12461" spans="35:39" x14ac:dyDescent="0.35">
      <c r="AI12461" s="84"/>
      <c r="AM12461" s="84"/>
    </row>
    <row r="12462" spans="35:39" x14ac:dyDescent="0.35">
      <c r="AI12462" s="84"/>
      <c r="AM12462" s="84"/>
    </row>
    <row r="12463" spans="35:39" x14ac:dyDescent="0.35">
      <c r="AI12463" s="84"/>
      <c r="AM12463" s="84"/>
    </row>
    <row r="12464" spans="35:39" x14ac:dyDescent="0.35">
      <c r="AI12464" s="84"/>
      <c r="AM12464" s="84"/>
    </row>
    <row r="12465" spans="35:39" x14ac:dyDescent="0.35">
      <c r="AI12465" s="84"/>
      <c r="AM12465" s="84"/>
    </row>
    <row r="12466" spans="35:39" x14ac:dyDescent="0.35">
      <c r="AI12466" s="84"/>
      <c r="AM12466" s="84"/>
    </row>
    <row r="12467" spans="35:39" x14ac:dyDescent="0.35">
      <c r="AI12467" s="84"/>
      <c r="AM12467" s="84"/>
    </row>
    <row r="12468" spans="35:39" x14ac:dyDescent="0.35">
      <c r="AI12468" s="84"/>
      <c r="AM12468" s="84"/>
    </row>
    <row r="12469" spans="35:39" x14ac:dyDescent="0.35">
      <c r="AI12469" s="84"/>
      <c r="AM12469" s="84"/>
    </row>
    <row r="12470" spans="35:39" x14ac:dyDescent="0.35">
      <c r="AI12470" s="84"/>
      <c r="AM12470" s="84"/>
    </row>
    <row r="12471" spans="35:39" x14ac:dyDescent="0.35">
      <c r="AI12471" s="84"/>
      <c r="AM12471" s="84"/>
    </row>
    <row r="12472" spans="35:39" x14ac:dyDescent="0.35">
      <c r="AI12472" s="84"/>
      <c r="AM12472" s="84"/>
    </row>
    <row r="12473" spans="35:39" x14ac:dyDescent="0.35">
      <c r="AI12473" s="84"/>
      <c r="AM12473" s="84"/>
    </row>
    <row r="12474" spans="35:39" x14ac:dyDescent="0.35">
      <c r="AI12474" s="84"/>
      <c r="AM12474" s="84"/>
    </row>
    <row r="12475" spans="35:39" x14ac:dyDescent="0.35">
      <c r="AI12475" s="84"/>
      <c r="AM12475" s="84"/>
    </row>
    <row r="12476" spans="35:39" x14ac:dyDescent="0.35">
      <c r="AI12476" s="84"/>
      <c r="AM12476" s="84"/>
    </row>
    <row r="12477" spans="35:39" x14ac:dyDescent="0.35">
      <c r="AI12477" s="84"/>
      <c r="AM12477" s="84"/>
    </row>
    <row r="12478" spans="35:39" x14ac:dyDescent="0.35">
      <c r="AI12478" s="84"/>
      <c r="AM12478" s="84"/>
    </row>
    <row r="12479" spans="35:39" x14ac:dyDescent="0.35">
      <c r="AI12479" s="84"/>
      <c r="AM12479" s="84"/>
    </row>
    <row r="12480" spans="35:39" x14ac:dyDescent="0.35">
      <c r="AI12480" s="84"/>
      <c r="AM12480" s="84"/>
    </row>
    <row r="12481" spans="35:39" x14ac:dyDescent="0.35">
      <c r="AI12481" s="84"/>
      <c r="AM12481" s="84"/>
    </row>
    <row r="12482" spans="35:39" x14ac:dyDescent="0.35">
      <c r="AI12482" s="84"/>
      <c r="AM12482" s="84"/>
    </row>
    <row r="12483" spans="35:39" x14ac:dyDescent="0.35">
      <c r="AI12483" s="84"/>
      <c r="AM12483" s="84"/>
    </row>
    <row r="12484" spans="35:39" x14ac:dyDescent="0.35">
      <c r="AI12484" s="84"/>
      <c r="AM12484" s="84"/>
    </row>
    <row r="12485" spans="35:39" x14ac:dyDescent="0.35">
      <c r="AI12485" s="84"/>
      <c r="AM12485" s="84"/>
    </row>
    <row r="12486" spans="35:39" x14ac:dyDescent="0.35">
      <c r="AI12486" s="84"/>
      <c r="AM12486" s="84"/>
    </row>
    <row r="12487" spans="35:39" x14ac:dyDescent="0.35">
      <c r="AI12487" s="84"/>
      <c r="AM12487" s="84"/>
    </row>
    <row r="12488" spans="35:39" x14ac:dyDescent="0.35">
      <c r="AI12488" s="84"/>
      <c r="AM12488" s="84"/>
    </row>
    <row r="12489" spans="35:39" x14ac:dyDescent="0.35">
      <c r="AI12489" s="84"/>
      <c r="AM12489" s="84"/>
    </row>
    <row r="12490" spans="35:39" x14ac:dyDescent="0.35">
      <c r="AI12490" s="84"/>
      <c r="AM12490" s="84"/>
    </row>
    <row r="12491" spans="35:39" x14ac:dyDescent="0.35">
      <c r="AI12491" s="84"/>
      <c r="AM12491" s="84"/>
    </row>
    <row r="12492" spans="35:39" x14ac:dyDescent="0.35">
      <c r="AI12492" s="84"/>
      <c r="AM12492" s="84"/>
    </row>
    <row r="12493" spans="35:39" x14ac:dyDescent="0.35">
      <c r="AI12493" s="84"/>
      <c r="AM12493" s="84"/>
    </row>
    <row r="12494" spans="35:39" x14ac:dyDescent="0.35">
      <c r="AI12494" s="84"/>
      <c r="AM12494" s="84"/>
    </row>
    <row r="12495" spans="35:39" x14ac:dyDescent="0.35">
      <c r="AI12495" s="84"/>
      <c r="AM12495" s="84"/>
    </row>
    <row r="12496" spans="35:39" x14ac:dyDescent="0.35">
      <c r="AI12496" s="84"/>
      <c r="AM12496" s="84"/>
    </row>
    <row r="12497" spans="35:39" x14ac:dyDescent="0.35">
      <c r="AI12497" s="84"/>
      <c r="AM12497" s="84"/>
    </row>
    <row r="12498" spans="35:39" x14ac:dyDescent="0.35">
      <c r="AI12498" s="84"/>
      <c r="AM12498" s="84"/>
    </row>
    <row r="12499" spans="35:39" x14ac:dyDescent="0.35">
      <c r="AI12499" s="84"/>
      <c r="AM12499" s="84"/>
    </row>
    <row r="12500" spans="35:39" x14ac:dyDescent="0.35">
      <c r="AI12500" s="84"/>
      <c r="AM12500" s="84"/>
    </row>
    <row r="12501" spans="35:39" x14ac:dyDescent="0.35">
      <c r="AI12501" s="84"/>
      <c r="AM12501" s="84"/>
    </row>
    <row r="12502" spans="35:39" x14ac:dyDescent="0.35">
      <c r="AI12502" s="84"/>
      <c r="AM12502" s="84"/>
    </row>
    <row r="12503" spans="35:39" x14ac:dyDescent="0.35">
      <c r="AI12503" s="84"/>
      <c r="AM12503" s="84"/>
    </row>
    <row r="12504" spans="35:39" x14ac:dyDescent="0.35">
      <c r="AI12504" s="84"/>
      <c r="AM12504" s="84"/>
    </row>
    <row r="12505" spans="35:39" x14ac:dyDescent="0.35">
      <c r="AI12505" s="84"/>
      <c r="AM12505" s="84"/>
    </row>
    <row r="12506" spans="35:39" x14ac:dyDescent="0.35">
      <c r="AI12506" s="84"/>
      <c r="AM12506" s="84"/>
    </row>
    <row r="12507" spans="35:39" x14ac:dyDescent="0.35">
      <c r="AI12507" s="84"/>
      <c r="AM12507" s="84"/>
    </row>
    <row r="12508" spans="35:39" x14ac:dyDescent="0.35">
      <c r="AI12508" s="84"/>
      <c r="AM12508" s="84"/>
    </row>
    <row r="12509" spans="35:39" x14ac:dyDescent="0.35">
      <c r="AI12509" s="84"/>
      <c r="AM12509" s="84"/>
    </row>
    <row r="12510" spans="35:39" x14ac:dyDescent="0.35">
      <c r="AI12510" s="84"/>
      <c r="AM12510" s="84"/>
    </row>
    <row r="12511" spans="35:39" x14ac:dyDescent="0.35">
      <c r="AI12511" s="84"/>
      <c r="AM12511" s="84"/>
    </row>
    <row r="12512" spans="35:39" x14ac:dyDescent="0.35">
      <c r="AI12512" s="84"/>
      <c r="AM12512" s="84"/>
    </row>
    <row r="12513" spans="35:39" x14ac:dyDescent="0.35">
      <c r="AI12513" s="84"/>
      <c r="AM12513" s="84"/>
    </row>
    <row r="12514" spans="35:39" x14ac:dyDescent="0.35">
      <c r="AI12514" s="84"/>
      <c r="AM12514" s="84"/>
    </row>
    <row r="12515" spans="35:39" x14ac:dyDescent="0.35">
      <c r="AI12515" s="84"/>
      <c r="AM12515" s="84"/>
    </row>
    <row r="12516" spans="35:39" x14ac:dyDescent="0.35">
      <c r="AI12516" s="84"/>
      <c r="AM12516" s="84"/>
    </row>
    <row r="12517" spans="35:39" x14ac:dyDescent="0.35">
      <c r="AI12517" s="84"/>
      <c r="AM12517" s="84"/>
    </row>
    <row r="12518" spans="35:39" x14ac:dyDescent="0.35">
      <c r="AI12518" s="84"/>
      <c r="AM12518" s="84"/>
    </row>
    <row r="12519" spans="35:39" x14ac:dyDescent="0.35">
      <c r="AI12519" s="84"/>
      <c r="AM12519" s="84"/>
    </row>
    <row r="12520" spans="35:39" x14ac:dyDescent="0.35">
      <c r="AI12520" s="84"/>
      <c r="AM12520" s="84"/>
    </row>
    <row r="12521" spans="35:39" x14ac:dyDescent="0.35">
      <c r="AI12521" s="84"/>
      <c r="AM12521" s="84"/>
    </row>
    <row r="12522" spans="35:39" x14ac:dyDescent="0.35">
      <c r="AI12522" s="84"/>
      <c r="AM12522" s="84"/>
    </row>
    <row r="12523" spans="35:39" x14ac:dyDescent="0.35">
      <c r="AI12523" s="84"/>
      <c r="AM12523" s="84"/>
    </row>
    <row r="12524" spans="35:39" x14ac:dyDescent="0.35">
      <c r="AI12524" s="84"/>
      <c r="AM12524" s="84"/>
    </row>
    <row r="12525" spans="35:39" x14ac:dyDescent="0.35">
      <c r="AI12525" s="84"/>
      <c r="AM12525" s="84"/>
    </row>
    <row r="12526" spans="35:39" x14ac:dyDescent="0.35">
      <c r="AI12526" s="84"/>
      <c r="AM12526" s="84"/>
    </row>
    <row r="12527" spans="35:39" x14ac:dyDescent="0.35">
      <c r="AI12527" s="84"/>
      <c r="AM12527" s="84"/>
    </row>
    <row r="12528" spans="35:39" x14ac:dyDescent="0.35">
      <c r="AI12528" s="84"/>
      <c r="AM12528" s="84"/>
    </row>
    <row r="12529" spans="35:39" x14ac:dyDescent="0.35">
      <c r="AI12529" s="84"/>
      <c r="AM12529" s="84"/>
    </row>
    <row r="12530" spans="35:39" x14ac:dyDescent="0.35">
      <c r="AI12530" s="84"/>
      <c r="AM12530" s="84"/>
    </row>
    <row r="12531" spans="35:39" x14ac:dyDescent="0.35">
      <c r="AI12531" s="84"/>
      <c r="AM12531" s="84"/>
    </row>
    <row r="12532" spans="35:39" x14ac:dyDescent="0.35">
      <c r="AI12532" s="84"/>
      <c r="AM12532" s="84"/>
    </row>
    <row r="12533" spans="35:39" x14ac:dyDescent="0.35">
      <c r="AI12533" s="84"/>
      <c r="AM12533" s="84"/>
    </row>
    <row r="12534" spans="35:39" x14ac:dyDescent="0.35">
      <c r="AI12534" s="84"/>
      <c r="AM12534" s="84"/>
    </row>
    <row r="12535" spans="35:39" x14ac:dyDescent="0.35">
      <c r="AI12535" s="84"/>
      <c r="AM12535" s="84"/>
    </row>
    <row r="12536" spans="35:39" x14ac:dyDescent="0.35">
      <c r="AI12536" s="84"/>
      <c r="AM12536" s="84"/>
    </row>
    <row r="12537" spans="35:39" x14ac:dyDescent="0.35">
      <c r="AI12537" s="84"/>
      <c r="AM12537" s="84"/>
    </row>
    <row r="12538" spans="35:39" x14ac:dyDescent="0.35">
      <c r="AI12538" s="84"/>
      <c r="AM12538" s="84"/>
    </row>
    <row r="12539" spans="35:39" x14ac:dyDescent="0.35">
      <c r="AI12539" s="84"/>
      <c r="AM12539" s="84"/>
    </row>
    <row r="12540" spans="35:39" x14ac:dyDescent="0.35">
      <c r="AI12540" s="84"/>
      <c r="AM12540" s="84"/>
    </row>
    <row r="12541" spans="35:39" x14ac:dyDescent="0.35">
      <c r="AI12541" s="84"/>
      <c r="AM12541" s="84"/>
    </row>
    <row r="12542" spans="35:39" x14ac:dyDescent="0.35">
      <c r="AI12542" s="84"/>
      <c r="AM12542" s="84"/>
    </row>
    <row r="12543" spans="35:39" x14ac:dyDescent="0.35">
      <c r="AI12543" s="84"/>
      <c r="AM12543" s="84"/>
    </row>
    <row r="12544" spans="35:39" x14ac:dyDescent="0.35">
      <c r="AI12544" s="84"/>
      <c r="AM12544" s="84"/>
    </row>
    <row r="12545" spans="35:39" x14ac:dyDescent="0.35">
      <c r="AI12545" s="84"/>
      <c r="AM12545" s="84"/>
    </row>
    <row r="12546" spans="35:39" x14ac:dyDescent="0.35">
      <c r="AI12546" s="84"/>
      <c r="AM12546" s="84"/>
    </row>
    <row r="12547" spans="35:39" x14ac:dyDescent="0.35">
      <c r="AI12547" s="84"/>
      <c r="AM12547" s="84"/>
    </row>
    <row r="12548" spans="35:39" x14ac:dyDescent="0.35">
      <c r="AI12548" s="84"/>
      <c r="AM12548" s="84"/>
    </row>
    <row r="12549" spans="35:39" x14ac:dyDescent="0.35">
      <c r="AI12549" s="84"/>
      <c r="AM12549" s="84"/>
    </row>
    <row r="12550" spans="35:39" x14ac:dyDescent="0.35">
      <c r="AI12550" s="84"/>
      <c r="AM12550" s="84"/>
    </row>
    <row r="12551" spans="35:39" x14ac:dyDescent="0.35">
      <c r="AI12551" s="84"/>
      <c r="AM12551" s="84"/>
    </row>
    <row r="12552" spans="35:39" x14ac:dyDescent="0.35">
      <c r="AI12552" s="84"/>
      <c r="AM12552" s="84"/>
    </row>
    <row r="12553" spans="35:39" x14ac:dyDescent="0.35">
      <c r="AI12553" s="84"/>
      <c r="AM12553" s="84"/>
    </row>
    <row r="12554" spans="35:39" x14ac:dyDescent="0.35">
      <c r="AI12554" s="84"/>
      <c r="AM12554" s="84"/>
    </row>
    <row r="12555" spans="35:39" x14ac:dyDescent="0.35">
      <c r="AI12555" s="84"/>
      <c r="AM12555" s="84"/>
    </row>
    <row r="12556" spans="35:39" x14ac:dyDescent="0.35">
      <c r="AI12556" s="84"/>
      <c r="AM12556" s="84"/>
    </row>
    <row r="12557" spans="35:39" x14ac:dyDescent="0.35">
      <c r="AI12557" s="84"/>
      <c r="AM12557" s="84"/>
    </row>
    <row r="12558" spans="35:39" x14ac:dyDescent="0.35">
      <c r="AI12558" s="84"/>
      <c r="AM12558" s="84"/>
    </row>
    <row r="12559" spans="35:39" x14ac:dyDescent="0.35">
      <c r="AI12559" s="84"/>
      <c r="AM12559" s="84"/>
    </row>
    <row r="12560" spans="35:39" x14ac:dyDescent="0.35">
      <c r="AI12560" s="84"/>
      <c r="AM12560" s="84"/>
    </row>
    <row r="12561" spans="35:39" x14ac:dyDescent="0.35">
      <c r="AI12561" s="84"/>
      <c r="AM12561" s="84"/>
    </row>
    <row r="12562" spans="35:39" x14ac:dyDescent="0.35">
      <c r="AI12562" s="84"/>
      <c r="AM12562" s="84"/>
    </row>
    <row r="12563" spans="35:39" x14ac:dyDescent="0.35">
      <c r="AI12563" s="84"/>
      <c r="AM12563" s="84"/>
    </row>
    <row r="12564" spans="35:39" x14ac:dyDescent="0.35">
      <c r="AI12564" s="84"/>
      <c r="AM12564" s="84"/>
    </row>
    <row r="12565" spans="35:39" x14ac:dyDescent="0.35">
      <c r="AI12565" s="84"/>
      <c r="AM12565" s="84"/>
    </row>
    <row r="12566" spans="35:39" x14ac:dyDescent="0.35">
      <c r="AI12566" s="84"/>
      <c r="AM12566" s="84"/>
    </row>
    <row r="12567" spans="35:39" x14ac:dyDescent="0.35">
      <c r="AI12567" s="84"/>
      <c r="AM12567" s="84"/>
    </row>
    <row r="12568" spans="35:39" x14ac:dyDescent="0.35">
      <c r="AI12568" s="84"/>
      <c r="AM12568" s="84"/>
    </row>
    <row r="12569" spans="35:39" x14ac:dyDescent="0.35">
      <c r="AI12569" s="84"/>
      <c r="AM12569" s="84"/>
    </row>
    <row r="12570" spans="35:39" x14ac:dyDescent="0.35">
      <c r="AI12570" s="84"/>
      <c r="AM12570" s="84"/>
    </row>
    <row r="12571" spans="35:39" x14ac:dyDescent="0.35">
      <c r="AI12571" s="84"/>
      <c r="AM12571" s="84"/>
    </row>
    <row r="12572" spans="35:39" x14ac:dyDescent="0.35">
      <c r="AI12572" s="84"/>
      <c r="AM12572" s="84"/>
    </row>
    <row r="12573" spans="35:39" x14ac:dyDescent="0.35">
      <c r="AI12573" s="84"/>
      <c r="AM12573" s="84"/>
    </row>
    <row r="12574" spans="35:39" x14ac:dyDescent="0.35">
      <c r="AI12574" s="84"/>
      <c r="AM12574" s="84"/>
    </row>
    <row r="12575" spans="35:39" x14ac:dyDescent="0.35">
      <c r="AI12575" s="84"/>
      <c r="AM12575" s="84"/>
    </row>
    <row r="12576" spans="35:39" x14ac:dyDescent="0.35">
      <c r="AI12576" s="84"/>
      <c r="AM12576" s="84"/>
    </row>
    <row r="12577" spans="35:39" x14ac:dyDescent="0.35">
      <c r="AI12577" s="84"/>
      <c r="AM12577" s="84"/>
    </row>
    <row r="12578" spans="35:39" x14ac:dyDescent="0.35">
      <c r="AI12578" s="84"/>
      <c r="AM12578" s="84"/>
    </row>
    <row r="12579" spans="35:39" x14ac:dyDescent="0.35">
      <c r="AI12579" s="84"/>
      <c r="AM12579" s="84"/>
    </row>
    <row r="12580" spans="35:39" x14ac:dyDescent="0.35">
      <c r="AI12580" s="84"/>
      <c r="AM12580" s="84"/>
    </row>
    <row r="12581" spans="35:39" x14ac:dyDescent="0.35">
      <c r="AI12581" s="84"/>
      <c r="AM12581" s="84"/>
    </row>
    <row r="12582" spans="35:39" x14ac:dyDescent="0.35">
      <c r="AI12582" s="84"/>
      <c r="AM12582" s="84"/>
    </row>
    <row r="12583" spans="35:39" x14ac:dyDescent="0.35">
      <c r="AI12583" s="84"/>
      <c r="AM12583" s="84"/>
    </row>
    <row r="12584" spans="35:39" x14ac:dyDescent="0.35">
      <c r="AI12584" s="84"/>
      <c r="AM12584" s="84"/>
    </row>
    <row r="12585" spans="35:39" x14ac:dyDescent="0.35">
      <c r="AI12585" s="84"/>
      <c r="AM12585" s="84"/>
    </row>
    <row r="12586" spans="35:39" x14ac:dyDescent="0.35">
      <c r="AI12586" s="84"/>
      <c r="AM12586" s="84"/>
    </row>
    <row r="12587" spans="35:39" x14ac:dyDescent="0.35">
      <c r="AI12587" s="84"/>
      <c r="AM12587" s="84"/>
    </row>
    <row r="12588" spans="35:39" x14ac:dyDescent="0.35">
      <c r="AI12588" s="84"/>
      <c r="AM12588" s="84"/>
    </row>
    <row r="12589" spans="35:39" x14ac:dyDescent="0.35">
      <c r="AI12589" s="84"/>
      <c r="AM12589" s="84"/>
    </row>
    <row r="12590" spans="35:39" x14ac:dyDescent="0.35">
      <c r="AI12590" s="84"/>
      <c r="AM12590" s="84"/>
    </row>
    <row r="12591" spans="35:39" x14ac:dyDescent="0.35">
      <c r="AI12591" s="84"/>
      <c r="AM12591" s="84"/>
    </row>
    <row r="12592" spans="35:39" x14ac:dyDescent="0.35">
      <c r="AI12592" s="84"/>
      <c r="AM12592" s="84"/>
    </row>
    <row r="12593" spans="35:39" x14ac:dyDescent="0.35">
      <c r="AI12593" s="84"/>
      <c r="AM12593" s="84"/>
    </row>
    <row r="12594" spans="35:39" x14ac:dyDescent="0.35">
      <c r="AI12594" s="84"/>
      <c r="AM12594" s="84"/>
    </row>
    <row r="12595" spans="35:39" x14ac:dyDescent="0.35">
      <c r="AI12595" s="84"/>
      <c r="AM12595" s="84"/>
    </row>
    <row r="12596" spans="35:39" x14ac:dyDescent="0.35">
      <c r="AI12596" s="84"/>
      <c r="AM12596" s="84"/>
    </row>
    <row r="12597" spans="35:39" x14ac:dyDescent="0.35">
      <c r="AI12597" s="84"/>
      <c r="AM12597" s="84"/>
    </row>
    <row r="12598" spans="35:39" x14ac:dyDescent="0.35">
      <c r="AI12598" s="84"/>
      <c r="AM12598" s="84"/>
    </row>
    <row r="12599" spans="35:39" x14ac:dyDescent="0.35">
      <c r="AI12599" s="84"/>
      <c r="AM12599" s="84"/>
    </row>
    <row r="12600" spans="35:39" x14ac:dyDescent="0.35">
      <c r="AI12600" s="84"/>
      <c r="AM12600" s="84"/>
    </row>
    <row r="12601" spans="35:39" x14ac:dyDescent="0.35">
      <c r="AI12601" s="84"/>
      <c r="AM12601" s="84"/>
    </row>
    <row r="12602" spans="35:39" x14ac:dyDescent="0.35">
      <c r="AI12602" s="84"/>
      <c r="AM12602" s="84"/>
    </row>
    <row r="12603" spans="35:39" x14ac:dyDescent="0.35">
      <c r="AI12603" s="84"/>
      <c r="AM12603" s="84"/>
    </row>
    <row r="12604" spans="35:39" x14ac:dyDescent="0.35">
      <c r="AI12604" s="84"/>
      <c r="AM12604" s="84"/>
    </row>
    <row r="12605" spans="35:39" x14ac:dyDescent="0.35">
      <c r="AI12605" s="84"/>
      <c r="AM12605" s="84"/>
    </row>
    <row r="12606" spans="35:39" x14ac:dyDescent="0.35">
      <c r="AI12606" s="84"/>
      <c r="AM12606" s="84"/>
    </row>
    <row r="12607" spans="35:39" x14ac:dyDescent="0.35">
      <c r="AI12607" s="84"/>
      <c r="AM12607" s="84"/>
    </row>
    <row r="12608" spans="35:39" x14ac:dyDescent="0.35">
      <c r="AI12608" s="84"/>
      <c r="AM12608" s="84"/>
    </row>
    <row r="12609" spans="35:39" x14ac:dyDescent="0.35">
      <c r="AI12609" s="84"/>
      <c r="AM12609" s="84"/>
    </row>
    <row r="12610" spans="35:39" x14ac:dyDescent="0.35">
      <c r="AI12610" s="84"/>
      <c r="AM12610" s="84"/>
    </row>
    <row r="12611" spans="35:39" x14ac:dyDescent="0.35">
      <c r="AI12611" s="84"/>
      <c r="AM12611" s="84"/>
    </row>
    <row r="12612" spans="35:39" x14ac:dyDescent="0.35">
      <c r="AI12612" s="84"/>
      <c r="AM12612" s="84"/>
    </row>
    <row r="12613" spans="35:39" x14ac:dyDescent="0.35">
      <c r="AI12613" s="84"/>
      <c r="AM12613" s="84"/>
    </row>
    <row r="12614" spans="35:39" x14ac:dyDescent="0.35">
      <c r="AI12614" s="84"/>
      <c r="AM12614" s="84"/>
    </row>
    <row r="12615" spans="35:39" x14ac:dyDescent="0.35">
      <c r="AI12615" s="84"/>
      <c r="AM12615" s="84"/>
    </row>
    <row r="12616" spans="35:39" x14ac:dyDescent="0.35">
      <c r="AI12616" s="84"/>
      <c r="AM12616" s="84"/>
    </row>
    <row r="12617" spans="35:39" x14ac:dyDescent="0.35">
      <c r="AI12617" s="84"/>
      <c r="AM12617" s="84"/>
    </row>
    <row r="12618" spans="35:39" x14ac:dyDescent="0.35">
      <c r="AI12618" s="84"/>
      <c r="AM12618" s="84"/>
    </row>
    <row r="12619" spans="35:39" x14ac:dyDescent="0.35">
      <c r="AI12619" s="84"/>
      <c r="AM12619" s="84"/>
    </row>
    <row r="12620" spans="35:39" x14ac:dyDescent="0.35">
      <c r="AI12620" s="84"/>
      <c r="AM12620" s="84"/>
    </row>
    <row r="12621" spans="35:39" x14ac:dyDescent="0.35">
      <c r="AI12621" s="84"/>
      <c r="AM12621" s="84"/>
    </row>
    <row r="12622" spans="35:39" x14ac:dyDescent="0.35">
      <c r="AI12622" s="84"/>
      <c r="AM12622" s="84"/>
    </row>
    <row r="12623" spans="35:39" x14ac:dyDescent="0.35">
      <c r="AI12623" s="84"/>
      <c r="AM12623" s="84"/>
    </row>
    <row r="12624" spans="35:39" x14ac:dyDescent="0.35">
      <c r="AI12624" s="84"/>
      <c r="AM12624" s="84"/>
    </row>
    <row r="12625" spans="35:39" x14ac:dyDescent="0.35">
      <c r="AI12625" s="84"/>
      <c r="AM12625" s="84"/>
    </row>
    <row r="12626" spans="35:39" x14ac:dyDescent="0.35">
      <c r="AI12626" s="84"/>
      <c r="AM12626" s="84"/>
    </row>
    <row r="12627" spans="35:39" x14ac:dyDescent="0.35">
      <c r="AI12627" s="84"/>
      <c r="AM12627" s="84"/>
    </row>
    <row r="12628" spans="35:39" x14ac:dyDescent="0.35">
      <c r="AI12628" s="84"/>
      <c r="AM12628" s="84"/>
    </row>
    <row r="12629" spans="35:39" x14ac:dyDescent="0.35">
      <c r="AI12629" s="84"/>
      <c r="AM12629" s="84"/>
    </row>
    <row r="12630" spans="35:39" x14ac:dyDescent="0.35">
      <c r="AI12630" s="84"/>
      <c r="AM12630" s="84"/>
    </row>
    <row r="12631" spans="35:39" x14ac:dyDescent="0.35">
      <c r="AI12631" s="84"/>
      <c r="AM12631" s="84"/>
    </row>
    <row r="12632" spans="35:39" x14ac:dyDescent="0.35">
      <c r="AI12632" s="84"/>
      <c r="AM12632" s="84"/>
    </row>
    <row r="12633" spans="35:39" x14ac:dyDescent="0.35">
      <c r="AI12633" s="84"/>
      <c r="AM12633" s="84"/>
    </row>
    <row r="12634" spans="35:39" x14ac:dyDescent="0.35">
      <c r="AI12634" s="84"/>
      <c r="AM12634" s="84"/>
    </row>
    <row r="12635" spans="35:39" x14ac:dyDescent="0.35">
      <c r="AI12635" s="84"/>
      <c r="AM12635" s="84"/>
    </row>
    <row r="12636" spans="35:39" x14ac:dyDescent="0.35">
      <c r="AI12636" s="84"/>
      <c r="AM12636" s="84"/>
    </row>
    <row r="12637" spans="35:39" x14ac:dyDescent="0.35">
      <c r="AI12637" s="84"/>
      <c r="AM12637" s="84"/>
    </row>
    <row r="12638" spans="35:39" x14ac:dyDescent="0.35">
      <c r="AI12638" s="84"/>
      <c r="AM12638" s="84"/>
    </row>
    <row r="12639" spans="35:39" x14ac:dyDescent="0.35">
      <c r="AI12639" s="84"/>
      <c r="AM12639" s="84"/>
    </row>
    <row r="12640" spans="35:39" x14ac:dyDescent="0.35">
      <c r="AI12640" s="84"/>
      <c r="AM12640" s="84"/>
    </row>
    <row r="12641" spans="35:39" x14ac:dyDescent="0.35">
      <c r="AI12641" s="84"/>
      <c r="AM12641" s="84"/>
    </row>
    <row r="12642" spans="35:39" x14ac:dyDescent="0.35">
      <c r="AI12642" s="84"/>
      <c r="AM12642" s="84"/>
    </row>
    <row r="12643" spans="35:39" x14ac:dyDescent="0.35">
      <c r="AI12643" s="84"/>
      <c r="AM12643" s="84"/>
    </row>
    <row r="12644" spans="35:39" x14ac:dyDescent="0.35">
      <c r="AI12644" s="84"/>
      <c r="AM12644" s="84"/>
    </row>
    <row r="12645" spans="35:39" x14ac:dyDescent="0.35">
      <c r="AI12645" s="84"/>
      <c r="AM12645" s="84"/>
    </row>
    <row r="12646" spans="35:39" x14ac:dyDescent="0.35">
      <c r="AI12646" s="84"/>
      <c r="AM12646" s="84"/>
    </row>
    <row r="12647" spans="35:39" x14ac:dyDescent="0.35">
      <c r="AI12647" s="84"/>
      <c r="AM12647" s="84"/>
    </row>
    <row r="12648" spans="35:39" x14ac:dyDescent="0.35">
      <c r="AI12648" s="84"/>
      <c r="AM12648" s="84"/>
    </row>
    <row r="12649" spans="35:39" x14ac:dyDescent="0.35">
      <c r="AI12649" s="84"/>
      <c r="AM12649" s="84"/>
    </row>
    <row r="12650" spans="35:39" x14ac:dyDescent="0.35">
      <c r="AI12650" s="84"/>
      <c r="AM12650" s="84"/>
    </row>
    <row r="12651" spans="35:39" x14ac:dyDescent="0.35">
      <c r="AI12651" s="84"/>
      <c r="AM12651" s="84"/>
    </row>
    <row r="12652" spans="35:39" x14ac:dyDescent="0.35">
      <c r="AI12652" s="84"/>
      <c r="AM12652" s="84"/>
    </row>
    <row r="12653" spans="35:39" x14ac:dyDescent="0.35">
      <c r="AI12653" s="84"/>
      <c r="AM12653" s="84"/>
    </row>
    <row r="12654" spans="35:39" x14ac:dyDescent="0.35">
      <c r="AI12654" s="84"/>
      <c r="AM12654" s="84"/>
    </row>
    <row r="12655" spans="35:39" x14ac:dyDescent="0.35">
      <c r="AI12655" s="84"/>
      <c r="AM12655" s="84"/>
    </row>
    <row r="12656" spans="35:39" x14ac:dyDescent="0.35">
      <c r="AI12656" s="84"/>
      <c r="AM12656" s="84"/>
    </row>
    <row r="12657" spans="35:39" x14ac:dyDescent="0.35">
      <c r="AI12657" s="84"/>
      <c r="AM12657" s="84"/>
    </row>
    <row r="12658" spans="35:39" x14ac:dyDescent="0.35">
      <c r="AI12658" s="84"/>
      <c r="AM12658" s="84"/>
    </row>
    <row r="12659" spans="35:39" x14ac:dyDescent="0.35">
      <c r="AI12659" s="84"/>
      <c r="AM12659" s="84"/>
    </row>
    <row r="12660" spans="35:39" x14ac:dyDescent="0.35">
      <c r="AI12660" s="84"/>
      <c r="AM12660" s="84"/>
    </row>
    <row r="12661" spans="35:39" x14ac:dyDescent="0.35">
      <c r="AI12661" s="84"/>
      <c r="AM12661" s="84"/>
    </row>
    <row r="12662" spans="35:39" x14ac:dyDescent="0.35">
      <c r="AI12662" s="84"/>
      <c r="AM12662" s="84"/>
    </row>
    <row r="12663" spans="35:39" x14ac:dyDescent="0.35">
      <c r="AI12663" s="84"/>
      <c r="AM12663" s="84"/>
    </row>
    <row r="12664" spans="35:39" x14ac:dyDescent="0.35">
      <c r="AI12664" s="84"/>
      <c r="AM12664" s="84"/>
    </row>
    <row r="12665" spans="35:39" x14ac:dyDescent="0.35">
      <c r="AI12665" s="84"/>
      <c r="AM12665" s="84"/>
    </row>
    <row r="12666" spans="35:39" x14ac:dyDescent="0.35">
      <c r="AI12666" s="84"/>
      <c r="AM12666" s="84"/>
    </row>
    <row r="12667" spans="35:39" x14ac:dyDescent="0.35">
      <c r="AI12667" s="84"/>
      <c r="AM12667" s="84"/>
    </row>
    <row r="12668" spans="35:39" x14ac:dyDescent="0.35">
      <c r="AI12668" s="84"/>
      <c r="AM12668" s="84"/>
    </row>
    <row r="12669" spans="35:39" x14ac:dyDescent="0.35">
      <c r="AI12669" s="84"/>
      <c r="AM12669" s="84"/>
    </row>
    <row r="12670" spans="35:39" x14ac:dyDescent="0.35">
      <c r="AI12670" s="84"/>
      <c r="AM12670" s="84"/>
    </row>
    <row r="12671" spans="35:39" x14ac:dyDescent="0.35">
      <c r="AI12671" s="84"/>
      <c r="AM12671" s="84"/>
    </row>
    <row r="12672" spans="35:39" x14ac:dyDescent="0.35">
      <c r="AI12672" s="84"/>
      <c r="AM12672" s="84"/>
    </row>
    <row r="12673" spans="35:39" x14ac:dyDescent="0.35">
      <c r="AI12673" s="84"/>
      <c r="AM12673" s="84"/>
    </row>
    <row r="12674" spans="35:39" x14ac:dyDescent="0.35">
      <c r="AI12674" s="84"/>
      <c r="AM12674" s="84"/>
    </row>
    <row r="12675" spans="35:39" x14ac:dyDescent="0.35">
      <c r="AI12675" s="84"/>
      <c r="AM12675" s="84"/>
    </row>
    <row r="12676" spans="35:39" x14ac:dyDescent="0.35">
      <c r="AI12676" s="84"/>
      <c r="AM12676" s="84"/>
    </row>
    <row r="12677" spans="35:39" x14ac:dyDescent="0.35">
      <c r="AI12677" s="84"/>
      <c r="AM12677" s="84"/>
    </row>
    <row r="12678" spans="35:39" x14ac:dyDescent="0.35">
      <c r="AI12678" s="84"/>
      <c r="AM12678" s="84"/>
    </row>
    <row r="12679" spans="35:39" x14ac:dyDescent="0.35">
      <c r="AI12679" s="84"/>
      <c r="AM12679" s="84"/>
    </row>
    <row r="12680" spans="35:39" x14ac:dyDescent="0.35">
      <c r="AI12680" s="84"/>
      <c r="AM12680" s="84"/>
    </row>
    <row r="12681" spans="35:39" x14ac:dyDescent="0.35">
      <c r="AI12681" s="84"/>
      <c r="AM12681" s="84"/>
    </row>
    <row r="12682" spans="35:39" x14ac:dyDescent="0.35">
      <c r="AI12682" s="84"/>
      <c r="AM12682" s="84"/>
    </row>
    <row r="12683" spans="35:39" x14ac:dyDescent="0.35">
      <c r="AI12683" s="84"/>
      <c r="AM12683" s="84"/>
    </row>
    <row r="12684" spans="35:39" x14ac:dyDescent="0.35">
      <c r="AI12684" s="84"/>
      <c r="AM12684" s="84"/>
    </row>
    <row r="12685" spans="35:39" x14ac:dyDescent="0.35">
      <c r="AI12685" s="84"/>
      <c r="AM12685" s="84"/>
    </row>
    <row r="12686" spans="35:39" x14ac:dyDescent="0.35">
      <c r="AI12686" s="84"/>
      <c r="AM12686" s="84"/>
    </row>
    <row r="12687" spans="35:39" x14ac:dyDescent="0.35">
      <c r="AI12687" s="84"/>
      <c r="AM12687" s="84"/>
    </row>
    <row r="12688" spans="35:39" x14ac:dyDescent="0.35">
      <c r="AI12688" s="84"/>
      <c r="AM12688" s="84"/>
    </row>
    <row r="12689" spans="35:39" x14ac:dyDescent="0.35">
      <c r="AI12689" s="84"/>
      <c r="AM12689" s="84"/>
    </row>
    <row r="12690" spans="35:39" x14ac:dyDescent="0.35">
      <c r="AI12690" s="84"/>
      <c r="AM12690" s="84"/>
    </row>
    <row r="12691" spans="35:39" x14ac:dyDescent="0.35">
      <c r="AI12691" s="84"/>
      <c r="AM12691" s="84"/>
    </row>
    <row r="12692" spans="35:39" x14ac:dyDescent="0.35">
      <c r="AI12692" s="84"/>
      <c r="AM12692" s="84"/>
    </row>
    <row r="12693" spans="35:39" x14ac:dyDescent="0.35">
      <c r="AI12693" s="84"/>
      <c r="AM12693" s="84"/>
    </row>
    <row r="12694" spans="35:39" x14ac:dyDescent="0.35">
      <c r="AI12694" s="84"/>
      <c r="AM12694" s="84"/>
    </row>
    <row r="12695" spans="35:39" x14ac:dyDescent="0.35">
      <c r="AI12695" s="84"/>
      <c r="AM12695" s="84"/>
    </row>
    <row r="12696" spans="35:39" x14ac:dyDescent="0.35">
      <c r="AI12696" s="84"/>
      <c r="AM12696" s="84"/>
    </row>
    <row r="12697" spans="35:39" x14ac:dyDescent="0.35">
      <c r="AI12697" s="84"/>
      <c r="AM12697" s="84"/>
    </row>
    <row r="12698" spans="35:39" x14ac:dyDescent="0.35">
      <c r="AI12698" s="84"/>
      <c r="AM12698" s="84"/>
    </row>
    <row r="12699" spans="35:39" x14ac:dyDescent="0.35">
      <c r="AI12699" s="84"/>
      <c r="AM12699" s="84"/>
    </row>
    <row r="12700" spans="35:39" x14ac:dyDescent="0.35">
      <c r="AI12700" s="84"/>
      <c r="AM12700" s="84"/>
    </row>
    <row r="12701" spans="35:39" x14ac:dyDescent="0.35">
      <c r="AI12701" s="84"/>
      <c r="AM12701" s="84"/>
    </row>
    <row r="12702" spans="35:39" x14ac:dyDescent="0.35">
      <c r="AI12702" s="84"/>
      <c r="AM12702" s="84"/>
    </row>
    <row r="12703" spans="35:39" x14ac:dyDescent="0.35">
      <c r="AI12703" s="84"/>
      <c r="AM12703" s="84"/>
    </row>
    <row r="12704" spans="35:39" x14ac:dyDescent="0.35">
      <c r="AI12704" s="84"/>
      <c r="AM12704" s="84"/>
    </row>
    <row r="12705" spans="35:39" x14ac:dyDescent="0.35">
      <c r="AI12705" s="84"/>
      <c r="AM12705" s="84"/>
    </row>
    <row r="12706" spans="35:39" x14ac:dyDescent="0.35">
      <c r="AI12706" s="84"/>
      <c r="AM12706" s="84"/>
    </row>
    <row r="12707" spans="35:39" x14ac:dyDescent="0.35">
      <c r="AI12707" s="84"/>
      <c r="AM12707" s="84"/>
    </row>
    <row r="12708" spans="35:39" x14ac:dyDescent="0.35">
      <c r="AI12708" s="84"/>
      <c r="AM12708" s="84"/>
    </row>
    <row r="12709" spans="35:39" x14ac:dyDescent="0.35">
      <c r="AI12709" s="84"/>
      <c r="AM12709" s="84"/>
    </row>
    <row r="12710" spans="35:39" x14ac:dyDescent="0.35">
      <c r="AI12710" s="84"/>
      <c r="AM12710" s="84"/>
    </row>
    <row r="12711" spans="35:39" x14ac:dyDescent="0.35">
      <c r="AI12711" s="84"/>
      <c r="AM12711" s="84"/>
    </row>
    <row r="12712" spans="35:39" x14ac:dyDescent="0.35">
      <c r="AI12712" s="84"/>
      <c r="AM12712" s="84"/>
    </row>
    <row r="12713" spans="35:39" x14ac:dyDescent="0.35">
      <c r="AI12713" s="84"/>
      <c r="AM12713" s="84"/>
    </row>
    <row r="12714" spans="35:39" x14ac:dyDescent="0.35">
      <c r="AI12714" s="84"/>
      <c r="AM12714" s="84"/>
    </row>
    <row r="12715" spans="35:39" x14ac:dyDescent="0.35">
      <c r="AI12715" s="84"/>
      <c r="AM12715" s="84"/>
    </row>
    <row r="12716" spans="35:39" x14ac:dyDescent="0.35">
      <c r="AI12716" s="84"/>
      <c r="AM12716" s="84"/>
    </row>
    <row r="12717" spans="35:39" x14ac:dyDescent="0.35">
      <c r="AI12717" s="84"/>
      <c r="AM12717" s="84"/>
    </row>
    <row r="12718" spans="35:39" x14ac:dyDescent="0.35">
      <c r="AI12718" s="84"/>
      <c r="AM12718" s="84"/>
    </row>
    <row r="12719" spans="35:39" x14ac:dyDescent="0.35">
      <c r="AI12719" s="84"/>
      <c r="AM12719" s="84"/>
    </row>
    <row r="12720" spans="35:39" x14ac:dyDescent="0.35">
      <c r="AI12720" s="84"/>
      <c r="AM12720" s="84"/>
    </row>
    <row r="12721" spans="35:39" x14ac:dyDescent="0.35">
      <c r="AI12721" s="84"/>
      <c r="AM12721" s="84"/>
    </row>
    <row r="12722" spans="35:39" x14ac:dyDescent="0.35">
      <c r="AI12722" s="84"/>
      <c r="AM12722" s="84"/>
    </row>
    <row r="12723" spans="35:39" x14ac:dyDescent="0.35">
      <c r="AI12723" s="84"/>
      <c r="AM12723" s="84"/>
    </row>
    <row r="12724" spans="35:39" x14ac:dyDescent="0.35">
      <c r="AI12724" s="84"/>
      <c r="AM12724" s="84"/>
    </row>
    <row r="12725" spans="35:39" x14ac:dyDescent="0.35">
      <c r="AI12725" s="84"/>
      <c r="AM12725" s="84"/>
    </row>
    <row r="12726" spans="35:39" x14ac:dyDescent="0.35">
      <c r="AI12726" s="84"/>
      <c r="AM12726" s="84"/>
    </row>
    <row r="12727" spans="35:39" x14ac:dyDescent="0.35">
      <c r="AI12727" s="84"/>
      <c r="AM12727" s="84"/>
    </row>
    <row r="12728" spans="35:39" x14ac:dyDescent="0.35">
      <c r="AI12728" s="84"/>
      <c r="AM12728" s="84"/>
    </row>
    <row r="12729" spans="35:39" x14ac:dyDescent="0.35">
      <c r="AI12729" s="84"/>
      <c r="AM12729" s="84"/>
    </row>
    <row r="12730" spans="35:39" x14ac:dyDescent="0.35">
      <c r="AI12730" s="84"/>
      <c r="AM12730" s="84"/>
    </row>
    <row r="12731" spans="35:39" x14ac:dyDescent="0.35">
      <c r="AI12731" s="84"/>
      <c r="AM12731" s="84"/>
    </row>
    <row r="12732" spans="35:39" x14ac:dyDescent="0.35">
      <c r="AI12732" s="84"/>
      <c r="AM12732" s="84"/>
    </row>
    <row r="12733" spans="35:39" x14ac:dyDescent="0.35">
      <c r="AI12733" s="84"/>
      <c r="AM12733" s="84"/>
    </row>
    <row r="12734" spans="35:39" x14ac:dyDescent="0.35">
      <c r="AI12734" s="84"/>
      <c r="AM12734" s="84"/>
    </row>
    <row r="12735" spans="35:39" x14ac:dyDescent="0.35">
      <c r="AI12735" s="84"/>
      <c r="AM12735" s="84"/>
    </row>
    <row r="12736" spans="35:39" x14ac:dyDescent="0.35">
      <c r="AI12736" s="84"/>
      <c r="AM12736" s="84"/>
    </row>
    <row r="12737" spans="35:39" x14ac:dyDescent="0.35">
      <c r="AI12737" s="84"/>
      <c r="AM12737" s="84"/>
    </row>
    <row r="12738" spans="35:39" x14ac:dyDescent="0.35">
      <c r="AI12738" s="84"/>
      <c r="AM12738" s="84"/>
    </row>
    <row r="12739" spans="35:39" x14ac:dyDescent="0.35">
      <c r="AI12739" s="84"/>
      <c r="AM12739" s="84"/>
    </row>
    <row r="12740" spans="35:39" x14ac:dyDescent="0.35">
      <c r="AI12740" s="84"/>
      <c r="AM12740" s="84"/>
    </row>
    <row r="12741" spans="35:39" x14ac:dyDescent="0.35">
      <c r="AI12741" s="84"/>
      <c r="AM12741" s="84"/>
    </row>
    <row r="12742" spans="35:39" x14ac:dyDescent="0.35">
      <c r="AI12742" s="84"/>
      <c r="AM12742" s="84"/>
    </row>
    <row r="12743" spans="35:39" x14ac:dyDescent="0.35">
      <c r="AI12743" s="84"/>
      <c r="AM12743" s="84"/>
    </row>
    <row r="12744" spans="35:39" x14ac:dyDescent="0.35">
      <c r="AI12744" s="84"/>
      <c r="AM12744" s="84"/>
    </row>
    <row r="12745" spans="35:39" x14ac:dyDescent="0.35">
      <c r="AI12745" s="84"/>
      <c r="AM12745" s="84"/>
    </row>
    <row r="12746" spans="35:39" x14ac:dyDescent="0.35">
      <c r="AI12746" s="84"/>
      <c r="AM12746" s="84"/>
    </row>
    <row r="12747" spans="35:39" x14ac:dyDescent="0.35">
      <c r="AI12747" s="84"/>
      <c r="AM12747" s="84"/>
    </row>
    <row r="12748" spans="35:39" x14ac:dyDescent="0.35">
      <c r="AI12748" s="84"/>
      <c r="AM12748" s="84"/>
    </row>
    <row r="12749" spans="35:39" x14ac:dyDescent="0.35">
      <c r="AI12749" s="84"/>
      <c r="AM12749" s="84"/>
    </row>
    <row r="12750" spans="35:39" x14ac:dyDescent="0.35">
      <c r="AI12750" s="84"/>
      <c r="AM12750" s="84"/>
    </row>
    <row r="12751" spans="35:39" x14ac:dyDescent="0.35">
      <c r="AI12751" s="84"/>
      <c r="AM12751" s="84"/>
    </row>
    <row r="12752" spans="35:39" x14ac:dyDescent="0.35">
      <c r="AI12752" s="84"/>
      <c r="AM12752" s="84"/>
    </row>
    <row r="12753" spans="35:39" x14ac:dyDescent="0.35">
      <c r="AI12753" s="84"/>
      <c r="AM12753" s="84"/>
    </row>
    <row r="12754" spans="35:39" x14ac:dyDescent="0.35">
      <c r="AI12754" s="84"/>
      <c r="AM12754" s="84"/>
    </row>
    <row r="12755" spans="35:39" x14ac:dyDescent="0.35">
      <c r="AI12755" s="84"/>
      <c r="AM12755" s="84"/>
    </row>
    <row r="12756" spans="35:39" x14ac:dyDescent="0.35">
      <c r="AI12756" s="84"/>
      <c r="AM12756" s="84"/>
    </row>
    <row r="12757" spans="35:39" x14ac:dyDescent="0.35">
      <c r="AI12757" s="84"/>
      <c r="AM12757" s="84"/>
    </row>
    <row r="12758" spans="35:39" x14ac:dyDescent="0.35">
      <c r="AI12758" s="84"/>
      <c r="AM12758" s="84"/>
    </row>
    <row r="12759" spans="35:39" x14ac:dyDescent="0.35">
      <c r="AI12759" s="84"/>
      <c r="AM12759" s="84"/>
    </row>
    <row r="12760" spans="35:39" x14ac:dyDescent="0.35">
      <c r="AI12760" s="84"/>
      <c r="AM12760" s="84"/>
    </row>
    <row r="12761" spans="35:39" x14ac:dyDescent="0.35">
      <c r="AI12761" s="84"/>
      <c r="AM12761" s="84"/>
    </row>
    <row r="12762" spans="35:39" x14ac:dyDescent="0.35">
      <c r="AI12762" s="84"/>
      <c r="AM12762" s="84"/>
    </row>
    <row r="12763" spans="35:39" x14ac:dyDescent="0.35">
      <c r="AI12763" s="84"/>
      <c r="AM12763" s="84"/>
    </row>
    <row r="12764" spans="35:39" x14ac:dyDescent="0.35">
      <c r="AI12764" s="84"/>
      <c r="AM12764" s="84"/>
    </row>
    <row r="12765" spans="35:39" x14ac:dyDescent="0.35">
      <c r="AI12765" s="84"/>
      <c r="AM12765" s="84"/>
    </row>
    <row r="12766" spans="35:39" x14ac:dyDescent="0.35">
      <c r="AI12766" s="84"/>
      <c r="AM12766" s="84"/>
    </row>
    <row r="12767" spans="35:39" x14ac:dyDescent="0.35">
      <c r="AI12767" s="84"/>
      <c r="AM12767" s="84"/>
    </row>
    <row r="12768" spans="35:39" x14ac:dyDescent="0.35">
      <c r="AI12768" s="84"/>
      <c r="AM12768" s="84"/>
    </row>
    <row r="12769" spans="35:39" x14ac:dyDescent="0.35">
      <c r="AI12769" s="84"/>
      <c r="AM12769" s="84"/>
    </row>
    <row r="12770" spans="35:39" x14ac:dyDescent="0.35">
      <c r="AI12770" s="84"/>
      <c r="AM12770" s="84"/>
    </row>
    <row r="12771" spans="35:39" x14ac:dyDescent="0.35">
      <c r="AI12771" s="84"/>
      <c r="AM12771" s="84"/>
    </row>
    <row r="12772" spans="35:39" x14ac:dyDescent="0.35">
      <c r="AI12772" s="84"/>
      <c r="AM12772" s="84"/>
    </row>
    <row r="12773" spans="35:39" x14ac:dyDescent="0.35">
      <c r="AI12773" s="84"/>
      <c r="AM12773" s="84"/>
    </row>
    <row r="12774" spans="35:39" x14ac:dyDescent="0.35">
      <c r="AI12774" s="84"/>
      <c r="AM12774" s="84"/>
    </row>
    <row r="12775" spans="35:39" x14ac:dyDescent="0.35">
      <c r="AI12775" s="84"/>
      <c r="AM12775" s="84"/>
    </row>
    <row r="12776" spans="35:39" x14ac:dyDescent="0.35">
      <c r="AI12776" s="84"/>
      <c r="AM12776" s="84"/>
    </row>
    <row r="12777" spans="35:39" x14ac:dyDescent="0.35">
      <c r="AI12777" s="84"/>
      <c r="AM12777" s="84"/>
    </row>
    <row r="12778" spans="35:39" x14ac:dyDescent="0.35">
      <c r="AI12778" s="84"/>
      <c r="AM12778" s="84"/>
    </row>
    <row r="12779" spans="35:39" x14ac:dyDescent="0.35">
      <c r="AI12779" s="84"/>
      <c r="AM12779" s="84"/>
    </row>
    <row r="12780" spans="35:39" x14ac:dyDescent="0.35">
      <c r="AI12780" s="84"/>
      <c r="AM12780" s="84"/>
    </row>
    <row r="12781" spans="35:39" x14ac:dyDescent="0.35">
      <c r="AI12781" s="84"/>
      <c r="AM12781" s="84"/>
    </row>
    <row r="12782" spans="35:39" x14ac:dyDescent="0.35">
      <c r="AI12782" s="84"/>
      <c r="AM12782" s="84"/>
    </row>
    <row r="12783" spans="35:39" x14ac:dyDescent="0.35">
      <c r="AI12783" s="84"/>
      <c r="AM12783" s="84"/>
    </row>
    <row r="12784" spans="35:39" x14ac:dyDescent="0.35">
      <c r="AI12784" s="84"/>
      <c r="AM12784" s="84"/>
    </row>
    <row r="12785" spans="35:39" x14ac:dyDescent="0.35">
      <c r="AI12785" s="84"/>
      <c r="AM12785" s="84"/>
    </row>
    <row r="12786" spans="35:39" x14ac:dyDescent="0.35">
      <c r="AI12786" s="84"/>
      <c r="AM12786" s="84"/>
    </row>
    <row r="12787" spans="35:39" x14ac:dyDescent="0.35">
      <c r="AI12787" s="84"/>
      <c r="AM12787" s="84"/>
    </row>
    <row r="12788" spans="35:39" x14ac:dyDescent="0.35">
      <c r="AI12788" s="84"/>
      <c r="AM12788" s="84"/>
    </row>
    <row r="12789" spans="35:39" x14ac:dyDescent="0.35">
      <c r="AI12789" s="84"/>
      <c r="AM12789" s="84"/>
    </row>
    <row r="12790" spans="35:39" x14ac:dyDescent="0.35">
      <c r="AI12790" s="84"/>
      <c r="AM12790" s="84"/>
    </row>
    <row r="12791" spans="35:39" x14ac:dyDescent="0.35">
      <c r="AI12791" s="84"/>
      <c r="AM12791" s="84"/>
    </row>
    <row r="12792" spans="35:39" x14ac:dyDescent="0.35">
      <c r="AI12792" s="84"/>
      <c r="AM12792" s="84"/>
    </row>
    <row r="12793" spans="35:39" x14ac:dyDescent="0.35">
      <c r="AI12793" s="84"/>
      <c r="AM12793" s="84"/>
    </row>
    <row r="12794" spans="35:39" x14ac:dyDescent="0.35">
      <c r="AI12794" s="84"/>
      <c r="AM12794" s="84"/>
    </row>
    <row r="12795" spans="35:39" x14ac:dyDescent="0.35">
      <c r="AI12795" s="84"/>
      <c r="AM12795" s="84"/>
    </row>
    <row r="12796" spans="35:39" x14ac:dyDescent="0.35">
      <c r="AI12796" s="84"/>
      <c r="AM12796" s="84"/>
    </row>
    <row r="12797" spans="35:39" x14ac:dyDescent="0.35">
      <c r="AI12797" s="84"/>
      <c r="AM12797" s="84"/>
    </row>
    <row r="12798" spans="35:39" x14ac:dyDescent="0.35">
      <c r="AI12798" s="84"/>
      <c r="AM12798" s="84"/>
    </row>
    <row r="12799" spans="35:39" x14ac:dyDescent="0.35">
      <c r="AI12799" s="84"/>
      <c r="AM12799" s="84"/>
    </row>
    <row r="12800" spans="35:39" x14ac:dyDescent="0.35">
      <c r="AI12800" s="84"/>
      <c r="AM12800" s="84"/>
    </row>
    <row r="12801" spans="35:39" x14ac:dyDescent="0.35">
      <c r="AI12801" s="84"/>
      <c r="AM12801" s="84"/>
    </row>
    <row r="12802" spans="35:39" x14ac:dyDescent="0.35">
      <c r="AI12802" s="84"/>
      <c r="AM12802" s="84"/>
    </row>
    <row r="12803" spans="35:39" x14ac:dyDescent="0.35">
      <c r="AI12803" s="84"/>
      <c r="AM12803" s="84"/>
    </row>
    <row r="12804" spans="35:39" x14ac:dyDescent="0.35">
      <c r="AI12804" s="84"/>
      <c r="AM12804" s="84"/>
    </row>
    <row r="12805" spans="35:39" x14ac:dyDescent="0.35">
      <c r="AI12805" s="84"/>
      <c r="AM12805" s="84"/>
    </row>
    <row r="12806" spans="35:39" x14ac:dyDescent="0.35">
      <c r="AI12806" s="84"/>
      <c r="AM12806" s="84"/>
    </row>
    <row r="12807" spans="35:39" x14ac:dyDescent="0.35">
      <c r="AI12807" s="84"/>
      <c r="AM12807" s="84"/>
    </row>
    <row r="12808" spans="35:39" x14ac:dyDescent="0.35">
      <c r="AI12808" s="84"/>
      <c r="AM12808" s="84"/>
    </row>
    <row r="12809" spans="35:39" x14ac:dyDescent="0.35">
      <c r="AI12809" s="84"/>
      <c r="AM12809" s="84"/>
    </row>
    <row r="12810" spans="35:39" x14ac:dyDescent="0.35">
      <c r="AI12810" s="84"/>
      <c r="AM12810" s="84"/>
    </row>
    <row r="12811" spans="35:39" x14ac:dyDescent="0.35">
      <c r="AI12811" s="84"/>
      <c r="AM12811" s="84"/>
    </row>
    <row r="12812" spans="35:39" x14ac:dyDescent="0.35">
      <c r="AI12812" s="84"/>
      <c r="AM12812" s="84"/>
    </row>
    <row r="12813" spans="35:39" x14ac:dyDescent="0.35">
      <c r="AI12813" s="84"/>
      <c r="AM12813" s="84"/>
    </row>
    <row r="12814" spans="35:39" x14ac:dyDescent="0.35">
      <c r="AI12814" s="84"/>
      <c r="AM12814" s="84"/>
    </row>
    <row r="12815" spans="35:39" x14ac:dyDescent="0.35">
      <c r="AI12815" s="84"/>
      <c r="AM12815" s="84"/>
    </row>
    <row r="12816" spans="35:39" x14ac:dyDescent="0.35">
      <c r="AI12816" s="84"/>
      <c r="AM12816" s="84"/>
    </row>
    <row r="12817" spans="35:39" x14ac:dyDescent="0.35">
      <c r="AI12817" s="84"/>
      <c r="AM12817" s="84"/>
    </row>
    <row r="12818" spans="35:39" x14ac:dyDescent="0.35">
      <c r="AI12818" s="84"/>
      <c r="AM12818" s="84"/>
    </row>
    <row r="12819" spans="35:39" x14ac:dyDescent="0.35">
      <c r="AI12819" s="84"/>
      <c r="AM12819" s="84"/>
    </row>
    <row r="12820" spans="35:39" x14ac:dyDescent="0.35">
      <c r="AI12820" s="84"/>
      <c r="AM12820" s="84"/>
    </row>
    <row r="12821" spans="35:39" x14ac:dyDescent="0.35">
      <c r="AI12821" s="84"/>
      <c r="AM12821" s="84"/>
    </row>
    <row r="12822" spans="35:39" x14ac:dyDescent="0.35">
      <c r="AI12822" s="84"/>
      <c r="AM12822" s="84"/>
    </row>
    <row r="12823" spans="35:39" x14ac:dyDescent="0.35">
      <c r="AI12823" s="84"/>
      <c r="AM12823" s="84"/>
    </row>
    <row r="12824" spans="35:39" x14ac:dyDescent="0.35">
      <c r="AI12824" s="84"/>
      <c r="AM12824" s="84"/>
    </row>
    <row r="12825" spans="35:39" x14ac:dyDescent="0.35">
      <c r="AI12825" s="84"/>
      <c r="AM12825" s="84"/>
    </row>
    <row r="12826" spans="35:39" x14ac:dyDescent="0.35">
      <c r="AI12826" s="84"/>
      <c r="AM12826" s="84"/>
    </row>
    <row r="12827" spans="35:39" x14ac:dyDescent="0.35">
      <c r="AI12827" s="84"/>
      <c r="AM12827" s="84"/>
    </row>
    <row r="12828" spans="35:39" x14ac:dyDescent="0.35">
      <c r="AI12828" s="84"/>
      <c r="AM12828" s="84"/>
    </row>
    <row r="12829" spans="35:39" x14ac:dyDescent="0.35">
      <c r="AI12829" s="84"/>
      <c r="AM12829" s="84"/>
    </row>
    <row r="12830" spans="35:39" x14ac:dyDescent="0.35">
      <c r="AI12830" s="84"/>
      <c r="AM12830" s="84"/>
    </row>
    <row r="12831" spans="35:39" x14ac:dyDescent="0.35">
      <c r="AI12831" s="84"/>
      <c r="AM12831" s="84"/>
    </row>
    <row r="12832" spans="35:39" x14ac:dyDescent="0.35">
      <c r="AI12832" s="84"/>
      <c r="AM12832" s="84"/>
    </row>
    <row r="12833" spans="35:39" x14ac:dyDescent="0.35">
      <c r="AI12833" s="84"/>
      <c r="AM12833" s="84"/>
    </row>
    <row r="12834" spans="35:39" x14ac:dyDescent="0.35">
      <c r="AI12834" s="84"/>
      <c r="AM12834" s="84"/>
    </row>
    <row r="12835" spans="35:39" x14ac:dyDescent="0.35">
      <c r="AI12835" s="84"/>
      <c r="AM12835" s="84"/>
    </row>
    <row r="12836" spans="35:39" x14ac:dyDescent="0.35">
      <c r="AI12836" s="84"/>
      <c r="AM12836" s="84"/>
    </row>
    <row r="12837" spans="35:39" x14ac:dyDescent="0.35">
      <c r="AI12837" s="84"/>
      <c r="AM12837" s="84"/>
    </row>
    <row r="12838" spans="35:39" x14ac:dyDescent="0.35">
      <c r="AI12838" s="84"/>
      <c r="AM12838" s="84"/>
    </row>
    <row r="12839" spans="35:39" x14ac:dyDescent="0.35">
      <c r="AI12839" s="84"/>
      <c r="AM12839" s="84"/>
    </row>
    <row r="12840" spans="35:39" x14ac:dyDescent="0.35">
      <c r="AI12840" s="84"/>
      <c r="AM12840" s="84"/>
    </row>
    <row r="12841" spans="35:39" x14ac:dyDescent="0.35">
      <c r="AI12841" s="84"/>
      <c r="AM12841" s="84"/>
    </row>
    <row r="12842" spans="35:39" x14ac:dyDescent="0.35">
      <c r="AI12842" s="84"/>
      <c r="AM12842" s="84"/>
    </row>
    <row r="12843" spans="35:39" x14ac:dyDescent="0.35">
      <c r="AI12843" s="84"/>
      <c r="AM12843" s="84"/>
    </row>
    <row r="12844" spans="35:39" x14ac:dyDescent="0.35">
      <c r="AI12844" s="84"/>
      <c r="AM12844" s="84"/>
    </row>
    <row r="12845" spans="35:39" x14ac:dyDescent="0.35">
      <c r="AI12845" s="84"/>
      <c r="AM12845" s="84"/>
    </row>
    <row r="12846" spans="35:39" x14ac:dyDescent="0.35">
      <c r="AI12846" s="84"/>
      <c r="AM12846" s="84"/>
    </row>
    <row r="12847" spans="35:39" x14ac:dyDescent="0.35">
      <c r="AI12847" s="84"/>
      <c r="AM12847" s="84"/>
    </row>
    <row r="12848" spans="35:39" x14ac:dyDescent="0.35">
      <c r="AI12848" s="84"/>
      <c r="AM12848" s="84"/>
    </row>
    <row r="12849" spans="35:39" x14ac:dyDescent="0.35">
      <c r="AI12849" s="84"/>
      <c r="AM12849" s="84"/>
    </row>
    <row r="12850" spans="35:39" x14ac:dyDescent="0.35">
      <c r="AI12850" s="84"/>
      <c r="AM12850" s="84"/>
    </row>
    <row r="12851" spans="35:39" x14ac:dyDescent="0.35">
      <c r="AI12851" s="84"/>
      <c r="AM12851" s="84"/>
    </row>
    <row r="12852" spans="35:39" x14ac:dyDescent="0.35">
      <c r="AI12852" s="84"/>
      <c r="AM12852" s="84"/>
    </row>
    <row r="12853" spans="35:39" x14ac:dyDescent="0.35">
      <c r="AI12853" s="84"/>
      <c r="AM12853" s="84"/>
    </row>
    <row r="12854" spans="35:39" x14ac:dyDescent="0.35">
      <c r="AI12854" s="84"/>
      <c r="AM12854" s="84"/>
    </row>
    <row r="12855" spans="35:39" x14ac:dyDescent="0.35">
      <c r="AI12855" s="84"/>
      <c r="AM12855" s="84"/>
    </row>
    <row r="12856" spans="35:39" x14ac:dyDescent="0.35">
      <c r="AI12856" s="84"/>
      <c r="AM12856" s="84"/>
    </row>
    <row r="12857" spans="35:39" x14ac:dyDescent="0.35">
      <c r="AI12857" s="84"/>
      <c r="AM12857" s="84"/>
    </row>
    <row r="12858" spans="35:39" x14ac:dyDescent="0.35">
      <c r="AI12858" s="84"/>
      <c r="AM12858" s="84"/>
    </row>
    <row r="12859" spans="35:39" x14ac:dyDescent="0.35">
      <c r="AI12859" s="84"/>
      <c r="AM12859" s="84"/>
    </row>
    <row r="12860" spans="35:39" x14ac:dyDescent="0.35">
      <c r="AI12860" s="84"/>
      <c r="AM12860" s="84"/>
    </row>
    <row r="12861" spans="35:39" x14ac:dyDescent="0.35">
      <c r="AI12861" s="84"/>
      <c r="AM12861" s="84"/>
    </row>
    <row r="12862" spans="35:39" x14ac:dyDescent="0.35">
      <c r="AI12862" s="84"/>
      <c r="AM12862" s="84"/>
    </row>
    <row r="12863" spans="35:39" x14ac:dyDescent="0.35">
      <c r="AI12863" s="84"/>
      <c r="AM12863" s="84"/>
    </row>
    <row r="12864" spans="35:39" x14ac:dyDescent="0.35">
      <c r="AI12864" s="84"/>
      <c r="AM12864" s="84"/>
    </row>
    <row r="12865" spans="35:39" x14ac:dyDescent="0.35">
      <c r="AI12865" s="84"/>
      <c r="AM12865" s="84"/>
    </row>
    <row r="12866" spans="35:39" x14ac:dyDescent="0.35">
      <c r="AI12866" s="84"/>
      <c r="AM12866" s="84"/>
    </row>
    <row r="12867" spans="35:39" x14ac:dyDescent="0.35">
      <c r="AI12867" s="84"/>
      <c r="AM12867" s="84"/>
    </row>
    <row r="12868" spans="35:39" x14ac:dyDescent="0.35">
      <c r="AI12868" s="84"/>
      <c r="AM12868" s="84"/>
    </row>
    <row r="12869" spans="35:39" x14ac:dyDescent="0.35">
      <c r="AI12869" s="84"/>
      <c r="AM12869" s="84"/>
    </row>
    <row r="12870" spans="35:39" x14ac:dyDescent="0.35">
      <c r="AI12870" s="84"/>
      <c r="AM12870" s="84"/>
    </row>
    <row r="12871" spans="35:39" x14ac:dyDescent="0.35">
      <c r="AI12871" s="84"/>
      <c r="AM12871" s="84"/>
    </row>
    <row r="12872" spans="35:39" x14ac:dyDescent="0.35">
      <c r="AI12872" s="84"/>
      <c r="AM12872" s="84"/>
    </row>
    <row r="12873" spans="35:39" x14ac:dyDescent="0.35">
      <c r="AI12873" s="84"/>
      <c r="AM12873" s="84"/>
    </row>
    <row r="12874" spans="35:39" x14ac:dyDescent="0.35">
      <c r="AI12874" s="84"/>
      <c r="AM12874" s="84"/>
    </row>
    <row r="12875" spans="35:39" x14ac:dyDescent="0.35">
      <c r="AI12875" s="84"/>
      <c r="AM12875" s="84"/>
    </row>
    <row r="12876" spans="35:39" x14ac:dyDescent="0.35">
      <c r="AI12876" s="84"/>
      <c r="AM12876" s="84"/>
    </row>
    <row r="12877" spans="35:39" x14ac:dyDescent="0.35">
      <c r="AI12877" s="84"/>
      <c r="AM12877" s="84"/>
    </row>
    <row r="12878" spans="35:39" x14ac:dyDescent="0.35">
      <c r="AI12878" s="84"/>
      <c r="AM12878" s="84"/>
    </row>
    <row r="12879" spans="35:39" x14ac:dyDescent="0.35">
      <c r="AI12879" s="84"/>
      <c r="AM12879" s="84"/>
    </row>
    <row r="12880" spans="35:39" x14ac:dyDescent="0.35">
      <c r="AI12880" s="84"/>
      <c r="AM12880" s="84"/>
    </row>
    <row r="12881" spans="35:39" x14ac:dyDescent="0.35">
      <c r="AI12881" s="84"/>
      <c r="AM12881" s="84"/>
    </row>
    <row r="12882" spans="35:39" x14ac:dyDescent="0.35">
      <c r="AI12882" s="84"/>
      <c r="AM12882" s="84"/>
    </row>
    <row r="12883" spans="35:39" x14ac:dyDescent="0.35">
      <c r="AI12883" s="84"/>
      <c r="AM12883" s="84"/>
    </row>
    <row r="12884" spans="35:39" x14ac:dyDescent="0.35">
      <c r="AI12884" s="84"/>
      <c r="AM12884" s="84"/>
    </row>
    <row r="12885" spans="35:39" x14ac:dyDescent="0.35">
      <c r="AI12885" s="84"/>
      <c r="AM12885" s="84"/>
    </row>
    <row r="12886" spans="35:39" x14ac:dyDescent="0.35">
      <c r="AI12886" s="84"/>
      <c r="AM12886" s="84"/>
    </row>
    <row r="12887" spans="35:39" x14ac:dyDescent="0.35">
      <c r="AI12887" s="84"/>
      <c r="AM12887" s="84"/>
    </row>
    <row r="12888" spans="35:39" x14ac:dyDescent="0.35">
      <c r="AI12888" s="84"/>
      <c r="AM12888" s="84"/>
    </row>
    <row r="12889" spans="35:39" x14ac:dyDescent="0.35">
      <c r="AI12889" s="84"/>
      <c r="AM12889" s="84"/>
    </row>
    <row r="12890" spans="35:39" x14ac:dyDescent="0.35">
      <c r="AI12890" s="84"/>
      <c r="AM12890" s="84"/>
    </row>
    <row r="12891" spans="35:39" x14ac:dyDescent="0.35">
      <c r="AI12891" s="84"/>
      <c r="AM12891" s="84"/>
    </row>
    <row r="12892" spans="35:39" x14ac:dyDescent="0.35">
      <c r="AI12892" s="84"/>
      <c r="AM12892" s="84"/>
    </row>
    <row r="12893" spans="35:39" x14ac:dyDescent="0.35">
      <c r="AI12893" s="84"/>
      <c r="AM12893" s="84"/>
    </row>
    <row r="12894" spans="35:39" x14ac:dyDescent="0.35">
      <c r="AI12894" s="84"/>
      <c r="AM12894" s="84"/>
    </row>
    <row r="12895" spans="35:39" x14ac:dyDescent="0.35">
      <c r="AI12895" s="84"/>
      <c r="AM12895" s="84"/>
    </row>
    <row r="12896" spans="35:39" x14ac:dyDescent="0.35">
      <c r="AI12896" s="84"/>
      <c r="AM12896" s="84"/>
    </row>
    <row r="12897" spans="35:39" x14ac:dyDescent="0.35">
      <c r="AI12897" s="84"/>
      <c r="AM12897" s="84"/>
    </row>
    <row r="12898" spans="35:39" x14ac:dyDescent="0.35">
      <c r="AI12898" s="84"/>
      <c r="AM12898" s="84"/>
    </row>
    <row r="12899" spans="35:39" x14ac:dyDescent="0.35">
      <c r="AI12899" s="84"/>
      <c r="AM12899" s="84"/>
    </row>
    <row r="12900" spans="35:39" x14ac:dyDescent="0.35">
      <c r="AI12900" s="84"/>
      <c r="AM12900" s="84"/>
    </row>
    <row r="12901" spans="35:39" x14ac:dyDescent="0.35">
      <c r="AI12901" s="84"/>
      <c r="AM12901" s="84"/>
    </row>
    <row r="12902" spans="35:39" x14ac:dyDescent="0.35">
      <c r="AI12902" s="84"/>
      <c r="AM12902" s="84"/>
    </row>
    <row r="12903" spans="35:39" x14ac:dyDescent="0.35">
      <c r="AI12903" s="84"/>
      <c r="AM12903" s="84"/>
    </row>
    <row r="12904" spans="35:39" x14ac:dyDescent="0.35">
      <c r="AI12904" s="84"/>
      <c r="AM12904" s="84"/>
    </row>
    <row r="12905" spans="35:39" x14ac:dyDescent="0.35">
      <c r="AI12905" s="84"/>
      <c r="AM12905" s="84"/>
    </row>
    <row r="12906" spans="35:39" x14ac:dyDescent="0.35">
      <c r="AI12906" s="84"/>
      <c r="AM12906" s="84"/>
    </row>
    <row r="12907" spans="35:39" x14ac:dyDescent="0.35">
      <c r="AI12907" s="84"/>
      <c r="AM12907" s="84"/>
    </row>
    <row r="12908" spans="35:39" x14ac:dyDescent="0.35">
      <c r="AI12908" s="84"/>
      <c r="AM12908" s="84"/>
    </row>
    <row r="12909" spans="35:39" x14ac:dyDescent="0.35">
      <c r="AI12909" s="84"/>
      <c r="AM12909" s="84"/>
    </row>
    <row r="12910" spans="35:39" x14ac:dyDescent="0.35">
      <c r="AI12910" s="84"/>
      <c r="AM12910" s="84"/>
    </row>
    <row r="12911" spans="35:39" x14ac:dyDescent="0.35">
      <c r="AI12911" s="84"/>
      <c r="AM12911" s="84"/>
    </row>
    <row r="12912" spans="35:39" x14ac:dyDescent="0.35">
      <c r="AI12912" s="84"/>
      <c r="AM12912" s="84"/>
    </row>
    <row r="12913" spans="35:39" x14ac:dyDescent="0.35">
      <c r="AI12913" s="84"/>
      <c r="AM12913" s="84"/>
    </row>
    <row r="12914" spans="35:39" x14ac:dyDescent="0.35">
      <c r="AI12914" s="84"/>
      <c r="AM12914" s="84"/>
    </row>
    <row r="12915" spans="35:39" x14ac:dyDescent="0.35">
      <c r="AI12915" s="84"/>
      <c r="AM12915" s="84"/>
    </row>
    <row r="12916" spans="35:39" x14ac:dyDescent="0.35">
      <c r="AI12916" s="84"/>
      <c r="AM12916" s="84"/>
    </row>
    <row r="12917" spans="35:39" x14ac:dyDescent="0.35">
      <c r="AI12917" s="84"/>
      <c r="AM12917" s="84"/>
    </row>
    <row r="12918" spans="35:39" x14ac:dyDescent="0.35">
      <c r="AI12918" s="84"/>
      <c r="AM12918" s="84"/>
    </row>
    <row r="12919" spans="35:39" x14ac:dyDescent="0.35">
      <c r="AI12919" s="84"/>
      <c r="AM12919" s="84"/>
    </row>
    <row r="12920" spans="35:39" x14ac:dyDescent="0.35">
      <c r="AI12920" s="84"/>
      <c r="AM12920" s="84"/>
    </row>
    <row r="12921" spans="35:39" x14ac:dyDescent="0.35">
      <c r="AI12921" s="84"/>
      <c r="AM12921" s="84"/>
    </row>
    <row r="12922" spans="35:39" x14ac:dyDescent="0.35">
      <c r="AI12922" s="84"/>
      <c r="AM12922" s="84"/>
    </row>
    <row r="12923" spans="35:39" x14ac:dyDescent="0.35">
      <c r="AI12923" s="84"/>
      <c r="AM12923" s="84"/>
    </row>
    <row r="12924" spans="35:39" x14ac:dyDescent="0.35">
      <c r="AI12924" s="84"/>
      <c r="AM12924" s="84"/>
    </row>
    <row r="12925" spans="35:39" x14ac:dyDescent="0.35">
      <c r="AI12925" s="84"/>
      <c r="AM12925" s="84"/>
    </row>
    <row r="12926" spans="35:39" x14ac:dyDescent="0.35">
      <c r="AI12926" s="84"/>
      <c r="AM12926" s="84"/>
    </row>
    <row r="12927" spans="35:39" x14ac:dyDescent="0.35">
      <c r="AI12927" s="84"/>
      <c r="AM12927" s="84"/>
    </row>
    <row r="12928" spans="35:39" x14ac:dyDescent="0.35">
      <c r="AI12928" s="84"/>
      <c r="AM12928" s="84"/>
    </row>
    <row r="12929" spans="35:39" x14ac:dyDescent="0.35">
      <c r="AI12929" s="84"/>
      <c r="AM12929" s="84"/>
    </row>
    <row r="12930" spans="35:39" x14ac:dyDescent="0.35">
      <c r="AI12930" s="84"/>
      <c r="AM12930" s="84"/>
    </row>
    <row r="12931" spans="35:39" x14ac:dyDescent="0.35">
      <c r="AI12931" s="84"/>
      <c r="AM12931" s="84"/>
    </row>
    <row r="12932" spans="35:39" x14ac:dyDescent="0.35">
      <c r="AI12932" s="84"/>
      <c r="AM12932" s="84"/>
    </row>
    <row r="12933" spans="35:39" x14ac:dyDescent="0.35">
      <c r="AI12933" s="84"/>
      <c r="AM12933" s="84"/>
    </row>
    <row r="12934" spans="35:39" x14ac:dyDescent="0.35">
      <c r="AI12934" s="84"/>
      <c r="AM12934" s="84"/>
    </row>
    <row r="12935" spans="35:39" x14ac:dyDescent="0.35">
      <c r="AI12935" s="84"/>
      <c r="AM12935" s="84"/>
    </row>
    <row r="12936" spans="35:39" x14ac:dyDescent="0.35">
      <c r="AI12936" s="84"/>
      <c r="AM12936" s="84"/>
    </row>
    <row r="12937" spans="35:39" x14ac:dyDescent="0.35">
      <c r="AI12937" s="84"/>
      <c r="AM12937" s="84"/>
    </row>
    <row r="12938" spans="35:39" x14ac:dyDescent="0.35">
      <c r="AI12938" s="84"/>
      <c r="AM12938" s="84"/>
    </row>
    <row r="12939" spans="35:39" x14ac:dyDescent="0.35">
      <c r="AI12939" s="84"/>
      <c r="AM12939" s="84"/>
    </row>
    <row r="12940" spans="35:39" x14ac:dyDescent="0.35">
      <c r="AI12940" s="84"/>
      <c r="AM12940" s="84"/>
    </row>
    <row r="12941" spans="35:39" x14ac:dyDescent="0.35">
      <c r="AI12941" s="84"/>
      <c r="AM12941" s="84"/>
    </row>
    <row r="12942" spans="35:39" x14ac:dyDescent="0.35">
      <c r="AI12942" s="84"/>
      <c r="AM12942" s="84"/>
    </row>
    <row r="12943" spans="35:39" x14ac:dyDescent="0.35">
      <c r="AI12943" s="84"/>
      <c r="AM12943" s="84"/>
    </row>
    <row r="12944" spans="35:39" x14ac:dyDescent="0.35">
      <c r="AI12944" s="84"/>
      <c r="AM12944" s="84"/>
    </row>
    <row r="12945" spans="35:39" x14ac:dyDescent="0.35">
      <c r="AI12945" s="84"/>
      <c r="AM12945" s="84"/>
    </row>
    <row r="12946" spans="35:39" x14ac:dyDescent="0.35">
      <c r="AI12946" s="84"/>
      <c r="AM12946" s="84"/>
    </row>
    <row r="12947" spans="35:39" x14ac:dyDescent="0.35">
      <c r="AI12947" s="84"/>
      <c r="AM12947" s="84"/>
    </row>
    <row r="12948" spans="35:39" x14ac:dyDescent="0.35">
      <c r="AI12948" s="84"/>
      <c r="AM12948" s="84"/>
    </row>
    <row r="12949" spans="35:39" x14ac:dyDescent="0.35">
      <c r="AI12949" s="84"/>
      <c r="AM12949" s="84"/>
    </row>
    <row r="12950" spans="35:39" x14ac:dyDescent="0.35">
      <c r="AI12950" s="84"/>
      <c r="AM12950" s="84"/>
    </row>
    <row r="12951" spans="35:39" x14ac:dyDescent="0.35">
      <c r="AI12951" s="84"/>
      <c r="AM12951" s="84"/>
    </row>
    <row r="12952" spans="35:39" x14ac:dyDescent="0.35">
      <c r="AI12952" s="84"/>
      <c r="AM12952" s="84"/>
    </row>
    <row r="12953" spans="35:39" x14ac:dyDescent="0.35">
      <c r="AI12953" s="84"/>
      <c r="AM12953" s="84"/>
    </row>
    <row r="12954" spans="35:39" x14ac:dyDescent="0.35">
      <c r="AI12954" s="84"/>
      <c r="AM12954" s="84"/>
    </row>
    <row r="12955" spans="35:39" x14ac:dyDescent="0.35">
      <c r="AI12955" s="84"/>
      <c r="AM12955" s="84"/>
    </row>
    <row r="12956" spans="35:39" x14ac:dyDescent="0.35">
      <c r="AI12956" s="84"/>
      <c r="AM12956" s="84"/>
    </row>
    <row r="12957" spans="35:39" x14ac:dyDescent="0.35">
      <c r="AI12957" s="84"/>
      <c r="AM12957" s="84"/>
    </row>
    <row r="12958" spans="35:39" x14ac:dyDescent="0.35">
      <c r="AI12958" s="84"/>
      <c r="AM12958" s="84"/>
    </row>
    <row r="12959" spans="35:39" x14ac:dyDescent="0.35">
      <c r="AI12959" s="84"/>
      <c r="AM12959" s="84"/>
    </row>
    <row r="12960" spans="35:39" x14ac:dyDescent="0.35">
      <c r="AI12960" s="84"/>
      <c r="AM12960" s="84"/>
    </row>
    <row r="12961" spans="35:39" x14ac:dyDescent="0.35">
      <c r="AI12961" s="84"/>
      <c r="AM12961" s="84"/>
    </row>
    <row r="12962" spans="35:39" x14ac:dyDescent="0.35">
      <c r="AI12962" s="84"/>
      <c r="AM12962" s="84"/>
    </row>
    <row r="12963" spans="35:39" x14ac:dyDescent="0.35">
      <c r="AI12963" s="84"/>
      <c r="AM12963" s="84"/>
    </row>
    <row r="12964" spans="35:39" x14ac:dyDescent="0.35">
      <c r="AI12964" s="84"/>
      <c r="AM12964" s="84"/>
    </row>
    <row r="12965" spans="35:39" x14ac:dyDescent="0.35">
      <c r="AI12965" s="84"/>
      <c r="AM12965" s="84"/>
    </row>
    <row r="12966" spans="35:39" x14ac:dyDescent="0.35">
      <c r="AI12966" s="84"/>
      <c r="AM12966" s="84"/>
    </row>
    <row r="12967" spans="35:39" x14ac:dyDescent="0.35">
      <c r="AI12967" s="84"/>
      <c r="AM12967" s="84"/>
    </row>
    <row r="12968" spans="35:39" x14ac:dyDescent="0.35">
      <c r="AI12968" s="84"/>
      <c r="AM12968" s="84"/>
    </row>
    <row r="12969" spans="35:39" x14ac:dyDescent="0.35">
      <c r="AI12969" s="84"/>
      <c r="AM12969" s="84"/>
    </row>
    <row r="12970" spans="35:39" x14ac:dyDescent="0.35">
      <c r="AI12970" s="84"/>
      <c r="AM12970" s="84"/>
    </row>
    <row r="12971" spans="35:39" x14ac:dyDescent="0.35">
      <c r="AI12971" s="84"/>
      <c r="AM12971" s="84"/>
    </row>
    <row r="12972" spans="35:39" x14ac:dyDescent="0.35">
      <c r="AI12972" s="84"/>
      <c r="AM12972" s="84"/>
    </row>
    <row r="12973" spans="35:39" x14ac:dyDescent="0.35">
      <c r="AI12973" s="84"/>
      <c r="AM12973" s="84"/>
    </row>
    <row r="12974" spans="35:39" x14ac:dyDescent="0.35">
      <c r="AI12974" s="84"/>
      <c r="AM12974" s="84"/>
    </row>
    <row r="12975" spans="35:39" x14ac:dyDescent="0.35">
      <c r="AI12975" s="84"/>
      <c r="AM12975" s="84"/>
    </row>
    <row r="12976" spans="35:39" x14ac:dyDescent="0.35">
      <c r="AI12976" s="84"/>
      <c r="AM12976" s="84"/>
    </row>
    <row r="12977" spans="35:39" x14ac:dyDescent="0.35">
      <c r="AI12977" s="84"/>
      <c r="AM12977" s="84"/>
    </row>
    <row r="12978" spans="35:39" x14ac:dyDescent="0.35">
      <c r="AI12978" s="84"/>
      <c r="AM12978" s="84"/>
    </row>
    <row r="12979" spans="35:39" x14ac:dyDescent="0.35">
      <c r="AI12979" s="84"/>
      <c r="AM12979" s="84"/>
    </row>
    <row r="12980" spans="35:39" x14ac:dyDescent="0.35">
      <c r="AI12980" s="84"/>
      <c r="AM12980" s="84"/>
    </row>
    <row r="12981" spans="35:39" x14ac:dyDescent="0.35">
      <c r="AI12981" s="84"/>
      <c r="AM12981" s="84"/>
    </row>
    <row r="12982" spans="35:39" x14ac:dyDescent="0.35">
      <c r="AI12982" s="84"/>
      <c r="AM12982" s="84"/>
    </row>
    <row r="12983" spans="35:39" x14ac:dyDescent="0.35">
      <c r="AI12983" s="84"/>
      <c r="AM12983" s="84"/>
    </row>
    <row r="12984" spans="35:39" x14ac:dyDescent="0.35">
      <c r="AI12984" s="84"/>
      <c r="AM12984" s="84"/>
    </row>
    <row r="12985" spans="35:39" x14ac:dyDescent="0.35">
      <c r="AI12985" s="84"/>
      <c r="AM12985" s="84"/>
    </row>
    <row r="12986" spans="35:39" x14ac:dyDescent="0.35">
      <c r="AI12986" s="84"/>
      <c r="AM12986" s="84"/>
    </row>
    <row r="12987" spans="35:39" x14ac:dyDescent="0.35">
      <c r="AI12987" s="84"/>
      <c r="AM12987" s="84"/>
    </row>
    <row r="12988" spans="35:39" x14ac:dyDescent="0.35">
      <c r="AI12988" s="84"/>
      <c r="AM12988" s="84"/>
    </row>
    <row r="12989" spans="35:39" x14ac:dyDescent="0.35">
      <c r="AI12989" s="84"/>
      <c r="AM12989" s="84"/>
    </row>
    <row r="12990" spans="35:39" x14ac:dyDescent="0.35">
      <c r="AI12990" s="84"/>
      <c r="AM12990" s="84"/>
    </row>
    <row r="12991" spans="35:39" x14ac:dyDescent="0.35">
      <c r="AI12991" s="84"/>
      <c r="AM12991" s="84"/>
    </row>
    <row r="12992" spans="35:39" x14ac:dyDescent="0.35">
      <c r="AI12992" s="84"/>
      <c r="AM12992" s="84"/>
    </row>
    <row r="12993" spans="35:39" x14ac:dyDescent="0.35">
      <c r="AI12993" s="84"/>
      <c r="AM12993" s="84"/>
    </row>
    <row r="12994" spans="35:39" x14ac:dyDescent="0.35">
      <c r="AI12994" s="84"/>
      <c r="AM12994" s="84"/>
    </row>
    <row r="12995" spans="35:39" x14ac:dyDescent="0.35">
      <c r="AI12995" s="84"/>
      <c r="AM12995" s="84"/>
    </row>
    <row r="12996" spans="35:39" x14ac:dyDescent="0.35">
      <c r="AI12996" s="84"/>
      <c r="AM12996" s="84"/>
    </row>
    <row r="12997" spans="35:39" x14ac:dyDescent="0.35">
      <c r="AI12997" s="84"/>
      <c r="AM12997" s="84"/>
    </row>
    <row r="12998" spans="35:39" x14ac:dyDescent="0.35">
      <c r="AI12998" s="84"/>
      <c r="AM12998" s="84"/>
    </row>
    <row r="12999" spans="35:39" x14ac:dyDescent="0.35">
      <c r="AI12999" s="84"/>
      <c r="AM12999" s="84"/>
    </row>
    <row r="13000" spans="35:39" x14ac:dyDescent="0.35">
      <c r="AI13000" s="84"/>
      <c r="AM13000" s="84"/>
    </row>
    <row r="13001" spans="35:39" x14ac:dyDescent="0.35">
      <c r="AI13001" s="84"/>
      <c r="AM13001" s="84"/>
    </row>
    <row r="13002" spans="35:39" x14ac:dyDescent="0.35">
      <c r="AI13002" s="84"/>
      <c r="AM13002" s="84"/>
    </row>
    <row r="13003" spans="35:39" x14ac:dyDescent="0.35">
      <c r="AI13003" s="84"/>
      <c r="AM13003" s="84"/>
    </row>
    <row r="13004" spans="35:39" x14ac:dyDescent="0.35">
      <c r="AI13004" s="84"/>
      <c r="AM13004" s="84"/>
    </row>
    <row r="13005" spans="35:39" x14ac:dyDescent="0.35">
      <c r="AI13005" s="84"/>
      <c r="AM13005" s="84"/>
    </row>
    <row r="13006" spans="35:39" x14ac:dyDescent="0.35">
      <c r="AI13006" s="84"/>
      <c r="AM13006" s="84"/>
    </row>
    <row r="13007" spans="35:39" x14ac:dyDescent="0.35">
      <c r="AI13007" s="84"/>
      <c r="AM13007" s="84"/>
    </row>
    <row r="13008" spans="35:39" x14ac:dyDescent="0.35">
      <c r="AI13008" s="84"/>
      <c r="AM13008" s="84"/>
    </row>
    <row r="13009" spans="35:39" x14ac:dyDescent="0.35">
      <c r="AI13009" s="84"/>
      <c r="AM13009" s="84"/>
    </row>
    <row r="13010" spans="35:39" x14ac:dyDescent="0.35">
      <c r="AI13010" s="84"/>
      <c r="AM13010" s="84"/>
    </row>
    <row r="13011" spans="35:39" x14ac:dyDescent="0.35">
      <c r="AI13011" s="84"/>
      <c r="AM13011" s="84"/>
    </row>
    <row r="13012" spans="35:39" x14ac:dyDescent="0.35">
      <c r="AI13012" s="84"/>
      <c r="AM13012" s="84"/>
    </row>
    <row r="13013" spans="35:39" x14ac:dyDescent="0.35">
      <c r="AI13013" s="84"/>
      <c r="AM13013" s="84"/>
    </row>
    <row r="13014" spans="35:39" x14ac:dyDescent="0.35">
      <c r="AI13014" s="84"/>
      <c r="AM13014" s="84"/>
    </row>
    <row r="13015" spans="35:39" x14ac:dyDescent="0.35">
      <c r="AI13015" s="84"/>
      <c r="AM13015" s="84"/>
    </row>
    <row r="13016" spans="35:39" x14ac:dyDescent="0.35">
      <c r="AI13016" s="84"/>
      <c r="AM13016" s="84"/>
    </row>
    <row r="13017" spans="35:39" x14ac:dyDescent="0.35">
      <c r="AI13017" s="84"/>
      <c r="AM13017" s="84"/>
    </row>
    <row r="13018" spans="35:39" x14ac:dyDescent="0.35">
      <c r="AI13018" s="84"/>
      <c r="AM13018" s="84"/>
    </row>
    <row r="13019" spans="35:39" x14ac:dyDescent="0.35">
      <c r="AI13019" s="84"/>
      <c r="AM13019" s="84"/>
    </row>
    <row r="13020" spans="35:39" x14ac:dyDescent="0.35">
      <c r="AI13020" s="84"/>
      <c r="AM13020" s="84"/>
    </row>
    <row r="13021" spans="35:39" x14ac:dyDescent="0.35">
      <c r="AI13021" s="84"/>
      <c r="AM13021" s="84"/>
    </row>
    <row r="13022" spans="35:39" x14ac:dyDescent="0.35">
      <c r="AI13022" s="84"/>
      <c r="AM13022" s="84"/>
    </row>
    <row r="13023" spans="35:39" x14ac:dyDescent="0.35">
      <c r="AI13023" s="84"/>
      <c r="AM13023" s="84"/>
    </row>
    <row r="13024" spans="35:39" x14ac:dyDescent="0.35">
      <c r="AI13024" s="84"/>
      <c r="AM13024" s="84"/>
    </row>
    <row r="13025" spans="35:39" x14ac:dyDescent="0.35">
      <c r="AI13025" s="84"/>
      <c r="AM13025" s="84"/>
    </row>
    <row r="13026" spans="35:39" x14ac:dyDescent="0.35">
      <c r="AI13026" s="84"/>
      <c r="AM13026" s="84"/>
    </row>
    <row r="13027" spans="35:39" x14ac:dyDescent="0.35">
      <c r="AI13027" s="84"/>
      <c r="AM13027" s="84"/>
    </row>
    <row r="13028" spans="35:39" x14ac:dyDescent="0.35">
      <c r="AI13028" s="84"/>
      <c r="AM13028" s="84"/>
    </row>
    <row r="13029" spans="35:39" x14ac:dyDescent="0.35">
      <c r="AI13029" s="84"/>
      <c r="AM13029" s="84"/>
    </row>
    <row r="13030" spans="35:39" x14ac:dyDescent="0.35">
      <c r="AI13030" s="84"/>
      <c r="AM13030" s="84"/>
    </row>
    <row r="13031" spans="35:39" x14ac:dyDescent="0.35">
      <c r="AI13031" s="84"/>
      <c r="AM13031" s="84"/>
    </row>
    <row r="13032" spans="35:39" x14ac:dyDescent="0.35">
      <c r="AI13032" s="84"/>
      <c r="AM13032" s="84"/>
    </row>
    <row r="13033" spans="35:39" x14ac:dyDescent="0.35">
      <c r="AI13033" s="84"/>
      <c r="AM13033" s="84"/>
    </row>
    <row r="13034" spans="35:39" x14ac:dyDescent="0.35">
      <c r="AI13034" s="84"/>
      <c r="AM13034" s="84"/>
    </row>
    <row r="13035" spans="35:39" x14ac:dyDescent="0.35">
      <c r="AI13035" s="84"/>
      <c r="AM13035" s="84"/>
    </row>
    <row r="13036" spans="35:39" x14ac:dyDescent="0.35">
      <c r="AI13036" s="84"/>
      <c r="AM13036" s="84"/>
    </row>
    <row r="13037" spans="35:39" x14ac:dyDescent="0.35">
      <c r="AI13037" s="84"/>
      <c r="AM13037" s="84"/>
    </row>
    <row r="13038" spans="35:39" x14ac:dyDescent="0.35">
      <c r="AI13038" s="84"/>
      <c r="AM13038" s="84"/>
    </row>
    <row r="13039" spans="35:39" x14ac:dyDescent="0.35">
      <c r="AI13039" s="84"/>
      <c r="AM13039" s="84"/>
    </row>
    <row r="13040" spans="35:39" x14ac:dyDescent="0.35">
      <c r="AI13040" s="84"/>
      <c r="AM13040" s="84"/>
    </row>
    <row r="13041" spans="35:39" x14ac:dyDescent="0.35">
      <c r="AI13041" s="84"/>
      <c r="AM13041" s="84"/>
    </row>
    <row r="13042" spans="35:39" x14ac:dyDescent="0.35">
      <c r="AI13042" s="84"/>
      <c r="AM13042" s="84"/>
    </row>
    <row r="13043" spans="35:39" x14ac:dyDescent="0.35">
      <c r="AI13043" s="84"/>
      <c r="AM13043" s="84"/>
    </row>
    <row r="13044" spans="35:39" x14ac:dyDescent="0.35">
      <c r="AI13044" s="84"/>
      <c r="AM13044" s="84"/>
    </row>
    <row r="13045" spans="35:39" x14ac:dyDescent="0.35">
      <c r="AI13045" s="84"/>
      <c r="AM13045" s="84"/>
    </row>
    <row r="13046" spans="35:39" x14ac:dyDescent="0.35">
      <c r="AI13046" s="84"/>
      <c r="AM13046" s="84"/>
    </row>
    <row r="13047" spans="35:39" x14ac:dyDescent="0.35">
      <c r="AI13047" s="84"/>
      <c r="AM13047" s="84"/>
    </row>
    <row r="13048" spans="35:39" x14ac:dyDescent="0.35">
      <c r="AI13048" s="84"/>
      <c r="AM13048" s="84"/>
    </row>
    <row r="13049" spans="35:39" x14ac:dyDescent="0.35">
      <c r="AI13049" s="84"/>
      <c r="AM13049" s="84"/>
    </row>
    <row r="13050" spans="35:39" x14ac:dyDescent="0.35">
      <c r="AI13050" s="84"/>
      <c r="AM13050" s="84"/>
    </row>
    <row r="13051" spans="35:39" x14ac:dyDescent="0.35">
      <c r="AI13051" s="84"/>
      <c r="AM13051" s="84"/>
    </row>
    <row r="13052" spans="35:39" x14ac:dyDescent="0.35">
      <c r="AI13052" s="84"/>
      <c r="AM13052" s="84"/>
    </row>
    <row r="13053" spans="35:39" x14ac:dyDescent="0.35">
      <c r="AI13053" s="84"/>
      <c r="AM13053" s="84"/>
    </row>
    <row r="13054" spans="35:39" x14ac:dyDescent="0.35">
      <c r="AI13054" s="84"/>
      <c r="AM13054" s="84"/>
    </row>
    <row r="13055" spans="35:39" x14ac:dyDescent="0.35">
      <c r="AI13055" s="84"/>
      <c r="AM13055" s="84"/>
    </row>
    <row r="13056" spans="35:39" x14ac:dyDescent="0.35">
      <c r="AI13056" s="84"/>
      <c r="AM13056" s="84"/>
    </row>
    <row r="13057" spans="35:39" x14ac:dyDescent="0.35">
      <c r="AI13057" s="84"/>
      <c r="AM13057" s="84"/>
    </row>
    <row r="13058" spans="35:39" x14ac:dyDescent="0.35">
      <c r="AI13058" s="84"/>
      <c r="AM13058" s="84"/>
    </row>
    <row r="13059" spans="35:39" x14ac:dyDescent="0.35">
      <c r="AI13059" s="84"/>
      <c r="AM13059" s="84"/>
    </row>
    <row r="13060" spans="35:39" x14ac:dyDescent="0.35">
      <c r="AI13060" s="84"/>
      <c r="AM13060" s="84"/>
    </row>
    <row r="13061" spans="35:39" x14ac:dyDescent="0.35">
      <c r="AI13061" s="84"/>
      <c r="AM13061" s="84"/>
    </row>
    <row r="13062" spans="35:39" x14ac:dyDescent="0.35">
      <c r="AI13062" s="84"/>
      <c r="AM13062" s="84"/>
    </row>
    <row r="13063" spans="35:39" x14ac:dyDescent="0.35">
      <c r="AI13063" s="84"/>
      <c r="AM13063" s="84"/>
    </row>
    <row r="13064" spans="35:39" x14ac:dyDescent="0.35">
      <c r="AI13064" s="84"/>
      <c r="AM13064" s="84"/>
    </row>
    <row r="13065" spans="35:39" x14ac:dyDescent="0.35">
      <c r="AI13065" s="84"/>
      <c r="AM13065" s="84"/>
    </row>
    <row r="13066" spans="35:39" x14ac:dyDescent="0.35">
      <c r="AI13066" s="84"/>
      <c r="AM13066" s="84"/>
    </row>
    <row r="13067" spans="35:39" x14ac:dyDescent="0.35">
      <c r="AI13067" s="84"/>
      <c r="AM13067" s="84"/>
    </row>
    <row r="13068" spans="35:39" x14ac:dyDescent="0.35">
      <c r="AI13068" s="84"/>
      <c r="AM13068" s="84"/>
    </row>
    <row r="13069" spans="35:39" x14ac:dyDescent="0.35">
      <c r="AI13069" s="84"/>
      <c r="AM13069" s="84"/>
    </row>
    <row r="13070" spans="35:39" x14ac:dyDescent="0.35">
      <c r="AI13070" s="84"/>
      <c r="AM13070" s="84"/>
    </row>
    <row r="13071" spans="35:39" x14ac:dyDescent="0.35">
      <c r="AI13071" s="84"/>
      <c r="AM13071" s="84"/>
    </row>
    <row r="13072" spans="35:39" x14ac:dyDescent="0.35">
      <c r="AI13072" s="84"/>
      <c r="AM13072" s="84"/>
    </row>
    <row r="13073" spans="35:39" x14ac:dyDescent="0.35">
      <c r="AI13073" s="84"/>
      <c r="AM13073" s="84"/>
    </row>
    <row r="13074" spans="35:39" x14ac:dyDescent="0.35">
      <c r="AI13074" s="84"/>
      <c r="AM13074" s="84"/>
    </row>
    <row r="13075" spans="35:39" x14ac:dyDescent="0.35">
      <c r="AI13075" s="84"/>
      <c r="AM13075" s="84"/>
    </row>
    <row r="13076" spans="35:39" x14ac:dyDescent="0.35">
      <c r="AI13076" s="84"/>
      <c r="AM13076" s="84"/>
    </row>
    <row r="13077" spans="35:39" x14ac:dyDescent="0.35">
      <c r="AI13077" s="84"/>
      <c r="AM13077" s="84"/>
    </row>
    <row r="13078" spans="35:39" x14ac:dyDescent="0.35">
      <c r="AI13078" s="84"/>
      <c r="AM13078" s="84"/>
    </row>
    <row r="13079" spans="35:39" x14ac:dyDescent="0.35">
      <c r="AI13079" s="84"/>
      <c r="AM13079" s="84"/>
    </row>
    <row r="13080" spans="35:39" x14ac:dyDescent="0.35">
      <c r="AI13080" s="84"/>
      <c r="AM13080" s="84"/>
    </row>
    <row r="13081" spans="35:39" x14ac:dyDescent="0.35">
      <c r="AI13081" s="84"/>
      <c r="AM13081" s="84"/>
    </row>
    <row r="13082" spans="35:39" x14ac:dyDescent="0.35">
      <c r="AI13082" s="84"/>
      <c r="AM13082" s="84"/>
    </row>
    <row r="13083" spans="35:39" x14ac:dyDescent="0.35">
      <c r="AI13083" s="84"/>
      <c r="AM13083" s="84"/>
    </row>
    <row r="13084" spans="35:39" x14ac:dyDescent="0.35">
      <c r="AI13084" s="84"/>
      <c r="AM13084" s="84"/>
    </row>
    <row r="13085" spans="35:39" x14ac:dyDescent="0.35">
      <c r="AI13085" s="84"/>
      <c r="AM13085" s="84"/>
    </row>
    <row r="13086" spans="35:39" x14ac:dyDescent="0.35">
      <c r="AI13086" s="84"/>
      <c r="AM13086" s="84"/>
    </row>
    <row r="13087" spans="35:39" x14ac:dyDescent="0.35">
      <c r="AI13087" s="84"/>
      <c r="AM13087" s="84"/>
    </row>
    <row r="13088" spans="35:39" x14ac:dyDescent="0.35">
      <c r="AI13088" s="84"/>
      <c r="AM13088" s="84"/>
    </row>
    <row r="13089" spans="35:39" x14ac:dyDescent="0.35">
      <c r="AI13089" s="84"/>
      <c r="AM13089" s="84"/>
    </row>
    <row r="13090" spans="35:39" x14ac:dyDescent="0.35">
      <c r="AI13090" s="84"/>
      <c r="AM13090" s="84"/>
    </row>
    <row r="13091" spans="35:39" x14ac:dyDescent="0.35">
      <c r="AI13091" s="84"/>
      <c r="AM13091" s="84"/>
    </row>
    <row r="13092" spans="35:39" x14ac:dyDescent="0.35">
      <c r="AI13092" s="84"/>
      <c r="AM13092" s="84"/>
    </row>
    <row r="13093" spans="35:39" x14ac:dyDescent="0.35">
      <c r="AI13093" s="84"/>
      <c r="AM13093" s="84"/>
    </row>
    <row r="13094" spans="35:39" x14ac:dyDescent="0.35">
      <c r="AI13094" s="84"/>
      <c r="AM13094" s="84"/>
    </row>
    <row r="13095" spans="35:39" x14ac:dyDescent="0.35">
      <c r="AI13095" s="84"/>
      <c r="AM13095" s="84"/>
    </row>
    <row r="13096" spans="35:39" x14ac:dyDescent="0.35">
      <c r="AI13096" s="84"/>
      <c r="AM13096" s="84"/>
    </row>
    <row r="13097" spans="35:39" x14ac:dyDescent="0.35">
      <c r="AI13097" s="84"/>
      <c r="AM13097" s="84"/>
    </row>
    <row r="13098" spans="35:39" x14ac:dyDescent="0.35">
      <c r="AI13098" s="84"/>
      <c r="AM13098" s="84"/>
    </row>
    <row r="13099" spans="35:39" x14ac:dyDescent="0.35">
      <c r="AI13099" s="84"/>
      <c r="AM13099" s="84"/>
    </row>
    <row r="13100" spans="35:39" x14ac:dyDescent="0.35">
      <c r="AI13100" s="84"/>
      <c r="AM13100" s="84"/>
    </row>
    <row r="13101" spans="35:39" x14ac:dyDescent="0.35">
      <c r="AI13101" s="84"/>
      <c r="AM13101" s="84"/>
    </row>
    <row r="13102" spans="35:39" x14ac:dyDescent="0.35">
      <c r="AI13102" s="84"/>
      <c r="AM13102" s="84"/>
    </row>
    <row r="13103" spans="35:39" x14ac:dyDescent="0.35">
      <c r="AI13103" s="84"/>
      <c r="AM13103" s="84"/>
    </row>
    <row r="13104" spans="35:39" x14ac:dyDescent="0.35">
      <c r="AI13104" s="84"/>
      <c r="AM13104" s="84"/>
    </row>
    <row r="13105" spans="35:39" x14ac:dyDescent="0.35">
      <c r="AI13105" s="84"/>
      <c r="AM13105" s="84"/>
    </row>
    <row r="13106" spans="35:39" x14ac:dyDescent="0.35">
      <c r="AI13106" s="84"/>
      <c r="AM13106" s="84"/>
    </row>
    <row r="13107" spans="35:39" x14ac:dyDescent="0.35">
      <c r="AI13107" s="84"/>
      <c r="AM13107" s="84"/>
    </row>
    <row r="13108" spans="35:39" x14ac:dyDescent="0.35">
      <c r="AI13108" s="84"/>
      <c r="AM13108" s="84"/>
    </row>
    <row r="13109" spans="35:39" x14ac:dyDescent="0.35">
      <c r="AI13109" s="84"/>
      <c r="AM13109" s="84"/>
    </row>
    <row r="13110" spans="35:39" x14ac:dyDescent="0.35">
      <c r="AI13110" s="84"/>
      <c r="AM13110" s="84"/>
    </row>
    <row r="13111" spans="35:39" x14ac:dyDescent="0.35">
      <c r="AI13111" s="84"/>
      <c r="AM13111" s="84"/>
    </row>
    <row r="13112" spans="35:39" x14ac:dyDescent="0.35">
      <c r="AI13112" s="84"/>
      <c r="AM13112" s="84"/>
    </row>
    <row r="13113" spans="35:39" x14ac:dyDescent="0.35">
      <c r="AI13113" s="84"/>
      <c r="AM13113" s="84"/>
    </row>
    <row r="13114" spans="35:39" x14ac:dyDescent="0.35">
      <c r="AI13114" s="84"/>
      <c r="AM13114" s="84"/>
    </row>
    <row r="13115" spans="35:39" x14ac:dyDescent="0.35">
      <c r="AI13115" s="84"/>
      <c r="AM13115" s="84"/>
    </row>
    <row r="13116" spans="35:39" x14ac:dyDescent="0.35">
      <c r="AI13116" s="84"/>
      <c r="AM13116" s="84"/>
    </row>
    <row r="13117" spans="35:39" x14ac:dyDescent="0.35">
      <c r="AI13117" s="84"/>
      <c r="AM13117" s="84"/>
    </row>
    <row r="13118" spans="35:39" x14ac:dyDescent="0.35">
      <c r="AI13118" s="84"/>
      <c r="AM13118" s="84"/>
    </row>
    <row r="13119" spans="35:39" x14ac:dyDescent="0.35">
      <c r="AI13119" s="84"/>
      <c r="AM13119" s="84"/>
    </row>
    <row r="13120" spans="35:39" x14ac:dyDescent="0.35">
      <c r="AI13120" s="84"/>
      <c r="AM13120" s="84"/>
    </row>
    <row r="13121" spans="35:39" x14ac:dyDescent="0.35">
      <c r="AI13121" s="84"/>
      <c r="AM13121" s="84"/>
    </row>
    <row r="13122" spans="35:39" x14ac:dyDescent="0.35">
      <c r="AI13122" s="84"/>
      <c r="AM13122" s="84"/>
    </row>
    <row r="13123" spans="35:39" x14ac:dyDescent="0.35">
      <c r="AI13123" s="84"/>
      <c r="AM13123" s="84"/>
    </row>
    <row r="13124" spans="35:39" x14ac:dyDescent="0.35">
      <c r="AI13124" s="84"/>
      <c r="AM13124" s="84"/>
    </row>
    <row r="13125" spans="35:39" x14ac:dyDescent="0.35">
      <c r="AI13125" s="84"/>
      <c r="AM13125" s="84"/>
    </row>
    <row r="13126" spans="35:39" x14ac:dyDescent="0.35">
      <c r="AI13126" s="84"/>
      <c r="AM13126" s="84"/>
    </row>
    <row r="13127" spans="35:39" x14ac:dyDescent="0.35">
      <c r="AI13127" s="84"/>
      <c r="AM13127" s="84"/>
    </row>
    <row r="13128" spans="35:39" x14ac:dyDescent="0.35">
      <c r="AI13128" s="84"/>
      <c r="AM13128" s="84"/>
    </row>
    <row r="13129" spans="35:39" x14ac:dyDescent="0.35">
      <c r="AI13129" s="84"/>
      <c r="AM13129" s="84"/>
    </row>
    <row r="13130" spans="35:39" x14ac:dyDescent="0.35">
      <c r="AI13130" s="84"/>
      <c r="AM13130" s="84"/>
    </row>
    <row r="13131" spans="35:39" x14ac:dyDescent="0.35">
      <c r="AI13131" s="84"/>
      <c r="AM13131" s="84"/>
    </row>
    <row r="13132" spans="35:39" x14ac:dyDescent="0.35">
      <c r="AI13132" s="84"/>
      <c r="AM13132" s="84"/>
    </row>
    <row r="13133" spans="35:39" x14ac:dyDescent="0.35">
      <c r="AI13133" s="84"/>
      <c r="AM13133" s="84"/>
    </row>
    <row r="13134" spans="35:39" x14ac:dyDescent="0.35">
      <c r="AI13134" s="84"/>
      <c r="AM13134" s="84"/>
    </row>
    <row r="13135" spans="35:39" x14ac:dyDescent="0.35">
      <c r="AI13135" s="84"/>
      <c r="AM13135" s="84"/>
    </row>
    <row r="13136" spans="35:39" x14ac:dyDescent="0.35">
      <c r="AI13136" s="84"/>
      <c r="AM13136" s="84"/>
    </row>
    <row r="13137" spans="35:39" x14ac:dyDescent="0.35">
      <c r="AI13137" s="84"/>
      <c r="AM13137" s="84"/>
    </row>
    <row r="13138" spans="35:39" x14ac:dyDescent="0.35">
      <c r="AI13138" s="84"/>
      <c r="AM13138" s="84"/>
    </row>
    <row r="13139" spans="35:39" x14ac:dyDescent="0.35">
      <c r="AI13139" s="84"/>
      <c r="AM13139" s="84"/>
    </row>
    <row r="13140" spans="35:39" x14ac:dyDescent="0.35">
      <c r="AI13140" s="84"/>
      <c r="AM13140" s="84"/>
    </row>
    <row r="13141" spans="35:39" x14ac:dyDescent="0.35">
      <c r="AI13141" s="84"/>
      <c r="AM13141" s="84"/>
    </row>
    <row r="13142" spans="35:39" x14ac:dyDescent="0.35">
      <c r="AI13142" s="84"/>
      <c r="AM13142" s="84"/>
    </row>
    <row r="13143" spans="35:39" x14ac:dyDescent="0.35">
      <c r="AI13143" s="84"/>
      <c r="AM13143" s="84"/>
    </row>
    <row r="13144" spans="35:39" x14ac:dyDescent="0.35">
      <c r="AI13144" s="84"/>
      <c r="AM13144" s="84"/>
    </row>
    <row r="13145" spans="35:39" x14ac:dyDescent="0.35">
      <c r="AI13145" s="84"/>
      <c r="AM13145" s="84"/>
    </row>
    <row r="13146" spans="35:39" x14ac:dyDescent="0.35">
      <c r="AI13146" s="84"/>
      <c r="AM13146" s="84"/>
    </row>
    <row r="13147" spans="35:39" x14ac:dyDescent="0.35">
      <c r="AI13147" s="84"/>
      <c r="AM13147" s="84"/>
    </row>
    <row r="13148" spans="35:39" x14ac:dyDescent="0.35">
      <c r="AI13148" s="84"/>
      <c r="AM13148" s="84"/>
    </row>
    <row r="13149" spans="35:39" x14ac:dyDescent="0.35">
      <c r="AI13149" s="84"/>
      <c r="AM13149" s="84"/>
    </row>
    <row r="13150" spans="35:39" x14ac:dyDescent="0.35">
      <c r="AI13150" s="84"/>
      <c r="AM13150" s="84"/>
    </row>
    <row r="13151" spans="35:39" x14ac:dyDescent="0.35">
      <c r="AI13151" s="84"/>
      <c r="AM13151" s="84"/>
    </row>
    <row r="13152" spans="35:39" x14ac:dyDescent="0.35">
      <c r="AI13152" s="84"/>
      <c r="AM13152" s="84"/>
    </row>
    <row r="13153" spans="35:39" x14ac:dyDescent="0.35">
      <c r="AI13153" s="84"/>
      <c r="AM13153" s="84"/>
    </row>
    <row r="13154" spans="35:39" x14ac:dyDescent="0.35">
      <c r="AI13154" s="84"/>
      <c r="AM13154" s="84"/>
    </row>
    <row r="13155" spans="35:39" x14ac:dyDescent="0.35">
      <c r="AI13155" s="84"/>
      <c r="AM13155" s="84"/>
    </row>
    <row r="13156" spans="35:39" x14ac:dyDescent="0.35">
      <c r="AI13156" s="84"/>
      <c r="AM13156" s="84"/>
    </row>
    <row r="13157" spans="35:39" x14ac:dyDescent="0.35">
      <c r="AI13157" s="84"/>
      <c r="AM13157" s="84"/>
    </row>
    <row r="13158" spans="35:39" x14ac:dyDescent="0.35">
      <c r="AI13158" s="84"/>
      <c r="AM13158" s="84"/>
    </row>
    <row r="13159" spans="35:39" x14ac:dyDescent="0.35">
      <c r="AI13159" s="84"/>
      <c r="AM13159" s="84"/>
    </row>
    <row r="13160" spans="35:39" x14ac:dyDescent="0.35">
      <c r="AI13160" s="84"/>
      <c r="AM13160" s="84"/>
    </row>
    <row r="13161" spans="35:39" x14ac:dyDescent="0.35">
      <c r="AI13161" s="84"/>
      <c r="AM13161" s="84"/>
    </row>
    <row r="13162" spans="35:39" x14ac:dyDescent="0.35">
      <c r="AI13162" s="84"/>
      <c r="AM13162" s="84"/>
    </row>
    <row r="13163" spans="35:39" x14ac:dyDescent="0.35">
      <c r="AI13163" s="84"/>
      <c r="AM13163" s="84"/>
    </row>
    <row r="13164" spans="35:39" x14ac:dyDescent="0.35">
      <c r="AI13164" s="84"/>
      <c r="AM13164" s="84"/>
    </row>
    <row r="13165" spans="35:39" x14ac:dyDescent="0.35">
      <c r="AI13165" s="84"/>
      <c r="AM13165" s="84"/>
    </row>
    <row r="13166" spans="35:39" x14ac:dyDescent="0.35">
      <c r="AI13166" s="84"/>
      <c r="AM13166" s="84"/>
    </row>
    <row r="13167" spans="35:39" x14ac:dyDescent="0.35">
      <c r="AI13167" s="84"/>
      <c r="AM13167" s="84"/>
    </row>
    <row r="13168" spans="35:39" x14ac:dyDescent="0.35">
      <c r="AI13168" s="84"/>
      <c r="AM13168" s="84"/>
    </row>
    <row r="13169" spans="35:39" x14ac:dyDescent="0.35">
      <c r="AI13169" s="84"/>
      <c r="AM13169" s="84"/>
    </row>
    <row r="13170" spans="35:39" x14ac:dyDescent="0.35">
      <c r="AI13170" s="84"/>
      <c r="AM13170" s="84"/>
    </row>
    <row r="13171" spans="35:39" x14ac:dyDescent="0.35">
      <c r="AI13171" s="84"/>
      <c r="AM13171" s="84"/>
    </row>
    <row r="13172" spans="35:39" x14ac:dyDescent="0.35">
      <c r="AI13172" s="84"/>
      <c r="AM13172" s="84"/>
    </row>
    <row r="13173" spans="35:39" x14ac:dyDescent="0.35">
      <c r="AI13173" s="84"/>
      <c r="AM13173" s="84"/>
    </row>
    <row r="13174" spans="35:39" x14ac:dyDescent="0.35">
      <c r="AI13174" s="84"/>
      <c r="AM13174" s="84"/>
    </row>
    <row r="13175" spans="35:39" x14ac:dyDescent="0.35">
      <c r="AI13175" s="84"/>
      <c r="AM13175" s="84"/>
    </row>
    <row r="13176" spans="35:39" x14ac:dyDescent="0.35">
      <c r="AI13176" s="84"/>
      <c r="AM13176" s="84"/>
    </row>
    <row r="13177" spans="35:39" x14ac:dyDescent="0.35">
      <c r="AI13177" s="84"/>
      <c r="AM13177" s="84"/>
    </row>
    <row r="13178" spans="35:39" x14ac:dyDescent="0.35">
      <c r="AI13178" s="84"/>
      <c r="AM13178" s="84"/>
    </row>
    <row r="13179" spans="35:39" x14ac:dyDescent="0.35">
      <c r="AI13179" s="84"/>
      <c r="AM13179" s="84"/>
    </row>
    <row r="13180" spans="35:39" x14ac:dyDescent="0.35">
      <c r="AI13180" s="84"/>
      <c r="AM13180" s="84"/>
    </row>
    <row r="13181" spans="35:39" x14ac:dyDescent="0.35">
      <c r="AI13181" s="84"/>
      <c r="AM13181" s="84"/>
    </row>
    <row r="13182" spans="35:39" x14ac:dyDescent="0.35">
      <c r="AI13182" s="84"/>
      <c r="AM13182" s="84"/>
    </row>
    <row r="13183" spans="35:39" x14ac:dyDescent="0.35">
      <c r="AI13183" s="84"/>
      <c r="AM13183" s="84"/>
    </row>
    <row r="13184" spans="35:39" x14ac:dyDescent="0.35">
      <c r="AI13184" s="84"/>
      <c r="AM13184" s="84"/>
    </row>
    <row r="13185" spans="35:39" x14ac:dyDescent="0.35">
      <c r="AI13185" s="84"/>
      <c r="AM13185" s="84"/>
    </row>
    <row r="13186" spans="35:39" x14ac:dyDescent="0.35">
      <c r="AI13186" s="84"/>
      <c r="AM13186" s="84"/>
    </row>
    <row r="13187" spans="35:39" x14ac:dyDescent="0.35">
      <c r="AI13187" s="84"/>
      <c r="AM13187" s="84"/>
    </row>
    <row r="13188" spans="35:39" x14ac:dyDescent="0.35">
      <c r="AI13188" s="84"/>
      <c r="AM13188" s="84"/>
    </row>
    <row r="13189" spans="35:39" x14ac:dyDescent="0.35">
      <c r="AI13189" s="84"/>
      <c r="AM13189" s="84"/>
    </row>
    <row r="13190" spans="35:39" x14ac:dyDescent="0.35">
      <c r="AI13190" s="84"/>
      <c r="AM13190" s="84"/>
    </row>
    <row r="13191" spans="35:39" x14ac:dyDescent="0.35">
      <c r="AI13191" s="84"/>
      <c r="AM13191" s="84"/>
    </row>
    <row r="13192" spans="35:39" x14ac:dyDescent="0.35">
      <c r="AI13192" s="84"/>
      <c r="AM13192" s="84"/>
    </row>
    <row r="13193" spans="35:39" x14ac:dyDescent="0.35">
      <c r="AI13193" s="84"/>
      <c r="AM13193" s="84"/>
    </row>
    <row r="13194" spans="35:39" x14ac:dyDescent="0.35">
      <c r="AI13194" s="84"/>
      <c r="AM13194" s="84"/>
    </row>
    <row r="13195" spans="35:39" x14ac:dyDescent="0.35">
      <c r="AI13195" s="84"/>
      <c r="AM13195" s="84"/>
    </row>
    <row r="13196" spans="35:39" x14ac:dyDescent="0.35">
      <c r="AI13196" s="84"/>
      <c r="AM13196" s="84"/>
    </row>
    <row r="13197" spans="35:39" x14ac:dyDescent="0.35">
      <c r="AI13197" s="84"/>
      <c r="AM13197" s="84"/>
    </row>
    <row r="13198" spans="35:39" x14ac:dyDescent="0.35">
      <c r="AI13198" s="84"/>
      <c r="AM13198" s="84"/>
    </row>
    <row r="13199" spans="35:39" x14ac:dyDescent="0.35">
      <c r="AI13199" s="84"/>
      <c r="AM13199" s="84"/>
    </row>
    <row r="13200" spans="35:39" x14ac:dyDescent="0.35">
      <c r="AI13200" s="84"/>
      <c r="AM13200" s="84"/>
    </row>
    <row r="13201" spans="35:39" x14ac:dyDescent="0.35">
      <c r="AI13201" s="84"/>
      <c r="AM13201" s="84"/>
    </row>
    <row r="13202" spans="35:39" x14ac:dyDescent="0.35">
      <c r="AI13202" s="84"/>
      <c r="AM13202" s="84"/>
    </row>
    <row r="13203" spans="35:39" x14ac:dyDescent="0.35">
      <c r="AI13203" s="84"/>
      <c r="AM13203" s="84"/>
    </row>
    <row r="13204" spans="35:39" x14ac:dyDescent="0.35">
      <c r="AI13204" s="84"/>
      <c r="AM13204" s="84"/>
    </row>
    <row r="13205" spans="35:39" x14ac:dyDescent="0.35">
      <c r="AI13205" s="84"/>
      <c r="AM13205" s="84"/>
    </row>
    <row r="13206" spans="35:39" x14ac:dyDescent="0.35">
      <c r="AI13206" s="84"/>
      <c r="AM13206" s="84"/>
    </row>
    <row r="13207" spans="35:39" x14ac:dyDescent="0.35">
      <c r="AI13207" s="84"/>
      <c r="AM13207" s="84"/>
    </row>
    <row r="13208" spans="35:39" x14ac:dyDescent="0.35">
      <c r="AI13208" s="84"/>
      <c r="AM13208" s="84"/>
    </row>
    <row r="13209" spans="35:39" x14ac:dyDescent="0.35">
      <c r="AI13209" s="84"/>
      <c r="AM13209" s="84"/>
    </row>
    <row r="13210" spans="35:39" x14ac:dyDescent="0.35">
      <c r="AI13210" s="84"/>
      <c r="AM13210" s="84"/>
    </row>
    <row r="13211" spans="35:39" x14ac:dyDescent="0.35">
      <c r="AI13211" s="84"/>
      <c r="AM13211" s="84"/>
    </row>
    <row r="13212" spans="35:39" x14ac:dyDescent="0.35">
      <c r="AI13212" s="84"/>
      <c r="AM13212" s="84"/>
    </row>
    <row r="13213" spans="35:39" x14ac:dyDescent="0.35">
      <c r="AI13213" s="84"/>
      <c r="AM13213" s="84"/>
    </row>
    <row r="13214" spans="35:39" x14ac:dyDescent="0.35">
      <c r="AI13214" s="84"/>
      <c r="AM13214" s="84"/>
    </row>
    <row r="13215" spans="35:39" x14ac:dyDescent="0.35">
      <c r="AI13215" s="84"/>
      <c r="AM13215" s="84"/>
    </row>
    <row r="13216" spans="35:39" x14ac:dyDescent="0.35">
      <c r="AI13216" s="84"/>
      <c r="AM13216" s="84"/>
    </row>
    <row r="13217" spans="35:39" x14ac:dyDescent="0.35">
      <c r="AI13217" s="84"/>
      <c r="AM13217" s="84"/>
    </row>
    <row r="13218" spans="35:39" x14ac:dyDescent="0.35">
      <c r="AI13218" s="84"/>
      <c r="AM13218" s="84"/>
    </row>
    <row r="13219" spans="35:39" x14ac:dyDescent="0.35">
      <c r="AI13219" s="84"/>
      <c r="AM13219" s="84"/>
    </row>
    <row r="13220" spans="35:39" x14ac:dyDescent="0.35">
      <c r="AI13220" s="84"/>
      <c r="AM13220" s="84"/>
    </row>
    <row r="13221" spans="35:39" x14ac:dyDescent="0.35">
      <c r="AI13221" s="84"/>
      <c r="AM13221" s="84"/>
    </row>
    <row r="13222" spans="35:39" x14ac:dyDescent="0.35">
      <c r="AI13222" s="84"/>
      <c r="AM13222" s="84"/>
    </row>
    <row r="13223" spans="35:39" x14ac:dyDescent="0.35">
      <c r="AI13223" s="84"/>
      <c r="AM13223" s="84"/>
    </row>
    <row r="13224" spans="35:39" x14ac:dyDescent="0.35">
      <c r="AI13224" s="84"/>
      <c r="AM13224" s="84"/>
    </row>
    <row r="13225" spans="35:39" x14ac:dyDescent="0.35">
      <c r="AI13225" s="84"/>
      <c r="AM13225" s="84"/>
    </row>
    <row r="13226" spans="35:39" x14ac:dyDescent="0.35">
      <c r="AI13226" s="84"/>
      <c r="AM13226" s="84"/>
    </row>
    <row r="13227" spans="35:39" x14ac:dyDescent="0.35">
      <c r="AI13227" s="84"/>
      <c r="AM13227" s="84"/>
    </row>
    <row r="13228" spans="35:39" x14ac:dyDescent="0.35">
      <c r="AI13228" s="84"/>
      <c r="AM13228" s="84"/>
    </row>
    <row r="13229" spans="35:39" x14ac:dyDescent="0.35">
      <c r="AI13229" s="84"/>
      <c r="AM13229" s="84"/>
    </row>
    <row r="13230" spans="35:39" x14ac:dyDescent="0.35">
      <c r="AI13230" s="84"/>
      <c r="AM13230" s="84"/>
    </row>
    <row r="13231" spans="35:39" x14ac:dyDescent="0.35">
      <c r="AI13231" s="84"/>
      <c r="AM13231" s="84"/>
    </row>
    <row r="13232" spans="35:39" x14ac:dyDescent="0.35">
      <c r="AI13232" s="84"/>
      <c r="AM13232" s="84"/>
    </row>
    <row r="13233" spans="35:39" x14ac:dyDescent="0.35">
      <c r="AI13233" s="84"/>
      <c r="AM13233" s="84"/>
    </row>
    <row r="13234" spans="35:39" x14ac:dyDescent="0.35">
      <c r="AI13234" s="84"/>
      <c r="AM13234" s="84"/>
    </row>
    <row r="13235" spans="35:39" x14ac:dyDescent="0.35">
      <c r="AI13235" s="84"/>
      <c r="AM13235" s="84"/>
    </row>
    <row r="13236" spans="35:39" x14ac:dyDescent="0.35">
      <c r="AI13236" s="84"/>
      <c r="AM13236" s="84"/>
    </row>
    <row r="13237" spans="35:39" x14ac:dyDescent="0.35">
      <c r="AI13237" s="84"/>
      <c r="AM13237" s="84"/>
    </row>
    <row r="13238" spans="35:39" x14ac:dyDescent="0.35">
      <c r="AI13238" s="84"/>
      <c r="AM13238" s="84"/>
    </row>
    <row r="13239" spans="35:39" x14ac:dyDescent="0.35">
      <c r="AI13239" s="84"/>
      <c r="AM13239" s="84"/>
    </row>
    <row r="13240" spans="35:39" x14ac:dyDescent="0.35">
      <c r="AI13240" s="84"/>
      <c r="AM13240" s="84"/>
    </row>
    <row r="13241" spans="35:39" x14ac:dyDescent="0.35">
      <c r="AI13241" s="84"/>
      <c r="AM13241" s="84"/>
    </row>
    <row r="13242" spans="35:39" x14ac:dyDescent="0.35">
      <c r="AI13242" s="84"/>
      <c r="AM13242" s="84"/>
    </row>
    <row r="13243" spans="35:39" x14ac:dyDescent="0.35">
      <c r="AI13243" s="84"/>
      <c r="AM13243" s="84"/>
    </row>
    <row r="13244" spans="35:39" x14ac:dyDescent="0.35">
      <c r="AI13244" s="84"/>
      <c r="AM13244" s="84"/>
    </row>
    <row r="13245" spans="35:39" x14ac:dyDescent="0.35">
      <c r="AI13245" s="84"/>
      <c r="AM13245" s="84"/>
    </row>
    <row r="13246" spans="35:39" x14ac:dyDescent="0.35">
      <c r="AI13246" s="84"/>
      <c r="AM13246" s="84"/>
    </row>
    <row r="13247" spans="35:39" x14ac:dyDescent="0.35">
      <c r="AI13247" s="84"/>
      <c r="AM13247" s="84"/>
    </row>
    <row r="13248" spans="35:39" x14ac:dyDescent="0.35">
      <c r="AI13248" s="84"/>
      <c r="AM13248" s="84"/>
    </row>
    <row r="13249" spans="35:39" x14ac:dyDescent="0.35">
      <c r="AI13249" s="84"/>
      <c r="AM13249" s="84"/>
    </row>
    <row r="13250" spans="35:39" x14ac:dyDescent="0.35">
      <c r="AI13250" s="84"/>
      <c r="AM13250" s="84"/>
    </row>
    <row r="13251" spans="35:39" x14ac:dyDescent="0.35">
      <c r="AI13251" s="84"/>
      <c r="AM13251" s="84"/>
    </row>
    <row r="13252" spans="35:39" x14ac:dyDescent="0.35">
      <c r="AI13252" s="84"/>
      <c r="AM13252" s="84"/>
    </row>
    <row r="13253" spans="35:39" x14ac:dyDescent="0.35">
      <c r="AI13253" s="84"/>
      <c r="AM13253" s="84"/>
    </row>
    <row r="13254" spans="35:39" x14ac:dyDescent="0.35">
      <c r="AI13254" s="84"/>
      <c r="AM13254" s="84"/>
    </row>
    <row r="13255" spans="35:39" x14ac:dyDescent="0.35">
      <c r="AI13255" s="84"/>
      <c r="AM13255" s="84"/>
    </row>
    <row r="13256" spans="35:39" x14ac:dyDescent="0.35">
      <c r="AI13256" s="84"/>
      <c r="AM13256" s="84"/>
    </row>
    <row r="13257" spans="35:39" x14ac:dyDescent="0.35">
      <c r="AI13257" s="84"/>
      <c r="AM13257" s="84"/>
    </row>
    <row r="13258" spans="35:39" x14ac:dyDescent="0.35">
      <c r="AI13258" s="84"/>
      <c r="AM13258" s="84"/>
    </row>
    <row r="13259" spans="35:39" x14ac:dyDescent="0.35">
      <c r="AI13259" s="84"/>
      <c r="AM13259" s="84"/>
    </row>
    <row r="13260" spans="35:39" x14ac:dyDescent="0.35">
      <c r="AI13260" s="84"/>
      <c r="AM13260" s="84"/>
    </row>
    <row r="13261" spans="35:39" x14ac:dyDescent="0.35">
      <c r="AI13261" s="84"/>
      <c r="AM13261" s="84"/>
    </row>
    <row r="13262" spans="35:39" x14ac:dyDescent="0.35">
      <c r="AI13262" s="84"/>
      <c r="AM13262" s="84"/>
    </row>
    <row r="13263" spans="35:39" x14ac:dyDescent="0.35">
      <c r="AI13263" s="84"/>
      <c r="AM13263" s="84"/>
    </row>
    <row r="13264" spans="35:39" x14ac:dyDescent="0.35">
      <c r="AI13264" s="84"/>
      <c r="AM13264" s="84"/>
    </row>
    <row r="13265" spans="35:39" x14ac:dyDescent="0.35">
      <c r="AI13265" s="84"/>
      <c r="AM13265" s="84"/>
    </row>
    <row r="13266" spans="35:39" x14ac:dyDescent="0.35">
      <c r="AI13266" s="84"/>
      <c r="AM13266" s="84"/>
    </row>
    <row r="13267" spans="35:39" x14ac:dyDescent="0.35">
      <c r="AI13267" s="84"/>
      <c r="AM13267" s="84"/>
    </row>
    <row r="13268" spans="35:39" x14ac:dyDescent="0.35">
      <c r="AI13268" s="84"/>
      <c r="AM13268" s="84"/>
    </row>
    <row r="13269" spans="35:39" x14ac:dyDescent="0.35">
      <c r="AI13269" s="84"/>
      <c r="AM13269" s="84"/>
    </row>
    <row r="13270" spans="35:39" x14ac:dyDescent="0.35">
      <c r="AI13270" s="84"/>
      <c r="AM13270" s="84"/>
    </row>
    <row r="13271" spans="35:39" x14ac:dyDescent="0.35">
      <c r="AI13271" s="84"/>
      <c r="AM13271" s="84"/>
    </row>
    <row r="13272" spans="35:39" x14ac:dyDescent="0.35">
      <c r="AI13272" s="84"/>
      <c r="AM13272" s="84"/>
    </row>
    <row r="13273" spans="35:39" x14ac:dyDescent="0.35">
      <c r="AI13273" s="84"/>
      <c r="AM13273" s="84"/>
    </row>
    <row r="13274" spans="35:39" x14ac:dyDescent="0.35">
      <c r="AI13274" s="84"/>
      <c r="AM13274" s="84"/>
    </row>
    <row r="13275" spans="35:39" x14ac:dyDescent="0.35">
      <c r="AI13275" s="84"/>
      <c r="AM13275" s="84"/>
    </row>
    <row r="13276" spans="35:39" x14ac:dyDescent="0.35">
      <c r="AI13276" s="84"/>
      <c r="AM13276" s="84"/>
    </row>
    <row r="13277" spans="35:39" x14ac:dyDescent="0.35">
      <c r="AI13277" s="84"/>
      <c r="AM13277" s="84"/>
    </row>
    <row r="13278" spans="35:39" x14ac:dyDescent="0.35">
      <c r="AI13278" s="84"/>
      <c r="AM13278" s="84"/>
    </row>
    <row r="13279" spans="35:39" x14ac:dyDescent="0.35">
      <c r="AI13279" s="84"/>
      <c r="AM13279" s="84"/>
    </row>
    <row r="13280" spans="35:39" x14ac:dyDescent="0.35">
      <c r="AI13280" s="84"/>
      <c r="AM13280" s="84"/>
    </row>
    <row r="13281" spans="35:39" x14ac:dyDescent="0.35">
      <c r="AI13281" s="84"/>
      <c r="AM13281" s="84"/>
    </row>
    <row r="13282" spans="35:39" x14ac:dyDescent="0.35">
      <c r="AI13282" s="84"/>
      <c r="AM13282" s="84"/>
    </row>
    <row r="13283" spans="35:39" x14ac:dyDescent="0.35">
      <c r="AI13283" s="84"/>
      <c r="AM13283" s="84"/>
    </row>
    <row r="13284" spans="35:39" x14ac:dyDescent="0.35">
      <c r="AI13284" s="84"/>
      <c r="AM13284" s="84"/>
    </row>
    <row r="13285" spans="35:39" x14ac:dyDescent="0.35">
      <c r="AI13285" s="84"/>
      <c r="AM13285" s="84"/>
    </row>
    <row r="13286" spans="35:39" x14ac:dyDescent="0.35">
      <c r="AI13286" s="84"/>
      <c r="AM13286" s="84"/>
    </row>
    <row r="13287" spans="35:39" x14ac:dyDescent="0.35">
      <c r="AI13287" s="84"/>
      <c r="AM13287" s="84"/>
    </row>
    <row r="13288" spans="35:39" x14ac:dyDescent="0.35">
      <c r="AI13288" s="84"/>
      <c r="AM13288" s="84"/>
    </row>
    <row r="13289" spans="35:39" x14ac:dyDescent="0.35">
      <c r="AI13289" s="84"/>
      <c r="AM13289" s="84"/>
    </row>
    <row r="13290" spans="35:39" x14ac:dyDescent="0.35">
      <c r="AI13290" s="84"/>
      <c r="AM13290" s="84"/>
    </row>
    <row r="13291" spans="35:39" x14ac:dyDescent="0.35">
      <c r="AI13291" s="84"/>
      <c r="AM13291" s="84"/>
    </row>
    <row r="13292" spans="35:39" x14ac:dyDescent="0.35">
      <c r="AI13292" s="84"/>
      <c r="AM13292" s="84"/>
    </row>
    <row r="13293" spans="35:39" x14ac:dyDescent="0.35">
      <c r="AI13293" s="84"/>
      <c r="AM13293" s="84"/>
    </row>
    <row r="13294" spans="35:39" x14ac:dyDescent="0.35">
      <c r="AI13294" s="84"/>
      <c r="AM13294" s="84"/>
    </row>
    <row r="13295" spans="35:39" x14ac:dyDescent="0.35">
      <c r="AI13295" s="84"/>
      <c r="AM13295" s="84"/>
    </row>
    <row r="13296" spans="35:39" x14ac:dyDescent="0.35">
      <c r="AI13296" s="84"/>
      <c r="AM13296" s="84"/>
    </row>
    <row r="13297" spans="35:39" x14ac:dyDescent="0.35">
      <c r="AI13297" s="84"/>
      <c r="AM13297" s="84"/>
    </row>
    <row r="13298" spans="35:39" x14ac:dyDescent="0.35">
      <c r="AI13298" s="84"/>
      <c r="AM13298" s="84"/>
    </row>
    <row r="13299" spans="35:39" x14ac:dyDescent="0.35">
      <c r="AI13299" s="84"/>
      <c r="AM13299" s="84"/>
    </row>
    <row r="13300" spans="35:39" x14ac:dyDescent="0.35">
      <c r="AI13300" s="84"/>
      <c r="AM13300" s="84"/>
    </row>
    <row r="13301" spans="35:39" x14ac:dyDescent="0.35">
      <c r="AI13301" s="84"/>
      <c r="AM13301" s="84"/>
    </row>
    <row r="13302" spans="35:39" x14ac:dyDescent="0.35">
      <c r="AI13302" s="84"/>
      <c r="AM13302" s="84"/>
    </row>
    <row r="13303" spans="35:39" x14ac:dyDescent="0.35">
      <c r="AI13303" s="84"/>
      <c r="AM13303" s="84"/>
    </row>
    <row r="13304" spans="35:39" x14ac:dyDescent="0.35">
      <c r="AI13304" s="84"/>
      <c r="AM13304" s="84"/>
    </row>
    <row r="13305" spans="35:39" x14ac:dyDescent="0.35">
      <c r="AI13305" s="84"/>
      <c r="AM13305" s="84"/>
    </row>
    <row r="13306" spans="35:39" x14ac:dyDescent="0.35">
      <c r="AI13306" s="84"/>
      <c r="AM13306" s="84"/>
    </row>
    <row r="13307" spans="35:39" x14ac:dyDescent="0.35">
      <c r="AI13307" s="84"/>
      <c r="AM13307" s="84"/>
    </row>
    <row r="13308" spans="35:39" x14ac:dyDescent="0.35">
      <c r="AI13308" s="84"/>
      <c r="AM13308" s="84"/>
    </row>
    <row r="13309" spans="35:39" x14ac:dyDescent="0.35">
      <c r="AI13309" s="84"/>
      <c r="AM13309" s="84"/>
    </row>
    <row r="13310" spans="35:39" x14ac:dyDescent="0.35">
      <c r="AI13310" s="84"/>
      <c r="AM13310" s="84"/>
    </row>
    <row r="13311" spans="35:39" x14ac:dyDescent="0.35">
      <c r="AI13311" s="84"/>
      <c r="AM13311" s="84"/>
    </row>
    <row r="13312" spans="35:39" x14ac:dyDescent="0.35">
      <c r="AI13312" s="84"/>
      <c r="AM13312" s="84"/>
    </row>
    <row r="13313" spans="35:39" x14ac:dyDescent="0.35">
      <c r="AI13313" s="84"/>
      <c r="AM13313" s="84"/>
    </row>
    <row r="13314" spans="35:39" x14ac:dyDescent="0.35">
      <c r="AI13314" s="84"/>
      <c r="AM13314" s="84"/>
    </row>
    <row r="13315" spans="35:39" x14ac:dyDescent="0.35">
      <c r="AI13315" s="84"/>
      <c r="AM13315" s="84"/>
    </row>
    <row r="13316" spans="35:39" x14ac:dyDescent="0.35">
      <c r="AI13316" s="84"/>
      <c r="AM13316" s="84"/>
    </row>
    <row r="13317" spans="35:39" x14ac:dyDescent="0.35">
      <c r="AI13317" s="84"/>
      <c r="AM13317" s="84"/>
    </row>
    <row r="13318" spans="35:39" x14ac:dyDescent="0.35">
      <c r="AI13318" s="84"/>
      <c r="AM13318" s="84"/>
    </row>
    <row r="13319" spans="35:39" x14ac:dyDescent="0.35">
      <c r="AI13319" s="84"/>
      <c r="AM13319" s="84"/>
    </row>
    <row r="13320" spans="35:39" x14ac:dyDescent="0.35">
      <c r="AI13320" s="84"/>
      <c r="AM13320" s="84"/>
    </row>
    <row r="13321" spans="35:39" x14ac:dyDescent="0.35">
      <c r="AI13321" s="84"/>
      <c r="AM13321" s="84"/>
    </row>
    <row r="13322" spans="35:39" x14ac:dyDescent="0.35">
      <c r="AI13322" s="84"/>
      <c r="AM13322" s="84"/>
    </row>
    <row r="13323" spans="35:39" x14ac:dyDescent="0.35">
      <c r="AI13323" s="84"/>
      <c r="AM13323" s="84"/>
    </row>
    <row r="13324" spans="35:39" x14ac:dyDescent="0.35">
      <c r="AI13324" s="84"/>
      <c r="AM13324" s="84"/>
    </row>
    <row r="13325" spans="35:39" x14ac:dyDescent="0.35">
      <c r="AI13325" s="84"/>
      <c r="AM13325" s="84"/>
    </row>
    <row r="13326" spans="35:39" x14ac:dyDescent="0.35">
      <c r="AI13326" s="84"/>
      <c r="AM13326" s="84"/>
    </row>
    <row r="13327" spans="35:39" x14ac:dyDescent="0.35">
      <c r="AI13327" s="84"/>
      <c r="AM13327" s="84"/>
    </row>
    <row r="13328" spans="35:39" x14ac:dyDescent="0.35">
      <c r="AI13328" s="84"/>
      <c r="AM13328" s="84"/>
    </row>
    <row r="13329" spans="35:39" x14ac:dyDescent="0.35">
      <c r="AI13329" s="84"/>
      <c r="AM13329" s="84"/>
    </row>
    <row r="13330" spans="35:39" x14ac:dyDescent="0.35">
      <c r="AI13330" s="84"/>
      <c r="AM13330" s="84"/>
    </row>
    <row r="13331" spans="35:39" x14ac:dyDescent="0.35">
      <c r="AI13331" s="84"/>
      <c r="AM13331" s="84"/>
    </row>
    <row r="13332" spans="35:39" x14ac:dyDescent="0.35">
      <c r="AI13332" s="84"/>
      <c r="AM13332" s="84"/>
    </row>
    <row r="13333" spans="35:39" x14ac:dyDescent="0.35">
      <c r="AI13333" s="84"/>
      <c r="AM13333" s="84"/>
    </row>
    <row r="13334" spans="35:39" x14ac:dyDescent="0.35">
      <c r="AI13334" s="84"/>
      <c r="AM13334" s="84"/>
    </row>
    <row r="13335" spans="35:39" x14ac:dyDescent="0.35">
      <c r="AI13335" s="84"/>
      <c r="AM13335" s="84"/>
    </row>
    <row r="13336" spans="35:39" x14ac:dyDescent="0.35">
      <c r="AI13336" s="84"/>
      <c r="AM13336" s="84"/>
    </row>
    <row r="13337" spans="35:39" x14ac:dyDescent="0.35">
      <c r="AI13337" s="84"/>
      <c r="AM13337" s="84"/>
    </row>
    <row r="13338" spans="35:39" x14ac:dyDescent="0.35">
      <c r="AI13338" s="84"/>
      <c r="AM13338" s="84"/>
    </row>
    <row r="13339" spans="35:39" x14ac:dyDescent="0.35">
      <c r="AI13339" s="84"/>
      <c r="AM13339" s="84"/>
    </row>
    <row r="13340" spans="35:39" x14ac:dyDescent="0.35">
      <c r="AI13340" s="84"/>
      <c r="AM13340" s="84"/>
    </row>
    <row r="13341" spans="35:39" x14ac:dyDescent="0.35">
      <c r="AI13341" s="84"/>
      <c r="AM13341" s="84"/>
    </row>
    <row r="13342" spans="35:39" x14ac:dyDescent="0.35">
      <c r="AI13342" s="84"/>
      <c r="AM13342" s="84"/>
    </row>
    <row r="13343" spans="35:39" x14ac:dyDescent="0.35">
      <c r="AI13343" s="84"/>
      <c r="AM13343" s="84"/>
    </row>
    <row r="13344" spans="35:39" x14ac:dyDescent="0.35">
      <c r="AI13344" s="84"/>
      <c r="AM13344" s="84"/>
    </row>
    <row r="13345" spans="35:39" x14ac:dyDescent="0.35">
      <c r="AI13345" s="84"/>
      <c r="AM13345" s="84"/>
    </row>
    <row r="13346" spans="35:39" x14ac:dyDescent="0.35">
      <c r="AI13346" s="84"/>
      <c r="AM13346" s="84"/>
    </row>
    <row r="13347" spans="35:39" x14ac:dyDescent="0.35">
      <c r="AI13347" s="84"/>
      <c r="AM13347" s="84"/>
    </row>
    <row r="13348" spans="35:39" x14ac:dyDescent="0.35">
      <c r="AI13348" s="84"/>
      <c r="AM13348" s="84"/>
    </row>
    <row r="13349" spans="35:39" x14ac:dyDescent="0.35">
      <c r="AI13349" s="84"/>
      <c r="AM13349" s="84"/>
    </row>
    <row r="13350" spans="35:39" x14ac:dyDescent="0.35">
      <c r="AI13350" s="84"/>
      <c r="AM13350" s="84"/>
    </row>
    <row r="13351" spans="35:39" x14ac:dyDescent="0.35">
      <c r="AI13351" s="84"/>
      <c r="AM13351" s="84"/>
    </row>
    <row r="13352" spans="35:39" x14ac:dyDescent="0.35">
      <c r="AI13352" s="84"/>
      <c r="AM13352" s="84"/>
    </row>
    <row r="13353" spans="35:39" x14ac:dyDescent="0.35">
      <c r="AI13353" s="84"/>
      <c r="AM13353" s="84"/>
    </row>
    <row r="13354" spans="35:39" x14ac:dyDescent="0.35">
      <c r="AI13354" s="84"/>
      <c r="AM13354" s="84"/>
    </row>
    <row r="13355" spans="35:39" x14ac:dyDescent="0.35">
      <c r="AI13355" s="84"/>
      <c r="AM13355" s="84"/>
    </row>
    <row r="13356" spans="35:39" x14ac:dyDescent="0.35">
      <c r="AI13356" s="84"/>
      <c r="AM13356" s="84"/>
    </row>
    <row r="13357" spans="35:39" x14ac:dyDescent="0.35">
      <c r="AI13357" s="84"/>
      <c r="AM13357" s="84"/>
    </row>
    <row r="13358" spans="35:39" x14ac:dyDescent="0.35">
      <c r="AI13358" s="84"/>
      <c r="AM13358" s="84"/>
    </row>
    <row r="13359" spans="35:39" x14ac:dyDescent="0.35">
      <c r="AI13359" s="84"/>
      <c r="AM13359" s="84"/>
    </row>
    <row r="13360" spans="35:39" x14ac:dyDescent="0.35">
      <c r="AI13360" s="84"/>
      <c r="AM13360" s="84"/>
    </row>
    <row r="13361" spans="35:39" x14ac:dyDescent="0.35">
      <c r="AI13361" s="84"/>
      <c r="AM13361" s="84"/>
    </row>
    <row r="13362" spans="35:39" x14ac:dyDescent="0.35">
      <c r="AI13362" s="84"/>
      <c r="AM13362" s="84"/>
    </row>
    <row r="13363" spans="35:39" x14ac:dyDescent="0.35">
      <c r="AI13363" s="84"/>
      <c r="AM13363" s="84"/>
    </row>
    <row r="13364" spans="35:39" x14ac:dyDescent="0.35">
      <c r="AI13364" s="84"/>
      <c r="AM13364" s="84"/>
    </row>
    <row r="13365" spans="35:39" x14ac:dyDescent="0.35">
      <c r="AI13365" s="84"/>
      <c r="AM13365" s="84"/>
    </row>
    <row r="13366" spans="35:39" x14ac:dyDescent="0.35">
      <c r="AI13366" s="84"/>
      <c r="AM13366" s="84"/>
    </row>
    <row r="13367" spans="35:39" x14ac:dyDescent="0.35">
      <c r="AI13367" s="84"/>
      <c r="AM13367" s="84"/>
    </row>
    <row r="13368" spans="35:39" x14ac:dyDescent="0.35">
      <c r="AI13368" s="84"/>
      <c r="AM13368" s="84"/>
    </row>
    <row r="13369" spans="35:39" x14ac:dyDescent="0.35">
      <c r="AI13369" s="84"/>
      <c r="AM13369" s="84"/>
    </row>
    <row r="13370" spans="35:39" x14ac:dyDescent="0.35">
      <c r="AI13370" s="84"/>
      <c r="AM13370" s="84"/>
    </row>
    <row r="13371" spans="35:39" x14ac:dyDescent="0.35">
      <c r="AI13371" s="84"/>
      <c r="AM13371" s="84"/>
    </row>
    <row r="13372" spans="35:39" x14ac:dyDescent="0.35">
      <c r="AI13372" s="84"/>
      <c r="AM13372" s="84"/>
    </row>
    <row r="13373" spans="35:39" x14ac:dyDescent="0.35">
      <c r="AI13373" s="84"/>
      <c r="AM13373" s="84"/>
    </row>
    <row r="13374" spans="35:39" x14ac:dyDescent="0.35">
      <c r="AI13374" s="84"/>
      <c r="AM13374" s="84"/>
    </row>
    <row r="13375" spans="35:39" x14ac:dyDescent="0.35">
      <c r="AI13375" s="84"/>
      <c r="AM13375" s="84"/>
    </row>
    <row r="13376" spans="35:39" x14ac:dyDescent="0.35">
      <c r="AI13376" s="84"/>
      <c r="AM13376" s="84"/>
    </row>
    <row r="13377" spans="35:39" x14ac:dyDescent="0.35">
      <c r="AI13377" s="84"/>
      <c r="AM13377" s="84"/>
    </row>
    <row r="13378" spans="35:39" x14ac:dyDescent="0.35">
      <c r="AI13378" s="84"/>
      <c r="AM13378" s="84"/>
    </row>
    <row r="13379" spans="35:39" x14ac:dyDescent="0.35">
      <c r="AI13379" s="84"/>
      <c r="AM13379" s="84"/>
    </row>
    <row r="13380" spans="35:39" x14ac:dyDescent="0.35">
      <c r="AI13380" s="84"/>
      <c r="AM13380" s="84"/>
    </row>
    <row r="13381" spans="35:39" x14ac:dyDescent="0.35">
      <c r="AI13381" s="84"/>
      <c r="AM13381" s="84"/>
    </row>
    <row r="13382" spans="35:39" x14ac:dyDescent="0.35">
      <c r="AI13382" s="84"/>
      <c r="AM13382" s="84"/>
    </row>
    <row r="13383" spans="35:39" x14ac:dyDescent="0.35">
      <c r="AI13383" s="84"/>
      <c r="AM13383" s="84"/>
    </row>
    <row r="13384" spans="35:39" x14ac:dyDescent="0.35">
      <c r="AI13384" s="84"/>
      <c r="AM13384" s="84"/>
    </row>
    <row r="13385" spans="35:39" x14ac:dyDescent="0.35">
      <c r="AI13385" s="84"/>
      <c r="AM13385" s="84"/>
    </row>
    <row r="13386" spans="35:39" x14ac:dyDescent="0.35">
      <c r="AI13386" s="84"/>
      <c r="AM13386" s="84"/>
    </row>
    <row r="13387" spans="35:39" x14ac:dyDescent="0.35">
      <c r="AI13387" s="84"/>
      <c r="AM13387" s="84"/>
    </row>
    <row r="13388" spans="35:39" x14ac:dyDescent="0.35">
      <c r="AI13388" s="84"/>
      <c r="AM13388" s="84"/>
    </row>
    <row r="13389" spans="35:39" x14ac:dyDescent="0.35">
      <c r="AI13389" s="84"/>
      <c r="AM13389" s="84"/>
    </row>
    <row r="13390" spans="35:39" x14ac:dyDescent="0.35">
      <c r="AI13390" s="84"/>
      <c r="AM13390" s="84"/>
    </row>
    <row r="13391" spans="35:39" x14ac:dyDescent="0.35">
      <c r="AI13391" s="84"/>
      <c r="AM13391" s="84"/>
    </row>
    <row r="13392" spans="35:39" x14ac:dyDescent="0.35">
      <c r="AI13392" s="84"/>
      <c r="AM13392" s="84"/>
    </row>
    <row r="13393" spans="35:39" x14ac:dyDescent="0.35">
      <c r="AI13393" s="84"/>
      <c r="AM13393" s="84"/>
    </row>
    <row r="13394" spans="35:39" x14ac:dyDescent="0.35">
      <c r="AI13394" s="84"/>
      <c r="AM13394" s="84"/>
    </row>
    <row r="13395" spans="35:39" x14ac:dyDescent="0.35">
      <c r="AI13395" s="84"/>
      <c r="AM13395" s="84"/>
    </row>
    <row r="13396" spans="35:39" x14ac:dyDescent="0.35">
      <c r="AI13396" s="84"/>
      <c r="AM13396" s="84"/>
    </row>
    <row r="13397" spans="35:39" x14ac:dyDescent="0.35">
      <c r="AI13397" s="84"/>
      <c r="AM13397" s="84"/>
    </row>
    <row r="13398" spans="35:39" x14ac:dyDescent="0.35">
      <c r="AI13398" s="84"/>
      <c r="AM13398" s="84"/>
    </row>
    <row r="13399" spans="35:39" x14ac:dyDescent="0.35">
      <c r="AI13399" s="84"/>
      <c r="AM13399" s="84"/>
    </row>
    <row r="13400" spans="35:39" x14ac:dyDescent="0.35">
      <c r="AI13400" s="84"/>
      <c r="AM13400" s="84"/>
    </row>
    <row r="13401" spans="35:39" x14ac:dyDescent="0.35">
      <c r="AI13401" s="84"/>
      <c r="AM13401" s="84"/>
    </row>
    <row r="13402" spans="35:39" x14ac:dyDescent="0.35">
      <c r="AI13402" s="84"/>
      <c r="AM13402" s="84"/>
    </row>
    <row r="13403" spans="35:39" x14ac:dyDescent="0.35">
      <c r="AI13403" s="84"/>
      <c r="AM13403" s="84"/>
    </row>
    <row r="13404" spans="35:39" x14ac:dyDescent="0.35">
      <c r="AI13404" s="84"/>
      <c r="AM13404" s="84"/>
    </row>
    <row r="13405" spans="35:39" x14ac:dyDescent="0.35">
      <c r="AI13405" s="84"/>
      <c r="AM13405" s="84"/>
    </row>
    <row r="13406" spans="35:39" x14ac:dyDescent="0.35">
      <c r="AI13406" s="84"/>
      <c r="AM13406" s="84"/>
    </row>
    <row r="13407" spans="35:39" x14ac:dyDescent="0.35">
      <c r="AI13407" s="84"/>
      <c r="AM13407" s="84"/>
    </row>
    <row r="13408" spans="35:39" x14ac:dyDescent="0.35">
      <c r="AI13408" s="84"/>
      <c r="AM13408" s="84"/>
    </row>
    <row r="13409" spans="35:39" x14ac:dyDescent="0.35">
      <c r="AI13409" s="84"/>
      <c r="AM13409" s="84"/>
    </row>
    <row r="13410" spans="35:39" x14ac:dyDescent="0.35">
      <c r="AI13410" s="84"/>
      <c r="AM13410" s="84"/>
    </row>
    <row r="13411" spans="35:39" x14ac:dyDescent="0.35">
      <c r="AI13411" s="84"/>
      <c r="AM13411" s="84"/>
    </row>
    <row r="13412" spans="35:39" x14ac:dyDescent="0.35">
      <c r="AI13412" s="84"/>
      <c r="AM13412" s="84"/>
    </row>
    <row r="13413" spans="35:39" x14ac:dyDescent="0.35">
      <c r="AI13413" s="84"/>
      <c r="AM13413" s="84"/>
    </row>
    <row r="13414" spans="35:39" x14ac:dyDescent="0.35">
      <c r="AI13414" s="84"/>
      <c r="AM13414" s="84"/>
    </row>
    <row r="13415" spans="35:39" x14ac:dyDescent="0.35">
      <c r="AI13415" s="84"/>
      <c r="AM13415" s="84"/>
    </row>
    <row r="13416" spans="35:39" x14ac:dyDescent="0.35">
      <c r="AI13416" s="84"/>
      <c r="AM13416" s="84"/>
    </row>
    <row r="13417" spans="35:39" x14ac:dyDescent="0.35">
      <c r="AI13417" s="84"/>
      <c r="AM13417" s="84"/>
    </row>
    <row r="13418" spans="35:39" x14ac:dyDescent="0.35">
      <c r="AI13418" s="84"/>
      <c r="AM13418" s="84"/>
    </row>
    <row r="13419" spans="35:39" x14ac:dyDescent="0.35">
      <c r="AI13419" s="84"/>
      <c r="AM13419" s="84"/>
    </row>
    <row r="13420" spans="35:39" x14ac:dyDescent="0.35">
      <c r="AI13420" s="84"/>
      <c r="AM13420" s="84"/>
    </row>
    <row r="13421" spans="35:39" x14ac:dyDescent="0.35">
      <c r="AI13421" s="84"/>
      <c r="AM13421" s="84"/>
    </row>
    <row r="13422" spans="35:39" x14ac:dyDescent="0.35">
      <c r="AI13422" s="84"/>
      <c r="AM13422" s="84"/>
    </row>
    <row r="13423" spans="35:39" x14ac:dyDescent="0.35">
      <c r="AI13423" s="84"/>
      <c r="AM13423" s="84"/>
    </row>
    <row r="13424" spans="35:39" x14ac:dyDescent="0.35">
      <c r="AI13424" s="84"/>
      <c r="AM13424" s="84"/>
    </row>
    <row r="13425" spans="35:39" x14ac:dyDescent="0.35">
      <c r="AI13425" s="84"/>
      <c r="AM13425" s="84"/>
    </row>
    <row r="13426" spans="35:39" x14ac:dyDescent="0.35">
      <c r="AI13426" s="84"/>
      <c r="AM13426" s="84"/>
    </row>
    <row r="13427" spans="35:39" x14ac:dyDescent="0.35">
      <c r="AI13427" s="84"/>
      <c r="AM13427" s="84"/>
    </row>
    <row r="13428" spans="35:39" x14ac:dyDescent="0.35">
      <c r="AI13428" s="84"/>
      <c r="AM13428" s="84"/>
    </row>
    <row r="13429" spans="35:39" x14ac:dyDescent="0.35">
      <c r="AI13429" s="84"/>
      <c r="AM13429" s="84"/>
    </row>
    <row r="13430" spans="35:39" x14ac:dyDescent="0.35">
      <c r="AI13430" s="84"/>
      <c r="AM13430" s="84"/>
    </row>
    <row r="13431" spans="35:39" x14ac:dyDescent="0.35">
      <c r="AI13431" s="84"/>
      <c r="AM13431" s="84"/>
    </row>
    <row r="13432" spans="35:39" x14ac:dyDescent="0.35">
      <c r="AI13432" s="84"/>
      <c r="AM13432" s="84"/>
    </row>
    <row r="13433" spans="35:39" x14ac:dyDescent="0.35">
      <c r="AI13433" s="84"/>
      <c r="AM13433" s="84"/>
    </row>
    <row r="13434" spans="35:39" x14ac:dyDescent="0.35">
      <c r="AI13434" s="84"/>
      <c r="AM13434" s="84"/>
    </row>
    <row r="13435" spans="35:39" x14ac:dyDescent="0.35">
      <c r="AI13435" s="84"/>
      <c r="AM13435" s="84"/>
    </row>
    <row r="13436" spans="35:39" x14ac:dyDescent="0.35">
      <c r="AI13436" s="84"/>
      <c r="AM13436" s="84"/>
    </row>
    <row r="13437" spans="35:39" x14ac:dyDescent="0.35">
      <c r="AI13437" s="84"/>
      <c r="AM13437" s="84"/>
    </row>
    <row r="13438" spans="35:39" x14ac:dyDescent="0.35">
      <c r="AI13438" s="84"/>
      <c r="AM13438" s="84"/>
    </row>
    <row r="13439" spans="35:39" x14ac:dyDescent="0.35">
      <c r="AI13439" s="84"/>
      <c r="AM13439" s="84"/>
    </row>
    <row r="13440" spans="35:39" x14ac:dyDescent="0.35">
      <c r="AI13440" s="84"/>
      <c r="AM13440" s="84"/>
    </row>
    <row r="13441" spans="35:39" x14ac:dyDescent="0.35">
      <c r="AI13441" s="84"/>
      <c r="AM13441" s="84"/>
    </row>
    <row r="13442" spans="35:39" x14ac:dyDescent="0.35">
      <c r="AI13442" s="84"/>
      <c r="AM13442" s="84"/>
    </row>
    <row r="13443" spans="35:39" x14ac:dyDescent="0.35">
      <c r="AI13443" s="84"/>
      <c r="AM13443" s="84"/>
    </row>
    <row r="13444" spans="35:39" x14ac:dyDescent="0.35">
      <c r="AI13444" s="84"/>
      <c r="AM13444" s="84"/>
    </row>
    <row r="13445" spans="35:39" x14ac:dyDescent="0.35">
      <c r="AI13445" s="84"/>
      <c r="AM13445" s="84"/>
    </row>
    <row r="13446" spans="35:39" x14ac:dyDescent="0.35">
      <c r="AI13446" s="84"/>
      <c r="AM13446" s="84"/>
    </row>
    <row r="13447" spans="35:39" x14ac:dyDescent="0.35">
      <c r="AI13447" s="84"/>
      <c r="AM13447" s="84"/>
    </row>
    <row r="13448" spans="35:39" x14ac:dyDescent="0.35">
      <c r="AI13448" s="84"/>
      <c r="AM13448" s="84"/>
    </row>
    <row r="13449" spans="35:39" x14ac:dyDescent="0.35">
      <c r="AI13449" s="84"/>
      <c r="AM13449" s="84"/>
    </row>
    <row r="13450" spans="35:39" x14ac:dyDescent="0.35">
      <c r="AI13450" s="84"/>
      <c r="AM13450" s="84"/>
    </row>
    <row r="13451" spans="35:39" x14ac:dyDescent="0.35">
      <c r="AI13451" s="84"/>
      <c r="AM13451" s="84"/>
    </row>
    <row r="13452" spans="35:39" x14ac:dyDescent="0.35">
      <c r="AI13452" s="84"/>
      <c r="AM13452" s="84"/>
    </row>
    <row r="13453" spans="35:39" x14ac:dyDescent="0.35">
      <c r="AI13453" s="84"/>
      <c r="AM13453" s="84"/>
    </row>
    <row r="13454" spans="35:39" x14ac:dyDescent="0.35">
      <c r="AI13454" s="84"/>
      <c r="AM13454" s="84"/>
    </row>
    <row r="13455" spans="35:39" x14ac:dyDescent="0.35">
      <c r="AI13455" s="84"/>
      <c r="AM13455" s="84"/>
    </row>
    <row r="13456" spans="35:39" x14ac:dyDescent="0.35">
      <c r="AI13456" s="84"/>
      <c r="AM13456" s="84"/>
    </row>
    <row r="13457" spans="35:39" x14ac:dyDescent="0.35">
      <c r="AI13457" s="84"/>
      <c r="AM13457" s="84"/>
    </row>
    <row r="13458" spans="35:39" x14ac:dyDescent="0.35">
      <c r="AI13458" s="84"/>
      <c r="AM13458" s="84"/>
    </row>
    <row r="13459" spans="35:39" x14ac:dyDescent="0.35">
      <c r="AI13459" s="84"/>
      <c r="AM13459" s="84"/>
    </row>
    <row r="13460" spans="35:39" x14ac:dyDescent="0.35">
      <c r="AI13460" s="84"/>
      <c r="AM13460" s="84"/>
    </row>
    <row r="13461" spans="35:39" x14ac:dyDescent="0.35">
      <c r="AI13461" s="84"/>
      <c r="AM13461" s="84"/>
    </row>
    <row r="13462" spans="35:39" x14ac:dyDescent="0.35">
      <c r="AI13462" s="84"/>
      <c r="AM13462" s="84"/>
    </row>
    <row r="13463" spans="35:39" x14ac:dyDescent="0.35">
      <c r="AI13463" s="84"/>
      <c r="AM13463" s="84"/>
    </row>
    <row r="13464" spans="35:39" x14ac:dyDescent="0.35">
      <c r="AI13464" s="84"/>
      <c r="AM13464" s="84"/>
    </row>
    <row r="13465" spans="35:39" x14ac:dyDescent="0.35">
      <c r="AI13465" s="84"/>
      <c r="AM13465" s="84"/>
    </row>
    <row r="13466" spans="35:39" x14ac:dyDescent="0.35">
      <c r="AI13466" s="84"/>
      <c r="AM13466" s="84"/>
    </row>
    <row r="13467" spans="35:39" x14ac:dyDescent="0.35">
      <c r="AI13467" s="84"/>
      <c r="AM13467" s="84"/>
    </row>
    <row r="13468" spans="35:39" x14ac:dyDescent="0.35">
      <c r="AI13468" s="84"/>
      <c r="AM13468" s="84"/>
    </row>
    <row r="13469" spans="35:39" x14ac:dyDescent="0.35">
      <c r="AI13469" s="84"/>
      <c r="AM13469" s="84"/>
    </row>
    <row r="13470" spans="35:39" x14ac:dyDescent="0.35">
      <c r="AI13470" s="84"/>
      <c r="AM13470" s="84"/>
    </row>
    <row r="13471" spans="35:39" x14ac:dyDescent="0.35">
      <c r="AI13471" s="84"/>
      <c r="AM13471" s="84"/>
    </row>
    <row r="13472" spans="35:39" x14ac:dyDescent="0.35">
      <c r="AI13472" s="84"/>
      <c r="AM13472" s="84"/>
    </row>
    <row r="13473" spans="35:39" x14ac:dyDescent="0.35">
      <c r="AI13473" s="84"/>
      <c r="AM13473" s="84"/>
    </row>
    <row r="13474" spans="35:39" x14ac:dyDescent="0.35">
      <c r="AI13474" s="84"/>
      <c r="AM13474" s="84"/>
    </row>
    <row r="13475" spans="35:39" x14ac:dyDescent="0.35">
      <c r="AI13475" s="84"/>
      <c r="AM13475" s="84"/>
    </row>
    <row r="13476" spans="35:39" x14ac:dyDescent="0.35">
      <c r="AI13476" s="84"/>
      <c r="AM13476" s="84"/>
    </row>
    <row r="13477" spans="35:39" x14ac:dyDescent="0.35">
      <c r="AI13477" s="84"/>
      <c r="AM13477" s="84"/>
    </row>
    <row r="13478" spans="35:39" x14ac:dyDescent="0.35">
      <c r="AI13478" s="84"/>
      <c r="AM13478" s="84"/>
    </row>
    <row r="13479" spans="35:39" x14ac:dyDescent="0.35">
      <c r="AI13479" s="84"/>
      <c r="AM13479" s="84"/>
    </row>
    <row r="13480" spans="35:39" x14ac:dyDescent="0.35">
      <c r="AI13480" s="84"/>
      <c r="AM13480" s="84"/>
    </row>
    <row r="13481" spans="35:39" x14ac:dyDescent="0.35">
      <c r="AI13481" s="84"/>
      <c r="AM13481" s="84"/>
    </row>
    <row r="13482" spans="35:39" x14ac:dyDescent="0.35">
      <c r="AI13482" s="84"/>
      <c r="AM13482" s="84"/>
    </row>
    <row r="13483" spans="35:39" x14ac:dyDescent="0.35">
      <c r="AI13483" s="84"/>
      <c r="AM13483" s="84"/>
    </row>
    <row r="13484" spans="35:39" x14ac:dyDescent="0.35">
      <c r="AI13484" s="84"/>
      <c r="AM13484" s="84"/>
    </row>
    <row r="13485" spans="35:39" x14ac:dyDescent="0.35">
      <c r="AI13485" s="84"/>
      <c r="AM13485" s="84"/>
    </row>
    <row r="13486" spans="35:39" x14ac:dyDescent="0.35">
      <c r="AI13486" s="84"/>
      <c r="AM13486" s="84"/>
    </row>
    <row r="13487" spans="35:39" x14ac:dyDescent="0.35">
      <c r="AI13487" s="84"/>
      <c r="AM13487" s="84"/>
    </row>
    <row r="13488" spans="35:39" x14ac:dyDescent="0.35">
      <c r="AI13488" s="84"/>
      <c r="AM13488" s="84"/>
    </row>
    <row r="13489" spans="35:39" x14ac:dyDescent="0.35">
      <c r="AI13489" s="84"/>
      <c r="AM13489" s="84"/>
    </row>
    <row r="13490" spans="35:39" x14ac:dyDescent="0.35">
      <c r="AI13490" s="84"/>
      <c r="AM13490" s="84"/>
    </row>
    <row r="13491" spans="35:39" x14ac:dyDescent="0.35">
      <c r="AI13491" s="84"/>
      <c r="AM13491" s="84"/>
    </row>
    <row r="13492" spans="35:39" x14ac:dyDescent="0.35">
      <c r="AI13492" s="84"/>
      <c r="AM13492" s="84"/>
    </row>
    <row r="13493" spans="35:39" x14ac:dyDescent="0.35">
      <c r="AI13493" s="84"/>
      <c r="AM13493" s="84"/>
    </row>
    <row r="13494" spans="35:39" x14ac:dyDescent="0.35">
      <c r="AI13494" s="84"/>
      <c r="AM13494" s="84"/>
    </row>
    <row r="13495" spans="35:39" x14ac:dyDescent="0.35">
      <c r="AI13495" s="84"/>
      <c r="AM13495" s="84"/>
    </row>
    <row r="13496" spans="35:39" x14ac:dyDescent="0.35">
      <c r="AI13496" s="84"/>
      <c r="AM13496" s="84"/>
    </row>
    <row r="13497" spans="35:39" x14ac:dyDescent="0.35">
      <c r="AI13497" s="84"/>
      <c r="AM13497" s="84"/>
    </row>
    <row r="13498" spans="35:39" x14ac:dyDescent="0.35">
      <c r="AI13498" s="84"/>
      <c r="AM13498" s="84"/>
    </row>
    <row r="13499" spans="35:39" x14ac:dyDescent="0.35">
      <c r="AI13499" s="84"/>
      <c r="AM13499" s="84"/>
    </row>
    <row r="13500" spans="35:39" x14ac:dyDescent="0.35">
      <c r="AI13500" s="84"/>
      <c r="AM13500" s="84"/>
    </row>
    <row r="13501" spans="35:39" x14ac:dyDescent="0.35">
      <c r="AI13501" s="84"/>
      <c r="AM13501" s="84"/>
    </row>
    <row r="13502" spans="35:39" x14ac:dyDescent="0.35">
      <c r="AI13502" s="84"/>
      <c r="AM13502" s="84"/>
    </row>
    <row r="13503" spans="35:39" x14ac:dyDescent="0.35">
      <c r="AI13503" s="84"/>
      <c r="AM13503" s="84"/>
    </row>
    <row r="13504" spans="35:39" x14ac:dyDescent="0.35">
      <c r="AI13504" s="84"/>
      <c r="AM13504" s="84"/>
    </row>
    <row r="13505" spans="35:39" x14ac:dyDescent="0.35">
      <c r="AI13505" s="84"/>
      <c r="AM13505" s="84"/>
    </row>
    <row r="13506" spans="35:39" x14ac:dyDescent="0.35">
      <c r="AI13506" s="84"/>
      <c r="AM13506" s="84"/>
    </row>
    <row r="13507" spans="35:39" x14ac:dyDescent="0.35">
      <c r="AI13507" s="84"/>
      <c r="AM13507" s="84"/>
    </row>
    <row r="13508" spans="35:39" x14ac:dyDescent="0.35">
      <c r="AI13508" s="84"/>
      <c r="AM13508" s="84"/>
    </row>
    <row r="13509" spans="35:39" x14ac:dyDescent="0.35">
      <c r="AI13509" s="84"/>
      <c r="AM13509" s="84"/>
    </row>
    <row r="13510" spans="35:39" x14ac:dyDescent="0.35">
      <c r="AI13510" s="84"/>
      <c r="AM13510" s="84"/>
    </row>
    <row r="13511" spans="35:39" x14ac:dyDescent="0.35">
      <c r="AI13511" s="84"/>
      <c r="AM13511" s="84"/>
    </row>
    <row r="13512" spans="35:39" x14ac:dyDescent="0.35">
      <c r="AI13512" s="84"/>
      <c r="AM13512" s="84"/>
    </row>
    <row r="13513" spans="35:39" x14ac:dyDescent="0.35">
      <c r="AI13513" s="84"/>
      <c r="AM13513" s="84"/>
    </row>
    <row r="13514" spans="35:39" x14ac:dyDescent="0.35">
      <c r="AI13514" s="84"/>
      <c r="AM13514" s="84"/>
    </row>
    <row r="13515" spans="35:39" x14ac:dyDescent="0.35">
      <c r="AI13515" s="84"/>
      <c r="AM13515" s="84"/>
    </row>
    <row r="13516" spans="35:39" x14ac:dyDescent="0.35">
      <c r="AI13516" s="84"/>
      <c r="AM13516" s="84"/>
    </row>
    <row r="13517" spans="35:39" x14ac:dyDescent="0.35">
      <c r="AI13517" s="84"/>
      <c r="AM13517" s="84"/>
    </row>
    <row r="13518" spans="35:39" x14ac:dyDescent="0.35">
      <c r="AI13518" s="84"/>
      <c r="AM13518" s="84"/>
    </row>
    <row r="13519" spans="35:39" x14ac:dyDescent="0.35">
      <c r="AI13519" s="84"/>
      <c r="AM13519" s="84"/>
    </row>
    <row r="13520" spans="35:39" x14ac:dyDescent="0.35">
      <c r="AI13520" s="84"/>
      <c r="AM13520" s="84"/>
    </row>
    <row r="13521" spans="35:39" x14ac:dyDescent="0.35">
      <c r="AI13521" s="84"/>
      <c r="AM13521" s="84"/>
    </row>
    <row r="13522" spans="35:39" x14ac:dyDescent="0.35">
      <c r="AI13522" s="84"/>
      <c r="AM13522" s="84"/>
    </row>
    <row r="13523" spans="35:39" x14ac:dyDescent="0.35">
      <c r="AI13523" s="84"/>
      <c r="AM13523" s="84"/>
    </row>
    <row r="13524" spans="35:39" x14ac:dyDescent="0.35">
      <c r="AI13524" s="84"/>
      <c r="AM13524" s="84"/>
    </row>
    <row r="13525" spans="35:39" x14ac:dyDescent="0.35">
      <c r="AI13525" s="84"/>
      <c r="AM13525" s="84"/>
    </row>
    <row r="13526" spans="35:39" x14ac:dyDescent="0.35">
      <c r="AI13526" s="84"/>
      <c r="AM13526" s="84"/>
    </row>
    <row r="13527" spans="35:39" x14ac:dyDescent="0.35">
      <c r="AI13527" s="84"/>
      <c r="AM13527" s="84"/>
    </row>
    <row r="13528" spans="35:39" x14ac:dyDescent="0.35">
      <c r="AI13528" s="84"/>
      <c r="AM13528" s="84"/>
    </row>
    <row r="13529" spans="35:39" x14ac:dyDescent="0.35">
      <c r="AI13529" s="84"/>
      <c r="AM13529" s="84"/>
    </row>
    <row r="13530" spans="35:39" x14ac:dyDescent="0.35">
      <c r="AI13530" s="84"/>
      <c r="AM13530" s="84"/>
    </row>
    <row r="13531" spans="35:39" x14ac:dyDescent="0.35">
      <c r="AI13531" s="84"/>
      <c r="AM13531" s="84"/>
    </row>
    <row r="13532" spans="35:39" x14ac:dyDescent="0.35">
      <c r="AI13532" s="84"/>
      <c r="AM13532" s="84"/>
    </row>
    <row r="13533" spans="35:39" x14ac:dyDescent="0.35">
      <c r="AI13533" s="84"/>
      <c r="AM13533" s="84"/>
    </row>
    <row r="13534" spans="35:39" x14ac:dyDescent="0.35">
      <c r="AI13534" s="84"/>
      <c r="AM13534" s="84"/>
    </row>
    <row r="13535" spans="35:39" x14ac:dyDescent="0.35">
      <c r="AI13535" s="84"/>
      <c r="AM13535" s="84"/>
    </row>
    <row r="13536" spans="35:39" x14ac:dyDescent="0.35">
      <c r="AI13536" s="84"/>
      <c r="AM13536" s="84"/>
    </row>
    <row r="13537" spans="35:39" x14ac:dyDescent="0.35">
      <c r="AI13537" s="84"/>
      <c r="AM13537" s="84"/>
    </row>
    <row r="13538" spans="35:39" x14ac:dyDescent="0.35">
      <c r="AI13538" s="84"/>
      <c r="AM13538" s="84"/>
    </row>
    <row r="13539" spans="35:39" x14ac:dyDescent="0.35">
      <c r="AI13539" s="84"/>
      <c r="AM13539" s="84"/>
    </row>
    <row r="13540" spans="35:39" x14ac:dyDescent="0.35">
      <c r="AI13540" s="84"/>
      <c r="AM13540" s="84"/>
    </row>
    <row r="13541" spans="35:39" x14ac:dyDescent="0.35">
      <c r="AI13541" s="84"/>
      <c r="AM13541" s="84"/>
    </row>
    <row r="13542" spans="35:39" x14ac:dyDescent="0.35">
      <c r="AI13542" s="84"/>
      <c r="AM13542" s="84"/>
    </row>
    <row r="13543" spans="35:39" x14ac:dyDescent="0.35">
      <c r="AI13543" s="84"/>
      <c r="AM13543" s="84"/>
    </row>
    <row r="13544" spans="35:39" x14ac:dyDescent="0.35">
      <c r="AI13544" s="84"/>
      <c r="AM13544" s="84"/>
    </row>
    <row r="13545" spans="35:39" x14ac:dyDescent="0.35">
      <c r="AI13545" s="84"/>
      <c r="AM13545" s="84"/>
    </row>
    <row r="13546" spans="35:39" x14ac:dyDescent="0.35">
      <c r="AI13546" s="84"/>
      <c r="AM13546" s="84"/>
    </row>
    <row r="13547" spans="35:39" x14ac:dyDescent="0.35">
      <c r="AI13547" s="84"/>
      <c r="AM13547" s="84"/>
    </row>
    <row r="13548" spans="35:39" x14ac:dyDescent="0.35">
      <c r="AI13548" s="84"/>
      <c r="AM13548" s="84"/>
    </row>
    <row r="13549" spans="35:39" x14ac:dyDescent="0.35">
      <c r="AI13549" s="84"/>
      <c r="AM13549" s="84"/>
    </row>
    <row r="13550" spans="35:39" x14ac:dyDescent="0.35">
      <c r="AI13550" s="84"/>
      <c r="AM13550" s="84"/>
    </row>
    <row r="13551" spans="35:39" x14ac:dyDescent="0.35">
      <c r="AI13551" s="84"/>
      <c r="AM13551" s="84"/>
    </row>
    <row r="13552" spans="35:39" x14ac:dyDescent="0.35">
      <c r="AI13552" s="84"/>
      <c r="AM13552" s="84"/>
    </row>
    <row r="13553" spans="35:39" x14ac:dyDescent="0.35">
      <c r="AI13553" s="84"/>
      <c r="AM13553" s="84"/>
    </row>
    <row r="13554" spans="35:39" x14ac:dyDescent="0.35">
      <c r="AI13554" s="84"/>
      <c r="AM13554" s="84"/>
    </row>
    <row r="13555" spans="35:39" x14ac:dyDescent="0.35">
      <c r="AI13555" s="84"/>
      <c r="AM13555" s="84"/>
    </row>
    <row r="13556" spans="35:39" x14ac:dyDescent="0.35">
      <c r="AI13556" s="84"/>
      <c r="AM13556" s="84"/>
    </row>
    <row r="13557" spans="35:39" x14ac:dyDescent="0.35">
      <c r="AI13557" s="84"/>
      <c r="AM13557" s="84"/>
    </row>
    <row r="13558" spans="35:39" x14ac:dyDescent="0.35">
      <c r="AI13558" s="84"/>
      <c r="AM13558" s="84"/>
    </row>
    <row r="13559" spans="35:39" x14ac:dyDescent="0.35">
      <c r="AI13559" s="84"/>
      <c r="AM13559" s="84"/>
    </row>
    <row r="13560" spans="35:39" x14ac:dyDescent="0.35">
      <c r="AI13560" s="84"/>
      <c r="AM13560" s="84"/>
    </row>
    <row r="13561" spans="35:39" x14ac:dyDescent="0.35">
      <c r="AI13561" s="84"/>
      <c r="AM13561" s="84"/>
    </row>
    <row r="13562" spans="35:39" x14ac:dyDescent="0.35">
      <c r="AI13562" s="84"/>
      <c r="AM13562" s="84"/>
    </row>
    <row r="13563" spans="35:39" x14ac:dyDescent="0.35">
      <c r="AI13563" s="84"/>
      <c r="AM13563" s="84"/>
    </row>
    <row r="13564" spans="35:39" x14ac:dyDescent="0.35">
      <c r="AI13564" s="84"/>
      <c r="AM13564" s="84"/>
    </row>
    <row r="13565" spans="35:39" x14ac:dyDescent="0.35">
      <c r="AI13565" s="84"/>
      <c r="AM13565" s="84"/>
    </row>
    <row r="13566" spans="35:39" x14ac:dyDescent="0.35">
      <c r="AI13566" s="84"/>
      <c r="AM13566" s="84"/>
    </row>
    <row r="13567" spans="35:39" x14ac:dyDescent="0.35">
      <c r="AI13567" s="84"/>
      <c r="AM13567" s="84"/>
    </row>
    <row r="13568" spans="35:39" x14ac:dyDescent="0.35">
      <c r="AI13568" s="84"/>
      <c r="AM13568" s="84"/>
    </row>
    <row r="13569" spans="35:39" x14ac:dyDescent="0.35">
      <c r="AI13569" s="84"/>
      <c r="AM13569" s="84"/>
    </row>
    <row r="13570" spans="35:39" x14ac:dyDescent="0.35">
      <c r="AI13570" s="84"/>
      <c r="AM13570" s="84"/>
    </row>
    <row r="13571" spans="35:39" x14ac:dyDescent="0.35">
      <c r="AI13571" s="84"/>
      <c r="AM13571" s="84"/>
    </row>
    <row r="13572" spans="35:39" x14ac:dyDescent="0.35">
      <c r="AI13572" s="84"/>
      <c r="AM13572" s="84"/>
    </row>
    <row r="13573" spans="35:39" x14ac:dyDescent="0.35">
      <c r="AI13573" s="84"/>
      <c r="AM13573" s="84"/>
    </row>
    <row r="13574" spans="35:39" x14ac:dyDescent="0.35">
      <c r="AI13574" s="84"/>
      <c r="AM13574" s="84"/>
    </row>
    <row r="13575" spans="35:39" x14ac:dyDescent="0.35">
      <c r="AI13575" s="84"/>
      <c r="AM13575" s="84"/>
    </row>
    <row r="13576" spans="35:39" x14ac:dyDescent="0.35">
      <c r="AI13576" s="84"/>
      <c r="AM13576" s="84"/>
    </row>
    <row r="13577" spans="35:39" x14ac:dyDescent="0.35">
      <c r="AI13577" s="84"/>
      <c r="AM13577" s="84"/>
    </row>
    <row r="13578" spans="35:39" x14ac:dyDescent="0.35">
      <c r="AI13578" s="84"/>
      <c r="AM13578" s="84"/>
    </row>
    <row r="13579" spans="35:39" x14ac:dyDescent="0.35">
      <c r="AI13579" s="84"/>
      <c r="AM13579" s="84"/>
    </row>
    <row r="13580" spans="35:39" x14ac:dyDescent="0.35">
      <c r="AI13580" s="84"/>
      <c r="AM13580" s="84"/>
    </row>
    <row r="13581" spans="35:39" x14ac:dyDescent="0.35">
      <c r="AI13581" s="84"/>
      <c r="AM13581" s="84"/>
    </row>
    <row r="13582" spans="35:39" x14ac:dyDescent="0.35">
      <c r="AI13582" s="84"/>
      <c r="AM13582" s="84"/>
    </row>
    <row r="13583" spans="35:39" x14ac:dyDescent="0.35">
      <c r="AI13583" s="84"/>
      <c r="AM13583" s="84"/>
    </row>
    <row r="13584" spans="35:39" x14ac:dyDescent="0.35">
      <c r="AI13584" s="84"/>
      <c r="AM13584" s="84"/>
    </row>
    <row r="13585" spans="35:39" x14ac:dyDescent="0.35">
      <c r="AI13585" s="84"/>
      <c r="AM13585" s="84"/>
    </row>
    <row r="13586" spans="35:39" x14ac:dyDescent="0.35">
      <c r="AI13586" s="84"/>
      <c r="AM13586" s="84"/>
    </row>
    <row r="13587" spans="35:39" x14ac:dyDescent="0.35">
      <c r="AI13587" s="84"/>
      <c r="AM13587" s="84"/>
    </row>
    <row r="13588" spans="35:39" x14ac:dyDescent="0.35">
      <c r="AI13588" s="84"/>
      <c r="AM13588" s="84"/>
    </row>
    <row r="13589" spans="35:39" x14ac:dyDescent="0.35">
      <c r="AI13589" s="84"/>
      <c r="AM13589" s="84"/>
    </row>
    <row r="13590" spans="35:39" x14ac:dyDescent="0.35">
      <c r="AI13590" s="84"/>
      <c r="AM13590" s="84"/>
    </row>
    <row r="13591" spans="35:39" x14ac:dyDescent="0.35">
      <c r="AI13591" s="84"/>
      <c r="AM13591" s="84"/>
    </row>
    <row r="13592" spans="35:39" x14ac:dyDescent="0.35">
      <c r="AI13592" s="84"/>
      <c r="AM13592" s="84"/>
    </row>
    <row r="13593" spans="35:39" x14ac:dyDescent="0.35">
      <c r="AI13593" s="84"/>
      <c r="AM13593" s="84"/>
    </row>
    <row r="13594" spans="35:39" x14ac:dyDescent="0.35">
      <c r="AI13594" s="84"/>
      <c r="AM13594" s="84"/>
    </row>
    <row r="13595" spans="35:39" x14ac:dyDescent="0.35">
      <c r="AI13595" s="84"/>
      <c r="AM13595" s="84"/>
    </row>
    <row r="13596" spans="35:39" x14ac:dyDescent="0.35">
      <c r="AI13596" s="84"/>
      <c r="AM13596" s="84"/>
    </row>
    <row r="13597" spans="35:39" x14ac:dyDescent="0.35">
      <c r="AI13597" s="84"/>
      <c r="AM13597" s="84"/>
    </row>
    <row r="13598" spans="35:39" x14ac:dyDescent="0.35">
      <c r="AI13598" s="84"/>
      <c r="AM13598" s="84"/>
    </row>
    <row r="13599" spans="35:39" x14ac:dyDescent="0.35">
      <c r="AI13599" s="84"/>
      <c r="AM13599" s="84"/>
    </row>
    <row r="13600" spans="35:39" x14ac:dyDescent="0.35">
      <c r="AI13600" s="84"/>
      <c r="AM13600" s="84"/>
    </row>
    <row r="13601" spans="35:39" x14ac:dyDescent="0.35">
      <c r="AI13601" s="84"/>
      <c r="AM13601" s="84"/>
    </row>
    <row r="13602" spans="35:39" x14ac:dyDescent="0.35">
      <c r="AI13602" s="84"/>
      <c r="AM13602" s="84"/>
    </row>
    <row r="13603" spans="35:39" x14ac:dyDescent="0.35">
      <c r="AI13603" s="84"/>
      <c r="AM13603" s="84"/>
    </row>
    <row r="13604" spans="35:39" x14ac:dyDescent="0.35">
      <c r="AI13604" s="84"/>
      <c r="AM13604" s="84"/>
    </row>
    <row r="13605" spans="35:39" x14ac:dyDescent="0.35">
      <c r="AI13605" s="84"/>
      <c r="AM13605" s="84"/>
    </row>
    <row r="13606" spans="35:39" x14ac:dyDescent="0.35">
      <c r="AI13606" s="84"/>
      <c r="AM13606" s="84"/>
    </row>
    <row r="13607" spans="35:39" x14ac:dyDescent="0.35">
      <c r="AI13607" s="84"/>
      <c r="AM13607" s="84"/>
    </row>
    <row r="13608" spans="35:39" x14ac:dyDescent="0.35">
      <c r="AI13608" s="84"/>
      <c r="AM13608" s="84"/>
    </row>
    <row r="13609" spans="35:39" x14ac:dyDescent="0.35">
      <c r="AI13609" s="84"/>
      <c r="AM13609" s="84"/>
    </row>
    <row r="13610" spans="35:39" x14ac:dyDescent="0.35">
      <c r="AI13610" s="84"/>
      <c r="AM13610" s="84"/>
    </row>
    <row r="13611" spans="35:39" x14ac:dyDescent="0.35">
      <c r="AI13611" s="84"/>
      <c r="AM13611" s="84"/>
    </row>
    <row r="13612" spans="35:39" x14ac:dyDescent="0.35">
      <c r="AI13612" s="84"/>
      <c r="AM13612" s="84"/>
    </row>
    <row r="13613" spans="35:39" x14ac:dyDescent="0.35">
      <c r="AI13613" s="84"/>
      <c r="AM13613" s="84"/>
    </row>
    <row r="13614" spans="35:39" x14ac:dyDescent="0.35">
      <c r="AI13614" s="84"/>
      <c r="AM13614" s="84"/>
    </row>
    <row r="13615" spans="35:39" x14ac:dyDescent="0.35">
      <c r="AI13615" s="84"/>
      <c r="AM13615" s="84"/>
    </row>
    <row r="13616" spans="35:39" x14ac:dyDescent="0.35">
      <c r="AI13616" s="84"/>
      <c r="AM13616" s="84"/>
    </row>
    <row r="13617" spans="35:39" x14ac:dyDescent="0.35">
      <c r="AI13617" s="84"/>
      <c r="AM13617" s="84"/>
    </row>
    <row r="13618" spans="35:39" x14ac:dyDescent="0.35">
      <c r="AI13618" s="84"/>
      <c r="AM13618" s="84"/>
    </row>
    <row r="13619" spans="35:39" x14ac:dyDescent="0.35">
      <c r="AI13619" s="84"/>
      <c r="AM13619" s="84"/>
    </row>
    <row r="13620" spans="35:39" x14ac:dyDescent="0.35">
      <c r="AI13620" s="84"/>
      <c r="AM13620" s="84"/>
    </row>
    <row r="13621" spans="35:39" x14ac:dyDescent="0.35">
      <c r="AI13621" s="84"/>
      <c r="AM13621" s="84"/>
    </row>
    <row r="13622" spans="35:39" x14ac:dyDescent="0.35">
      <c r="AI13622" s="84"/>
      <c r="AM13622" s="84"/>
    </row>
    <row r="13623" spans="35:39" x14ac:dyDescent="0.35">
      <c r="AI13623" s="84"/>
      <c r="AM13623" s="84"/>
    </row>
    <row r="13624" spans="35:39" x14ac:dyDescent="0.35">
      <c r="AI13624" s="84"/>
      <c r="AM13624" s="84"/>
    </row>
    <row r="13625" spans="35:39" x14ac:dyDescent="0.35">
      <c r="AI13625" s="84"/>
      <c r="AM13625" s="84"/>
    </row>
    <row r="13626" spans="35:39" x14ac:dyDescent="0.35">
      <c r="AI13626" s="84"/>
      <c r="AM13626" s="84"/>
    </row>
    <row r="13627" spans="35:39" x14ac:dyDescent="0.35">
      <c r="AI13627" s="84"/>
      <c r="AM13627" s="84"/>
    </row>
    <row r="13628" spans="35:39" x14ac:dyDescent="0.35">
      <c r="AI13628" s="84"/>
      <c r="AM13628" s="84"/>
    </row>
    <row r="13629" spans="35:39" x14ac:dyDescent="0.35">
      <c r="AI13629" s="84"/>
      <c r="AM13629" s="84"/>
    </row>
    <row r="13630" spans="35:39" x14ac:dyDescent="0.35">
      <c r="AI13630" s="84"/>
      <c r="AM13630" s="84"/>
    </row>
    <row r="13631" spans="35:39" x14ac:dyDescent="0.35">
      <c r="AI13631" s="84"/>
      <c r="AM13631" s="84"/>
    </row>
    <row r="13632" spans="35:39" x14ac:dyDescent="0.35">
      <c r="AI13632" s="84"/>
      <c r="AM13632" s="84"/>
    </row>
    <row r="13633" spans="35:39" x14ac:dyDescent="0.35">
      <c r="AI13633" s="84"/>
      <c r="AM13633" s="84"/>
    </row>
    <row r="13634" spans="35:39" x14ac:dyDescent="0.35">
      <c r="AI13634" s="84"/>
      <c r="AM13634" s="84"/>
    </row>
    <row r="13635" spans="35:39" x14ac:dyDescent="0.35">
      <c r="AI13635" s="84"/>
      <c r="AM13635" s="84"/>
    </row>
    <row r="13636" spans="35:39" x14ac:dyDescent="0.35">
      <c r="AI13636" s="84"/>
      <c r="AM13636" s="84"/>
    </row>
    <row r="13637" spans="35:39" x14ac:dyDescent="0.35">
      <c r="AI13637" s="84"/>
      <c r="AM13637" s="84"/>
    </row>
    <row r="13638" spans="35:39" x14ac:dyDescent="0.35">
      <c r="AI13638" s="84"/>
      <c r="AM13638" s="84"/>
    </row>
    <row r="13639" spans="35:39" x14ac:dyDescent="0.35">
      <c r="AI13639" s="84"/>
      <c r="AM13639" s="84"/>
    </row>
    <row r="13640" spans="35:39" x14ac:dyDescent="0.35">
      <c r="AI13640" s="84"/>
      <c r="AM13640" s="84"/>
    </row>
    <row r="13641" spans="35:39" x14ac:dyDescent="0.35">
      <c r="AI13641" s="84"/>
      <c r="AM13641" s="84"/>
    </row>
    <row r="13642" spans="35:39" x14ac:dyDescent="0.35">
      <c r="AI13642" s="84"/>
      <c r="AM13642" s="84"/>
    </row>
    <row r="13643" spans="35:39" x14ac:dyDescent="0.35">
      <c r="AI13643" s="84"/>
      <c r="AM13643" s="84"/>
    </row>
    <row r="13644" spans="35:39" x14ac:dyDescent="0.35">
      <c r="AI13644" s="84"/>
      <c r="AM13644" s="84"/>
    </row>
    <row r="13645" spans="35:39" x14ac:dyDescent="0.35">
      <c r="AI13645" s="84"/>
      <c r="AM13645" s="84"/>
    </row>
    <row r="13646" spans="35:39" x14ac:dyDescent="0.35">
      <c r="AI13646" s="84"/>
      <c r="AM13646" s="84"/>
    </row>
    <row r="13647" spans="35:39" x14ac:dyDescent="0.35">
      <c r="AI13647" s="84"/>
      <c r="AM13647" s="84"/>
    </row>
    <row r="13648" spans="35:39" x14ac:dyDescent="0.35">
      <c r="AI13648" s="84"/>
      <c r="AM13648" s="84"/>
    </row>
    <row r="13649" spans="35:39" x14ac:dyDescent="0.35">
      <c r="AI13649" s="84"/>
      <c r="AM13649" s="84"/>
    </row>
    <row r="13650" spans="35:39" x14ac:dyDescent="0.35">
      <c r="AI13650" s="84"/>
      <c r="AM13650" s="84"/>
    </row>
    <row r="13651" spans="35:39" x14ac:dyDescent="0.35">
      <c r="AI13651" s="84"/>
      <c r="AM13651" s="84"/>
    </row>
    <row r="13652" spans="35:39" x14ac:dyDescent="0.35">
      <c r="AI13652" s="84"/>
      <c r="AM13652" s="84"/>
    </row>
    <row r="13653" spans="35:39" x14ac:dyDescent="0.35">
      <c r="AI13653" s="84"/>
      <c r="AM13653" s="84"/>
    </row>
    <row r="13654" spans="35:39" x14ac:dyDescent="0.35">
      <c r="AI13654" s="84"/>
      <c r="AM13654" s="84"/>
    </row>
    <row r="13655" spans="35:39" x14ac:dyDescent="0.35">
      <c r="AI13655" s="84"/>
      <c r="AM13655" s="84"/>
    </row>
    <row r="13656" spans="35:39" x14ac:dyDescent="0.35">
      <c r="AI13656" s="84"/>
      <c r="AM13656" s="84"/>
    </row>
    <row r="13657" spans="35:39" x14ac:dyDescent="0.35">
      <c r="AI13657" s="84"/>
      <c r="AM13657" s="84"/>
    </row>
    <row r="13658" spans="35:39" x14ac:dyDescent="0.35">
      <c r="AI13658" s="84"/>
      <c r="AM13658" s="84"/>
    </row>
    <row r="13659" spans="35:39" x14ac:dyDescent="0.35">
      <c r="AI13659" s="84"/>
      <c r="AM13659" s="84"/>
    </row>
    <row r="13660" spans="35:39" x14ac:dyDescent="0.35">
      <c r="AI13660" s="84"/>
      <c r="AM13660" s="84"/>
    </row>
    <row r="13661" spans="35:39" x14ac:dyDescent="0.35">
      <c r="AI13661" s="84"/>
      <c r="AM13661" s="84"/>
    </row>
    <row r="13662" spans="35:39" x14ac:dyDescent="0.35">
      <c r="AI13662" s="84"/>
      <c r="AM13662" s="84"/>
    </row>
    <row r="13663" spans="35:39" x14ac:dyDescent="0.35">
      <c r="AI13663" s="84"/>
      <c r="AM13663" s="84"/>
    </row>
    <row r="13664" spans="35:39" x14ac:dyDescent="0.35">
      <c r="AI13664" s="84"/>
      <c r="AM13664" s="84"/>
    </row>
    <row r="13665" spans="35:39" x14ac:dyDescent="0.35">
      <c r="AI13665" s="84"/>
      <c r="AM13665" s="84"/>
    </row>
    <row r="13666" spans="35:39" x14ac:dyDescent="0.35">
      <c r="AI13666" s="84"/>
      <c r="AM13666" s="84"/>
    </row>
    <row r="13667" spans="35:39" x14ac:dyDescent="0.35">
      <c r="AI13667" s="84"/>
      <c r="AM13667" s="84"/>
    </row>
    <row r="13668" spans="35:39" x14ac:dyDescent="0.35">
      <c r="AI13668" s="84"/>
      <c r="AM13668" s="84"/>
    </row>
    <row r="13669" spans="35:39" x14ac:dyDescent="0.35">
      <c r="AI13669" s="84"/>
      <c r="AM13669" s="84"/>
    </row>
    <row r="13670" spans="35:39" x14ac:dyDescent="0.35">
      <c r="AI13670" s="84"/>
      <c r="AM13670" s="84"/>
    </row>
    <row r="13671" spans="35:39" x14ac:dyDescent="0.35">
      <c r="AI13671" s="84"/>
      <c r="AM13671" s="84"/>
    </row>
    <row r="13672" spans="35:39" x14ac:dyDescent="0.35">
      <c r="AI13672" s="84"/>
      <c r="AM13672" s="84"/>
    </row>
    <row r="13673" spans="35:39" x14ac:dyDescent="0.35">
      <c r="AI13673" s="84"/>
      <c r="AM13673" s="84"/>
    </row>
    <row r="13674" spans="35:39" x14ac:dyDescent="0.35">
      <c r="AI13674" s="84"/>
      <c r="AM13674" s="84"/>
    </row>
    <row r="13675" spans="35:39" x14ac:dyDescent="0.35">
      <c r="AI13675" s="84"/>
      <c r="AM13675" s="84"/>
    </row>
    <row r="13676" spans="35:39" x14ac:dyDescent="0.35">
      <c r="AI13676" s="84"/>
      <c r="AM13676" s="84"/>
    </row>
    <row r="13677" spans="35:39" x14ac:dyDescent="0.35">
      <c r="AI13677" s="84"/>
      <c r="AM13677" s="84"/>
    </row>
    <row r="13678" spans="35:39" x14ac:dyDescent="0.35">
      <c r="AI13678" s="84"/>
      <c r="AM13678" s="84"/>
    </row>
    <row r="13679" spans="35:39" x14ac:dyDescent="0.35">
      <c r="AI13679" s="84"/>
      <c r="AM13679" s="84"/>
    </row>
    <row r="13680" spans="35:39" x14ac:dyDescent="0.35">
      <c r="AI13680" s="84"/>
      <c r="AM13680" s="84"/>
    </row>
    <row r="13681" spans="35:39" x14ac:dyDescent="0.35">
      <c r="AI13681" s="84"/>
      <c r="AM13681" s="84"/>
    </row>
    <row r="13682" spans="35:39" x14ac:dyDescent="0.35">
      <c r="AI13682" s="84"/>
      <c r="AM13682" s="84"/>
    </row>
    <row r="13683" spans="35:39" x14ac:dyDescent="0.35">
      <c r="AI13683" s="84"/>
      <c r="AM13683" s="84"/>
    </row>
    <row r="13684" spans="35:39" x14ac:dyDescent="0.35">
      <c r="AI13684" s="84"/>
      <c r="AM13684" s="84"/>
    </row>
    <row r="13685" spans="35:39" x14ac:dyDescent="0.35">
      <c r="AI13685" s="84"/>
      <c r="AM13685" s="84"/>
    </row>
    <row r="13686" spans="35:39" x14ac:dyDescent="0.35">
      <c r="AI13686" s="84"/>
      <c r="AM13686" s="84"/>
    </row>
    <row r="13687" spans="35:39" x14ac:dyDescent="0.35">
      <c r="AI13687" s="84"/>
      <c r="AM13687" s="84"/>
    </row>
    <row r="13688" spans="35:39" x14ac:dyDescent="0.35">
      <c r="AI13688" s="84"/>
      <c r="AM13688" s="84"/>
    </row>
    <row r="13689" spans="35:39" x14ac:dyDescent="0.35">
      <c r="AI13689" s="84"/>
      <c r="AM13689" s="84"/>
    </row>
    <row r="13690" spans="35:39" x14ac:dyDescent="0.35">
      <c r="AI13690" s="84"/>
      <c r="AM13690" s="84"/>
    </row>
    <row r="13691" spans="35:39" x14ac:dyDescent="0.35">
      <c r="AI13691" s="84"/>
      <c r="AM13691" s="84"/>
    </row>
    <row r="13692" spans="35:39" x14ac:dyDescent="0.35">
      <c r="AI13692" s="84"/>
      <c r="AM13692" s="84"/>
    </row>
    <row r="13693" spans="35:39" x14ac:dyDescent="0.35">
      <c r="AI13693" s="84"/>
      <c r="AM13693" s="84"/>
    </row>
    <row r="13694" spans="35:39" x14ac:dyDescent="0.35">
      <c r="AI13694" s="84"/>
      <c r="AM13694" s="84"/>
    </row>
    <row r="13695" spans="35:39" x14ac:dyDescent="0.35">
      <c r="AI13695" s="84"/>
      <c r="AM13695" s="84"/>
    </row>
    <row r="13696" spans="35:39" x14ac:dyDescent="0.35">
      <c r="AI13696" s="84"/>
      <c r="AM13696" s="84"/>
    </row>
    <row r="13697" spans="35:39" x14ac:dyDescent="0.35">
      <c r="AI13697" s="84"/>
      <c r="AM13697" s="84"/>
    </row>
    <row r="13698" spans="35:39" x14ac:dyDescent="0.35">
      <c r="AI13698" s="84"/>
      <c r="AM13698" s="84"/>
    </row>
    <row r="13699" spans="35:39" x14ac:dyDescent="0.35">
      <c r="AI13699" s="84"/>
      <c r="AM13699" s="84"/>
    </row>
    <row r="13700" spans="35:39" x14ac:dyDescent="0.35">
      <c r="AI13700" s="84"/>
      <c r="AM13700" s="84"/>
    </row>
    <row r="13701" spans="35:39" x14ac:dyDescent="0.35">
      <c r="AI13701" s="84"/>
      <c r="AM13701" s="84"/>
    </row>
    <row r="13702" spans="35:39" x14ac:dyDescent="0.35">
      <c r="AI13702" s="84"/>
      <c r="AM13702" s="84"/>
    </row>
    <row r="13703" spans="35:39" x14ac:dyDescent="0.35">
      <c r="AI13703" s="84"/>
      <c r="AM13703" s="84"/>
    </row>
    <row r="13704" spans="35:39" x14ac:dyDescent="0.35">
      <c r="AI13704" s="84"/>
      <c r="AM13704" s="84"/>
    </row>
    <row r="13705" spans="35:39" x14ac:dyDescent="0.35">
      <c r="AI13705" s="84"/>
      <c r="AM13705" s="84"/>
    </row>
    <row r="13706" spans="35:39" x14ac:dyDescent="0.35">
      <c r="AI13706" s="84"/>
      <c r="AM13706" s="84"/>
    </row>
    <row r="13707" spans="35:39" x14ac:dyDescent="0.35">
      <c r="AI13707" s="84"/>
      <c r="AM13707" s="84"/>
    </row>
    <row r="13708" spans="35:39" x14ac:dyDescent="0.35">
      <c r="AI13708" s="84"/>
      <c r="AM13708" s="84"/>
    </row>
    <row r="13709" spans="35:39" x14ac:dyDescent="0.35">
      <c r="AI13709" s="84"/>
      <c r="AM13709" s="84"/>
    </row>
    <row r="13710" spans="35:39" x14ac:dyDescent="0.35">
      <c r="AI13710" s="84"/>
      <c r="AM13710" s="84"/>
    </row>
    <row r="13711" spans="35:39" x14ac:dyDescent="0.35">
      <c r="AI13711" s="84"/>
      <c r="AM13711" s="84"/>
    </row>
    <row r="13712" spans="35:39" x14ac:dyDescent="0.35">
      <c r="AI13712" s="84"/>
      <c r="AM13712" s="84"/>
    </row>
    <row r="13713" spans="35:39" x14ac:dyDescent="0.35">
      <c r="AI13713" s="84"/>
      <c r="AM13713" s="84"/>
    </row>
    <row r="13714" spans="35:39" x14ac:dyDescent="0.35">
      <c r="AI13714" s="84"/>
      <c r="AM13714" s="84"/>
    </row>
    <row r="13715" spans="35:39" x14ac:dyDescent="0.35">
      <c r="AI13715" s="84"/>
      <c r="AM13715" s="84"/>
    </row>
    <row r="13716" spans="35:39" x14ac:dyDescent="0.35">
      <c r="AI13716" s="84"/>
      <c r="AM13716" s="84"/>
    </row>
    <row r="13717" spans="35:39" x14ac:dyDescent="0.35">
      <c r="AI13717" s="84"/>
      <c r="AM13717" s="84"/>
    </row>
    <row r="13718" spans="35:39" x14ac:dyDescent="0.35">
      <c r="AI13718" s="84"/>
      <c r="AM13718" s="84"/>
    </row>
    <row r="13719" spans="35:39" x14ac:dyDescent="0.35">
      <c r="AI13719" s="84"/>
      <c r="AM13719" s="84"/>
    </row>
    <row r="13720" spans="35:39" x14ac:dyDescent="0.35">
      <c r="AI13720" s="84"/>
      <c r="AM13720" s="84"/>
    </row>
    <row r="13721" spans="35:39" x14ac:dyDescent="0.35">
      <c r="AI13721" s="84"/>
      <c r="AM13721" s="84"/>
    </row>
    <row r="13722" spans="35:39" x14ac:dyDescent="0.35">
      <c r="AI13722" s="84"/>
      <c r="AM13722" s="84"/>
    </row>
    <row r="13723" spans="35:39" x14ac:dyDescent="0.35">
      <c r="AI13723" s="84"/>
      <c r="AM13723" s="84"/>
    </row>
    <row r="13724" spans="35:39" x14ac:dyDescent="0.35">
      <c r="AI13724" s="84"/>
      <c r="AM13724" s="84"/>
    </row>
    <row r="13725" spans="35:39" x14ac:dyDescent="0.35">
      <c r="AI13725" s="84"/>
      <c r="AM13725" s="84"/>
    </row>
    <row r="13726" spans="35:39" x14ac:dyDescent="0.35">
      <c r="AI13726" s="84"/>
      <c r="AM13726" s="84"/>
    </row>
    <row r="13727" spans="35:39" x14ac:dyDescent="0.35">
      <c r="AI13727" s="84"/>
      <c r="AM13727" s="84"/>
    </row>
    <row r="13728" spans="35:39" x14ac:dyDescent="0.35">
      <c r="AI13728" s="84"/>
      <c r="AM13728" s="84"/>
    </row>
    <row r="13729" spans="35:39" x14ac:dyDescent="0.35">
      <c r="AI13729" s="84"/>
      <c r="AM13729" s="84"/>
    </row>
    <row r="13730" spans="35:39" x14ac:dyDescent="0.35">
      <c r="AI13730" s="84"/>
      <c r="AM13730" s="84"/>
    </row>
    <row r="13731" spans="35:39" x14ac:dyDescent="0.35">
      <c r="AI13731" s="84"/>
      <c r="AM13731" s="84"/>
    </row>
    <row r="13732" spans="35:39" x14ac:dyDescent="0.35">
      <c r="AI13732" s="84"/>
      <c r="AM13732" s="84"/>
    </row>
    <row r="13733" spans="35:39" x14ac:dyDescent="0.35">
      <c r="AI13733" s="84"/>
      <c r="AM13733" s="84"/>
    </row>
    <row r="13734" spans="35:39" x14ac:dyDescent="0.35">
      <c r="AI13734" s="84"/>
      <c r="AM13734" s="84"/>
    </row>
    <row r="13735" spans="35:39" x14ac:dyDescent="0.35">
      <c r="AI13735" s="84"/>
      <c r="AM13735" s="84"/>
    </row>
    <row r="13736" spans="35:39" x14ac:dyDescent="0.35">
      <c r="AI13736" s="84"/>
      <c r="AM13736" s="84"/>
    </row>
    <row r="13737" spans="35:39" x14ac:dyDescent="0.35">
      <c r="AI13737" s="84"/>
      <c r="AM13737" s="84"/>
    </row>
    <row r="13738" spans="35:39" x14ac:dyDescent="0.35">
      <c r="AI13738" s="84"/>
      <c r="AM13738" s="84"/>
    </row>
    <row r="13739" spans="35:39" x14ac:dyDescent="0.35">
      <c r="AI13739" s="84"/>
      <c r="AM13739" s="84"/>
    </row>
    <row r="13740" spans="35:39" x14ac:dyDescent="0.35">
      <c r="AI13740" s="84"/>
      <c r="AM13740" s="84"/>
    </row>
    <row r="13741" spans="35:39" x14ac:dyDescent="0.35">
      <c r="AI13741" s="84"/>
      <c r="AM13741" s="84"/>
    </row>
    <row r="13742" spans="35:39" x14ac:dyDescent="0.35">
      <c r="AI13742" s="84"/>
      <c r="AM13742" s="84"/>
    </row>
    <row r="13743" spans="35:39" x14ac:dyDescent="0.35">
      <c r="AI13743" s="84"/>
      <c r="AM13743" s="84"/>
    </row>
    <row r="13744" spans="35:39" x14ac:dyDescent="0.35">
      <c r="AI13744" s="84"/>
      <c r="AM13744" s="84"/>
    </row>
    <row r="13745" spans="35:39" x14ac:dyDescent="0.35">
      <c r="AI13745" s="84"/>
      <c r="AM13745" s="84"/>
    </row>
    <row r="13746" spans="35:39" x14ac:dyDescent="0.35">
      <c r="AI13746" s="84"/>
      <c r="AM13746" s="84"/>
    </row>
    <row r="13747" spans="35:39" x14ac:dyDescent="0.35">
      <c r="AI13747" s="84"/>
      <c r="AM13747" s="84"/>
    </row>
    <row r="13748" spans="35:39" x14ac:dyDescent="0.35">
      <c r="AI13748" s="84"/>
      <c r="AM13748" s="84"/>
    </row>
    <row r="13749" spans="35:39" x14ac:dyDescent="0.35">
      <c r="AI13749" s="84"/>
      <c r="AM13749" s="84"/>
    </row>
    <row r="13750" spans="35:39" x14ac:dyDescent="0.35">
      <c r="AI13750" s="84"/>
      <c r="AM13750" s="84"/>
    </row>
    <row r="13751" spans="35:39" x14ac:dyDescent="0.35">
      <c r="AI13751" s="84"/>
      <c r="AM13751" s="84"/>
    </row>
    <row r="13752" spans="35:39" x14ac:dyDescent="0.35">
      <c r="AI13752" s="84"/>
      <c r="AM13752" s="84"/>
    </row>
    <row r="13753" spans="35:39" x14ac:dyDescent="0.35">
      <c r="AI13753" s="84"/>
      <c r="AM13753" s="84"/>
    </row>
    <row r="13754" spans="35:39" x14ac:dyDescent="0.35">
      <c r="AI13754" s="84"/>
      <c r="AM13754" s="84"/>
    </row>
    <row r="13755" spans="35:39" x14ac:dyDescent="0.35">
      <c r="AI13755" s="84"/>
      <c r="AM13755" s="84"/>
    </row>
    <row r="13756" spans="35:39" x14ac:dyDescent="0.35">
      <c r="AI13756" s="84"/>
      <c r="AM13756" s="84"/>
    </row>
    <row r="13757" spans="35:39" x14ac:dyDescent="0.35">
      <c r="AI13757" s="84"/>
      <c r="AM13757" s="84"/>
    </row>
    <row r="13758" spans="35:39" x14ac:dyDescent="0.35">
      <c r="AI13758" s="84"/>
      <c r="AM13758" s="84"/>
    </row>
    <row r="13759" spans="35:39" x14ac:dyDescent="0.35">
      <c r="AI13759" s="84"/>
      <c r="AM13759" s="84"/>
    </row>
    <row r="13760" spans="35:39" x14ac:dyDescent="0.35">
      <c r="AI13760" s="84"/>
      <c r="AM13760" s="84"/>
    </row>
    <row r="13761" spans="35:39" x14ac:dyDescent="0.35">
      <c r="AI13761" s="84"/>
      <c r="AM13761" s="84"/>
    </row>
    <row r="13762" spans="35:39" x14ac:dyDescent="0.35">
      <c r="AI13762" s="84"/>
      <c r="AM13762" s="84"/>
    </row>
    <row r="13763" spans="35:39" x14ac:dyDescent="0.35">
      <c r="AI13763" s="84"/>
      <c r="AM13763" s="84"/>
    </row>
    <row r="13764" spans="35:39" x14ac:dyDescent="0.35">
      <c r="AI13764" s="84"/>
      <c r="AM13764" s="84"/>
    </row>
    <row r="13765" spans="35:39" x14ac:dyDescent="0.35">
      <c r="AI13765" s="84"/>
      <c r="AM13765" s="84"/>
    </row>
    <row r="13766" spans="35:39" x14ac:dyDescent="0.35">
      <c r="AI13766" s="84"/>
      <c r="AM13766" s="84"/>
    </row>
    <row r="13767" spans="35:39" x14ac:dyDescent="0.35">
      <c r="AI13767" s="84"/>
      <c r="AM13767" s="84"/>
    </row>
    <row r="13768" spans="35:39" x14ac:dyDescent="0.35">
      <c r="AI13768" s="84"/>
      <c r="AM13768" s="84"/>
    </row>
    <row r="13769" spans="35:39" x14ac:dyDescent="0.35">
      <c r="AI13769" s="84"/>
      <c r="AM13769" s="84"/>
    </row>
    <row r="13770" spans="35:39" x14ac:dyDescent="0.35">
      <c r="AI13770" s="84"/>
      <c r="AM13770" s="84"/>
    </row>
    <row r="13771" spans="35:39" x14ac:dyDescent="0.35">
      <c r="AI13771" s="84"/>
      <c r="AM13771" s="84"/>
    </row>
    <row r="13772" spans="35:39" x14ac:dyDescent="0.35">
      <c r="AI13772" s="84"/>
      <c r="AM13772" s="84"/>
    </row>
    <row r="13773" spans="35:39" x14ac:dyDescent="0.35">
      <c r="AI13773" s="84"/>
      <c r="AM13773" s="84"/>
    </row>
    <row r="13774" spans="35:39" x14ac:dyDescent="0.35">
      <c r="AI13774" s="84"/>
      <c r="AM13774" s="84"/>
    </row>
    <row r="13775" spans="35:39" x14ac:dyDescent="0.35">
      <c r="AI13775" s="84"/>
      <c r="AM13775" s="84"/>
    </row>
    <row r="13776" spans="35:39" x14ac:dyDescent="0.35">
      <c r="AI13776" s="84"/>
      <c r="AM13776" s="84"/>
    </row>
    <row r="13777" spans="35:39" x14ac:dyDescent="0.35">
      <c r="AI13777" s="84"/>
      <c r="AM13777" s="84"/>
    </row>
    <row r="13778" spans="35:39" x14ac:dyDescent="0.35">
      <c r="AI13778" s="84"/>
      <c r="AM13778" s="84"/>
    </row>
    <row r="13779" spans="35:39" x14ac:dyDescent="0.35">
      <c r="AI13779" s="84"/>
      <c r="AM13779" s="84"/>
    </row>
    <row r="13780" spans="35:39" x14ac:dyDescent="0.35">
      <c r="AI13780" s="84"/>
      <c r="AM13780" s="84"/>
    </row>
    <row r="13781" spans="35:39" x14ac:dyDescent="0.35">
      <c r="AI13781" s="84"/>
      <c r="AM13781" s="84"/>
    </row>
    <row r="13782" spans="35:39" x14ac:dyDescent="0.35">
      <c r="AI13782" s="84"/>
      <c r="AM13782" s="84"/>
    </row>
    <row r="13783" spans="35:39" x14ac:dyDescent="0.35">
      <c r="AI13783" s="84"/>
      <c r="AM13783" s="84"/>
    </row>
    <row r="13784" spans="35:39" x14ac:dyDescent="0.35">
      <c r="AI13784" s="84"/>
      <c r="AM13784" s="84"/>
    </row>
    <row r="13785" spans="35:39" x14ac:dyDescent="0.35">
      <c r="AI13785" s="84"/>
      <c r="AM13785" s="84"/>
    </row>
    <row r="13786" spans="35:39" x14ac:dyDescent="0.35">
      <c r="AI13786" s="84"/>
      <c r="AM13786" s="84"/>
    </row>
    <row r="13787" spans="35:39" x14ac:dyDescent="0.35">
      <c r="AI13787" s="84"/>
      <c r="AM13787" s="84"/>
    </row>
    <row r="13788" spans="35:39" x14ac:dyDescent="0.35">
      <c r="AI13788" s="84"/>
      <c r="AM13788" s="84"/>
    </row>
    <row r="13789" spans="35:39" x14ac:dyDescent="0.35">
      <c r="AI13789" s="84"/>
      <c r="AM13789" s="84"/>
    </row>
    <row r="13790" spans="35:39" x14ac:dyDescent="0.35">
      <c r="AI13790" s="84"/>
      <c r="AM13790" s="84"/>
    </row>
    <row r="13791" spans="35:39" x14ac:dyDescent="0.35">
      <c r="AI13791" s="84"/>
      <c r="AM13791" s="84"/>
    </row>
    <row r="13792" spans="35:39" x14ac:dyDescent="0.35">
      <c r="AI13792" s="84"/>
      <c r="AM13792" s="84"/>
    </row>
    <row r="13793" spans="35:39" x14ac:dyDescent="0.35">
      <c r="AI13793" s="84"/>
      <c r="AM13793" s="84"/>
    </row>
    <row r="13794" spans="35:39" x14ac:dyDescent="0.35">
      <c r="AI13794" s="84"/>
      <c r="AM13794" s="84"/>
    </row>
    <row r="13795" spans="35:39" x14ac:dyDescent="0.35">
      <c r="AI13795" s="84"/>
      <c r="AM13795" s="84"/>
    </row>
    <row r="13796" spans="35:39" x14ac:dyDescent="0.35">
      <c r="AI13796" s="84"/>
      <c r="AM13796" s="84"/>
    </row>
    <row r="13797" spans="35:39" x14ac:dyDescent="0.35">
      <c r="AI13797" s="84"/>
      <c r="AM13797" s="84"/>
    </row>
    <row r="13798" spans="35:39" x14ac:dyDescent="0.35">
      <c r="AI13798" s="84"/>
      <c r="AM13798" s="84"/>
    </row>
    <row r="13799" spans="35:39" x14ac:dyDescent="0.35">
      <c r="AI13799" s="84"/>
      <c r="AM13799" s="84"/>
    </row>
    <row r="13800" spans="35:39" x14ac:dyDescent="0.35">
      <c r="AI13800" s="84"/>
      <c r="AM13800" s="84"/>
    </row>
    <row r="13801" spans="35:39" x14ac:dyDescent="0.35">
      <c r="AI13801" s="84"/>
      <c r="AM13801" s="84"/>
    </row>
    <row r="13802" spans="35:39" x14ac:dyDescent="0.35">
      <c r="AI13802" s="84"/>
      <c r="AM13802" s="84"/>
    </row>
    <row r="13803" spans="35:39" x14ac:dyDescent="0.35">
      <c r="AI13803" s="84"/>
      <c r="AM13803" s="84"/>
    </row>
    <row r="13804" spans="35:39" x14ac:dyDescent="0.35">
      <c r="AI13804" s="84"/>
      <c r="AM13804" s="84"/>
    </row>
    <row r="13805" spans="35:39" x14ac:dyDescent="0.35">
      <c r="AI13805" s="84"/>
      <c r="AM13805" s="84"/>
    </row>
    <row r="13806" spans="35:39" x14ac:dyDescent="0.35">
      <c r="AI13806" s="84"/>
      <c r="AM13806" s="84"/>
    </row>
    <row r="13807" spans="35:39" x14ac:dyDescent="0.35">
      <c r="AI13807" s="84"/>
      <c r="AM13807" s="84"/>
    </row>
    <row r="13808" spans="35:39" x14ac:dyDescent="0.35">
      <c r="AI13808" s="84"/>
      <c r="AM13808" s="84"/>
    </row>
    <row r="13809" spans="35:39" x14ac:dyDescent="0.35">
      <c r="AI13809" s="84"/>
      <c r="AM13809" s="84"/>
    </row>
    <row r="13810" spans="35:39" x14ac:dyDescent="0.35">
      <c r="AI13810" s="84"/>
      <c r="AM13810" s="84"/>
    </row>
    <row r="13811" spans="35:39" x14ac:dyDescent="0.35">
      <c r="AI13811" s="84"/>
      <c r="AM13811" s="84"/>
    </row>
    <row r="13812" spans="35:39" x14ac:dyDescent="0.35">
      <c r="AI13812" s="84"/>
      <c r="AM13812" s="84"/>
    </row>
    <row r="13813" spans="35:39" x14ac:dyDescent="0.35">
      <c r="AI13813" s="84"/>
      <c r="AM13813" s="84"/>
    </row>
    <row r="13814" spans="35:39" x14ac:dyDescent="0.35">
      <c r="AI13814" s="84"/>
      <c r="AM13814" s="84"/>
    </row>
    <row r="13815" spans="35:39" x14ac:dyDescent="0.35">
      <c r="AI13815" s="84"/>
      <c r="AM13815" s="84"/>
    </row>
    <row r="13816" spans="35:39" x14ac:dyDescent="0.35">
      <c r="AI13816" s="84"/>
      <c r="AM13816" s="84"/>
    </row>
    <row r="13817" spans="35:39" x14ac:dyDescent="0.35">
      <c r="AI13817" s="84"/>
      <c r="AM13817" s="84"/>
    </row>
    <row r="13818" spans="35:39" x14ac:dyDescent="0.35">
      <c r="AI13818" s="84"/>
      <c r="AM13818" s="84"/>
    </row>
    <row r="13819" spans="35:39" x14ac:dyDescent="0.35">
      <c r="AI13819" s="84"/>
      <c r="AM13819" s="84"/>
    </row>
    <row r="13820" spans="35:39" x14ac:dyDescent="0.35">
      <c r="AI13820" s="84"/>
      <c r="AM13820" s="84"/>
    </row>
    <row r="13821" spans="35:39" x14ac:dyDescent="0.35">
      <c r="AI13821" s="84"/>
      <c r="AM13821" s="84"/>
    </row>
    <row r="13822" spans="35:39" x14ac:dyDescent="0.35">
      <c r="AI13822" s="84"/>
      <c r="AM13822" s="84"/>
    </row>
    <row r="13823" spans="35:39" x14ac:dyDescent="0.35">
      <c r="AI13823" s="84"/>
      <c r="AM13823" s="84"/>
    </row>
    <row r="13824" spans="35:39" x14ac:dyDescent="0.35">
      <c r="AI13824" s="84"/>
      <c r="AM13824" s="84"/>
    </row>
    <row r="13825" spans="35:39" x14ac:dyDescent="0.35">
      <c r="AI13825" s="84"/>
      <c r="AM13825" s="84"/>
    </row>
    <row r="13826" spans="35:39" x14ac:dyDescent="0.35">
      <c r="AI13826" s="84"/>
      <c r="AM13826" s="84"/>
    </row>
    <row r="13827" spans="35:39" x14ac:dyDescent="0.35">
      <c r="AI13827" s="84"/>
      <c r="AM13827" s="84"/>
    </row>
    <row r="13828" spans="35:39" x14ac:dyDescent="0.35">
      <c r="AI13828" s="84"/>
      <c r="AM13828" s="84"/>
    </row>
    <row r="13829" spans="35:39" x14ac:dyDescent="0.35">
      <c r="AI13829" s="84"/>
      <c r="AM13829" s="84"/>
    </row>
    <row r="13830" spans="35:39" x14ac:dyDescent="0.35">
      <c r="AI13830" s="84"/>
      <c r="AM13830" s="84"/>
    </row>
    <row r="13831" spans="35:39" x14ac:dyDescent="0.35">
      <c r="AI13831" s="84"/>
      <c r="AM13831" s="84"/>
    </row>
    <row r="13832" spans="35:39" x14ac:dyDescent="0.35">
      <c r="AI13832" s="84"/>
      <c r="AM13832" s="84"/>
    </row>
    <row r="13833" spans="35:39" x14ac:dyDescent="0.35">
      <c r="AI13833" s="84"/>
      <c r="AM13833" s="84"/>
    </row>
    <row r="13834" spans="35:39" x14ac:dyDescent="0.35">
      <c r="AI13834" s="84"/>
      <c r="AM13834" s="84"/>
    </row>
    <row r="13835" spans="35:39" x14ac:dyDescent="0.35">
      <c r="AI13835" s="84"/>
      <c r="AM13835" s="84"/>
    </row>
    <row r="13836" spans="35:39" x14ac:dyDescent="0.35">
      <c r="AI13836" s="84"/>
      <c r="AM13836" s="84"/>
    </row>
    <row r="13837" spans="35:39" x14ac:dyDescent="0.35">
      <c r="AI13837" s="84"/>
      <c r="AM13837" s="84"/>
    </row>
    <row r="13838" spans="35:39" x14ac:dyDescent="0.35">
      <c r="AI13838" s="84"/>
      <c r="AM13838" s="84"/>
    </row>
    <row r="13839" spans="35:39" x14ac:dyDescent="0.35">
      <c r="AI13839" s="84"/>
      <c r="AM13839" s="84"/>
    </row>
    <row r="13840" spans="35:39" x14ac:dyDescent="0.35">
      <c r="AI13840" s="84"/>
      <c r="AM13840" s="84"/>
    </row>
    <row r="13841" spans="35:39" x14ac:dyDescent="0.35">
      <c r="AI13841" s="84"/>
      <c r="AM13841" s="84"/>
    </row>
    <row r="13842" spans="35:39" x14ac:dyDescent="0.35">
      <c r="AI13842" s="84"/>
      <c r="AM13842" s="84"/>
    </row>
    <row r="13843" spans="35:39" x14ac:dyDescent="0.35">
      <c r="AI13843" s="84"/>
      <c r="AM13843" s="84"/>
    </row>
    <row r="13844" spans="35:39" x14ac:dyDescent="0.35">
      <c r="AI13844" s="84"/>
      <c r="AM13844" s="84"/>
    </row>
    <row r="13845" spans="35:39" x14ac:dyDescent="0.35">
      <c r="AI13845" s="84"/>
      <c r="AM13845" s="84"/>
    </row>
    <row r="13846" spans="35:39" x14ac:dyDescent="0.35">
      <c r="AI13846" s="84"/>
      <c r="AM13846" s="84"/>
    </row>
    <row r="13847" spans="35:39" x14ac:dyDescent="0.35">
      <c r="AI13847" s="84"/>
      <c r="AM13847" s="84"/>
    </row>
    <row r="13848" spans="35:39" x14ac:dyDescent="0.35">
      <c r="AI13848" s="84"/>
      <c r="AM13848" s="84"/>
    </row>
    <row r="13849" spans="35:39" x14ac:dyDescent="0.35">
      <c r="AI13849" s="84"/>
      <c r="AM13849" s="84"/>
    </row>
    <row r="13850" spans="35:39" x14ac:dyDescent="0.35">
      <c r="AI13850" s="84"/>
      <c r="AM13850" s="84"/>
    </row>
    <row r="13851" spans="35:39" x14ac:dyDescent="0.35">
      <c r="AI13851" s="84"/>
      <c r="AM13851" s="84"/>
    </row>
    <row r="13852" spans="35:39" x14ac:dyDescent="0.35">
      <c r="AI13852" s="84"/>
      <c r="AM13852" s="84"/>
    </row>
    <row r="13853" spans="35:39" x14ac:dyDescent="0.35">
      <c r="AI13853" s="84"/>
      <c r="AM13853" s="84"/>
    </row>
    <row r="13854" spans="35:39" x14ac:dyDescent="0.35">
      <c r="AI13854" s="84"/>
      <c r="AM13854" s="84"/>
    </row>
    <row r="13855" spans="35:39" x14ac:dyDescent="0.35">
      <c r="AI13855" s="84"/>
      <c r="AM13855" s="84"/>
    </row>
    <row r="13856" spans="35:39" x14ac:dyDescent="0.35">
      <c r="AI13856" s="84"/>
      <c r="AM13856" s="84"/>
    </row>
    <row r="13857" spans="35:39" x14ac:dyDescent="0.35">
      <c r="AI13857" s="84"/>
      <c r="AM13857" s="84"/>
    </row>
    <row r="13858" spans="35:39" x14ac:dyDescent="0.35">
      <c r="AI13858" s="84"/>
      <c r="AM13858" s="84"/>
    </row>
    <row r="13859" spans="35:39" x14ac:dyDescent="0.35">
      <c r="AI13859" s="84"/>
      <c r="AM13859" s="84"/>
    </row>
    <row r="13860" spans="35:39" x14ac:dyDescent="0.35">
      <c r="AI13860" s="84"/>
      <c r="AM13860" s="84"/>
    </row>
    <row r="13861" spans="35:39" x14ac:dyDescent="0.35">
      <c r="AI13861" s="84"/>
      <c r="AM13861" s="84"/>
    </row>
    <row r="13862" spans="35:39" x14ac:dyDescent="0.35">
      <c r="AI13862" s="84"/>
      <c r="AM13862" s="84"/>
    </row>
    <row r="13863" spans="35:39" x14ac:dyDescent="0.35">
      <c r="AI13863" s="84"/>
      <c r="AM13863" s="84"/>
    </row>
    <row r="13864" spans="35:39" x14ac:dyDescent="0.35">
      <c r="AI13864" s="84"/>
      <c r="AM13864" s="84"/>
    </row>
    <row r="13865" spans="35:39" x14ac:dyDescent="0.35">
      <c r="AI13865" s="84"/>
      <c r="AM13865" s="84"/>
    </row>
    <row r="13866" spans="35:39" x14ac:dyDescent="0.35">
      <c r="AI13866" s="84"/>
      <c r="AM13866" s="84"/>
    </row>
    <row r="13867" spans="35:39" x14ac:dyDescent="0.35">
      <c r="AI13867" s="84"/>
      <c r="AM13867" s="84"/>
    </row>
    <row r="13868" spans="35:39" x14ac:dyDescent="0.35">
      <c r="AI13868" s="84"/>
      <c r="AM13868" s="84"/>
    </row>
    <row r="13869" spans="35:39" x14ac:dyDescent="0.35">
      <c r="AI13869" s="84"/>
      <c r="AM13869" s="84"/>
    </row>
    <row r="13870" spans="35:39" x14ac:dyDescent="0.35">
      <c r="AI13870" s="84"/>
      <c r="AM13870" s="84"/>
    </row>
    <row r="13871" spans="35:39" x14ac:dyDescent="0.35">
      <c r="AI13871" s="84"/>
      <c r="AM13871" s="84"/>
    </row>
    <row r="13872" spans="35:39" x14ac:dyDescent="0.35">
      <c r="AI13872" s="84"/>
      <c r="AM13872" s="84"/>
    </row>
    <row r="13873" spans="35:39" x14ac:dyDescent="0.35">
      <c r="AI13873" s="84"/>
      <c r="AM13873" s="84"/>
    </row>
    <row r="13874" spans="35:39" x14ac:dyDescent="0.35">
      <c r="AI13874" s="84"/>
      <c r="AM13874" s="84"/>
    </row>
    <row r="13875" spans="35:39" x14ac:dyDescent="0.35">
      <c r="AI13875" s="84"/>
      <c r="AM13875" s="84"/>
    </row>
    <row r="13876" spans="35:39" x14ac:dyDescent="0.35">
      <c r="AI13876" s="84"/>
      <c r="AM13876" s="84"/>
    </row>
    <row r="13877" spans="35:39" x14ac:dyDescent="0.35">
      <c r="AI13877" s="84"/>
      <c r="AM13877" s="84"/>
    </row>
    <row r="13878" spans="35:39" x14ac:dyDescent="0.35">
      <c r="AI13878" s="84"/>
      <c r="AM13878" s="84"/>
    </row>
    <row r="13879" spans="35:39" x14ac:dyDescent="0.35">
      <c r="AI13879" s="84"/>
      <c r="AM13879" s="84"/>
    </row>
    <row r="13880" spans="35:39" x14ac:dyDescent="0.35">
      <c r="AI13880" s="84"/>
      <c r="AM13880" s="84"/>
    </row>
    <row r="13881" spans="35:39" x14ac:dyDescent="0.35">
      <c r="AI13881" s="84"/>
      <c r="AM13881" s="84"/>
    </row>
    <row r="13882" spans="35:39" x14ac:dyDescent="0.35">
      <c r="AI13882" s="84"/>
      <c r="AM13882" s="84"/>
    </row>
    <row r="13883" spans="35:39" x14ac:dyDescent="0.35">
      <c r="AI13883" s="84"/>
      <c r="AM13883" s="84"/>
    </row>
    <row r="13884" spans="35:39" x14ac:dyDescent="0.35">
      <c r="AI13884" s="84"/>
      <c r="AM13884" s="84"/>
    </row>
    <row r="13885" spans="35:39" x14ac:dyDescent="0.35">
      <c r="AI13885" s="84"/>
      <c r="AM13885" s="84"/>
    </row>
    <row r="13886" spans="35:39" x14ac:dyDescent="0.35">
      <c r="AI13886" s="84"/>
      <c r="AM13886" s="84"/>
    </row>
    <row r="13887" spans="35:39" x14ac:dyDescent="0.35">
      <c r="AI13887" s="84"/>
      <c r="AM13887" s="84"/>
    </row>
    <row r="13888" spans="35:39" x14ac:dyDescent="0.35">
      <c r="AI13888" s="84"/>
      <c r="AM13888" s="84"/>
    </row>
    <row r="13889" spans="35:39" x14ac:dyDescent="0.35">
      <c r="AI13889" s="84"/>
      <c r="AM13889" s="84"/>
    </row>
    <row r="13890" spans="35:39" x14ac:dyDescent="0.35">
      <c r="AI13890" s="84"/>
      <c r="AM13890" s="84"/>
    </row>
    <row r="13891" spans="35:39" x14ac:dyDescent="0.35">
      <c r="AI13891" s="84"/>
      <c r="AM13891" s="84"/>
    </row>
    <row r="13892" spans="35:39" x14ac:dyDescent="0.35">
      <c r="AI13892" s="84"/>
      <c r="AM13892" s="84"/>
    </row>
    <row r="13893" spans="35:39" x14ac:dyDescent="0.35">
      <c r="AI13893" s="84"/>
      <c r="AM13893" s="84"/>
    </row>
    <row r="13894" spans="35:39" x14ac:dyDescent="0.35">
      <c r="AI13894" s="84"/>
      <c r="AM13894" s="84"/>
    </row>
    <row r="13895" spans="35:39" x14ac:dyDescent="0.35">
      <c r="AI13895" s="84"/>
      <c r="AM13895" s="84"/>
    </row>
    <row r="13896" spans="35:39" x14ac:dyDescent="0.35">
      <c r="AI13896" s="84"/>
      <c r="AM13896" s="84"/>
    </row>
    <row r="13897" spans="35:39" x14ac:dyDescent="0.35">
      <c r="AI13897" s="84"/>
      <c r="AM13897" s="84"/>
    </row>
    <row r="13898" spans="35:39" x14ac:dyDescent="0.35">
      <c r="AI13898" s="84"/>
      <c r="AM13898" s="84"/>
    </row>
    <row r="13899" spans="35:39" x14ac:dyDescent="0.35">
      <c r="AI13899" s="84"/>
      <c r="AM13899" s="84"/>
    </row>
    <row r="13900" spans="35:39" x14ac:dyDescent="0.35">
      <c r="AI13900" s="84"/>
      <c r="AM13900" s="84"/>
    </row>
    <row r="13901" spans="35:39" x14ac:dyDescent="0.35">
      <c r="AI13901" s="84"/>
      <c r="AM13901" s="84"/>
    </row>
    <row r="13902" spans="35:39" x14ac:dyDescent="0.35">
      <c r="AI13902" s="84"/>
      <c r="AM13902" s="84"/>
    </row>
    <row r="13903" spans="35:39" x14ac:dyDescent="0.35">
      <c r="AI13903" s="84"/>
      <c r="AM13903" s="84"/>
    </row>
    <row r="13904" spans="35:39" x14ac:dyDescent="0.35">
      <c r="AI13904" s="84"/>
      <c r="AM13904" s="84"/>
    </row>
    <row r="13905" spans="35:39" x14ac:dyDescent="0.35">
      <c r="AI13905" s="84"/>
      <c r="AM13905" s="84"/>
    </row>
    <row r="13906" spans="35:39" x14ac:dyDescent="0.35">
      <c r="AI13906" s="84"/>
      <c r="AM13906" s="84"/>
    </row>
    <row r="13907" spans="35:39" x14ac:dyDescent="0.35">
      <c r="AI13907" s="84"/>
      <c r="AM13907" s="84"/>
    </row>
    <row r="13908" spans="35:39" x14ac:dyDescent="0.35">
      <c r="AI13908" s="84"/>
      <c r="AM13908" s="84"/>
    </row>
    <row r="13909" spans="35:39" x14ac:dyDescent="0.35">
      <c r="AI13909" s="84"/>
      <c r="AM13909" s="84"/>
    </row>
    <row r="13910" spans="35:39" x14ac:dyDescent="0.35">
      <c r="AI13910" s="84"/>
      <c r="AM13910" s="84"/>
    </row>
    <row r="13911" spans="35:39" x14ac:dyDescent="0.35">
      <c r="AI13911" s="84"/>
      <c r="AM13911" s="84"/>
    </row>
    <row r="13912" spans="35:39" x14ac:dyDescent="0.35">
      <c r="AI13912" s="84"/>
      <c r="AM13912" s="84"/>
    </row>
    <row r="13913" spans="35:39" x14ac:dyDescent="0.35">
      <c r="AI13913" s="84"/>
      <c r="AM13913" s="84"/>
    </row>
    <row r="13914" spans="35:39" x14ac:dyDescent="0.35">
      <c r="AI13914" s="84"/>
      <c r="AM13914" s="84"/>
    </row>
    <row r="13915" spans="35:39" x14ac:dyDescent="0.35">
      <c r="AI13915" s="84"/>
      <c r="AM13915" s="84"/>
    </row>
    <row r="13916" spans="35:39" x14ac:dyDescent="0.35">
      <c r="AI13916" s="84"/>
      <c r="AM13916" s="84"/>
    </row>
    <row r="13917" spans="35:39" x14ac:dyDescent="0.35">
      <c r="AI13917" s="84"/>
      <c r="AM13917" s="84"/>
    </row>
    <row r="13918" spans="35:39" x14ac:dyDescent="0.35">
      <c r="AI13918" s="84"/>
      <c r="AM13918" s="84"/>
    </row>
    <row r="13919" spans="35:39" x14ac:dyDescent="0.35">
      <c r="AI13919" s="84"/>
      <c r="AM13919" s="84"/>
    </row>
    <row r="13920" spans="35:39" x14ac:dyDescent="0.35">
      <c r="AI13920" s="84"/>
      <c r="AM13920" s="84"/>
    </row>
    <row r="13921" spans="35:39" x14ac:dyDescent="0.35">
      <c r="AI13921" s="84"/>
      <c r="AM13921" s="84"/>
    </row>
    <row r="13922" spans="35:39" x14ac:dyDescent="0.35">
      <c r="AI13922" s="84"/>
      <c r="AM13922" s="84"/>
    </row>
    <row r="13923" spans="35:39" x14ac:dyDescent="0.35">
      <c r="AI13923" s="84"/>
      <c r="AM13923" s="84"/>
    </row>
    <row r="13924" spans="35:39" x14ac:dyDescent="0.35">
      <c r="AI13924" s="84"/>
      <c r="AM13924" s="84"/>
    </row>
    <row r="13925" spans="35:39" x14ac:dyDescent="0.35">
      <c r="AI13925" s="84"/>
      <c r="AM13925" s="84"/>
    </row>
    <row r="13926" spans="35:39" x14ac:dyDescent="0.35">
      <c r="AI13926" s="84"/>
      <c r="AM13926" s="84"/>
    </row>
    <row r="13927" spans="35:39" x14ac:dyDescent="0.35">
      <c r="AI13927" s="84"/>
      <c r="AM13927" s="84"/>
    </row>
    <row r="13928" spans="35:39" x14ac:dyDescent="0.35">
      <c r="AI13928" s="84"/>
      <c r="AM13928" s="84"/>
    </row>
    <row r="13929" spans="35:39" x14ac:dyDescent="0.35">
      <c r="AI13929" s="84"/>
      <c r="AM13929" s="84"/>
    </row>
    <row r="13930" spans="35:39" x14ac:dyDescent="0.35">
      <c r="AI13930" s="84"/>
      <c r="AM13930" s="84"/>
    </row>
    <row r="13931" spans="35:39" x14ac:dyDescent="0.35">
      <c r="AI13931" s="84"/>
      <c r="AM13931" s="84"/>
    </row>
    <row r="13932" spans="35:39" x14ac:dyDescent="0.35">
      <c r="AI13932" s="84"/>
      <c r="AM13932" s="84"/>
    </row>
    <row r="13933" spans="35:39" x14ac:dyDescent="0.35">
      <c r="AI13933" s="84"/>
      <c r="AM13933" s="84"/>
    </row>
    <row r="13934" spans="35:39" x14ac:dyDescent="0.35">
      <c r="AI13934" s="84"/>
      <c r="AM13934" s="84"/>
    </row>
    <row r="13935" spans="35:39" x14ac:dyDescent="0.35">
      <c r="AI13935" s="84"/>
      <c r="AM13935" s="84"/>
    </row>
    <row r="13936" spans="35:39" x14ac:dyDescent="0.35">
      <c r="AI13936" s="84"/>
      <c r="AM13936" s="84"/>
    </row>
    <row r="13937" spans="35:39" x14ac:dyDescent="0.35">
      <c r="AI13937" s="84"/>
      <c r="AM13937" s="84"/>
    </row>
    <row r="13938" spans="35:39" x14ac:dyDescent="0.35">
      <c r="AI13938" s="84"/>
      <c r="AM13938" s="84"/>
    </row>
    <row r="13939" spans="35:39" x14ac:dyDescent="0.35">
      <c r="AI13939" s="84"/>
      <c r="AM13939" s="84"/>
    </row>
    <row r="13940" spans="35:39" x14ac:dyDescent="0.35">
      <c r="AI13940" s="84"/>
      <c r="AM13940" s="84"/>
    </row>
    <row r="13941" spans="35:39" x14ac:dyDescent="0.35">
      <c r="AI13941" s="84"/>
      <c r="AM13941" s="84"/>
    </row>
    <row r="13942" spans="35:39" x14ac:dyDescent="0.35">
      <c r="AI13942" s="84"/>
      <c r="AM13942" s="84"/>
    </row>
    <row r="13943" spans="35:39" x14ac:dyDescent="0.35">
      <c r="AI13943" s="84"/>
      <c r="AM13943" s="84"/>
    </row>
    <row r="13944" spans="35:39" x14ac:dyDescent="0.35">
      <c r="AI13944" s="84"/>
      <c r="AM13944" s="84"/>
    </row>
    <row r="13945" spans="35:39" x14ac:dyDescent="0.35">
      <c r="AI13945" s="84"/>
      <c r="AM13945" s="84"/>
    </row>
    <row r="13946" spans="35:39" x14ac:dyDescent="0.35">
      <c r="AI13946" s="84"/>
      <c r="AM13946" s="84"/>
    </row>
    <row r="13947" spans="35:39" x14ac:dyDescent="0.35">
      <c r="AI13947" s="84"/>
      <c r="AM13947" s="84"/>
    </row>
    <row r="13948" spans="35:39" x14ac:dyDescent="0.35">
      <c r="AI13948" s="84"/>
      <c r="AM13948" s="84"/>
    </row>
    <row r="13949" spans="35:39" x14ac:dyDescent="0.35">
      <c r="AI13949" s="84"/>
      <c r="AM13949" s="84"/>
    </row>
    <row r="13950" spans="35:39" x14ac:dyDescent="0.35">
      <c r="AI13950" s="84"/>
      <c r="AM13950" s="84"/>
    </row>
    <row r="13951" spans="35:39" x14ac:dyDescent="0.35">
      <c r="AI13951" s="84"/>
      <c r="AM13951" s="84"/>
    </row>
    <row r="13952" spans="35:39" x14ac:dyDescent="0.35">
      <c r="AI13952" s="84"/>
      <c r="AM13952" s="84"/>
    </row>
    <row r="13953" spans="35:39" x14ac:dyDescent="0.35">
      <c r="AI13953" s="84"/>
      <c r="AM13953" s="84"/>
    </row>
    <row r="13954" spans="35:39" x14ac:dyDescent="0.35">
      <c r="AI13954" s="84"/>
      <c r="AM13954" s="84"/>
    </row>
    <row r="13955" spans="35:39" x14ac:dyDescent="0.35">
      <c r="AI13955" s="84"/>
      <c r="AM13955" s="84"/>
    </row>
    <row r="13956" spans="35:39" x14ac:dyDescent="0.35">
      <c r="AI13956" s="84"/>
      <c r="AM13956" s="84"/>
    </row>
    <row r="13957" spans="35:39" x14ac:dyDescent="0.35">
      <c r="AI13957" s="84"/>
      <c r="AM13957" s="84"/>
    </row>
    <row r="13958" spans="35:39" x14ac:dyDescent="0.35">
      <c r="AI13958" s="84"/>
      <c r="AM13958" s="84"/>
    </row>
    <row r="13959" spans="35:39" x14ac:dyDescent="0.35">
      <c r="AI13959" s="84"/>
      <c r="AM13959" s="84"/>
    </row>
    <row r="13960" spans="35:39" x14ac:dyDescent="0.35">
      <c r="AI13960" s="84"/>
      <c r="AM13960" s="84"/>
    </row>
    <row r="13961" spans="35:39" x14ac:dyDescent="0.35">
      <c r="AI13961" s="84"/>
      <c r="AM13961" s="84"/>
    </row>
    <row r="13962" spans="35:39" x14ac:dyDescent="0.35">
      <c r="AI13962" s="84"/>
      <c r="AM13962" s="84"/>
    </row>
    <row r="13963" spans="35:39" x14ac:dyDescent="0.35">
      <c r="AI13963" s="84"/>
      <c r="AM13963" s="84"/>
    </row>
    <row r="13964" spans="35:39" x14ac:dyDescent="0.35">
      <c r="AI13964" s="84"/>
      <c r="AM13964" s="84"/>
    </row>
    <row r="13965" spans="35:39" x14ac:dyDescent="0.35">
      <c r="AI13965" s="84"/>
      <c r="AM13965" s="84"/>
    </row>
    <row r="13966" spans="35:39" x14ac:dyDescent="0.35">
      <c r="AI13966" s="84"/>
      <c r="AM13966" s="84"/>
    </row>
    <row r="13967" spans="35:39" x14ac:dyDescent="0.35">
      <c r="AI13967" s="84"/>
      <c r="AM13967" s="84"/>
    </row>
    <row r="13968" spans="35:39" x14ac:dyDescent="0.35">
      <c r="AI13968" s="84"/>
      <c r="AM13968" s="84"/>
    </row>
    <row r="13969" spans="35:39" x14ac:dyDescent="0.35">
      <c r="AI13969" s="84"/>
      <c r="AM13969" s="84"/>
    </row>
    <row r="13970" spans="35:39" x14ac:dyDescent="0.35">
      <c r="AI13970" s="84"/>
      <c r="AM13970" s="84"/>
    </row>
    <row r="13971" spans="35:39" x14ac:dyDescent="0.35">
      <c r="AI13971" s="84"/>
      <c r="AM13971" s="84"/>
    </row>
    <row r="13972" spans="35:39" x14ac:dyDescent="0.35">
      <c r="AI13972" s="84"/>
      <c r="AM13972" s="84"/>
    </row>
    <row r="13973" spans="35:39" x14ac:dyDescent="0.35">
      <c r="AI13973" s="84"/>
      <c r="AM13973" s="84"/>
    </row>
    <row r="13974" spans="35:39" x14ac:dyDescent="0.35">
      <c r="AI13974" s="84"/>
      <c r="AM13974" s="84"/>
    </row>
    <row r="13975" spans="35:39" x14ac:dyDescent="0.35">
      <c r="AI13975" s="84"/>
      <c r="AM13975" s="84"/>
    </row>
    <row r="13976" spans="35:39" x14ac:dyDescent="0.35">
      <c r="AI13976" s="84"/>
      <c r="AM13976" s="84"/>
    </row>
    <row r="13977" spans="35:39" x14ac:dyDescent="0.35">
      <c r="AI13977" s="84"/>
      <c r="AM13977" s="84"/>
    </row>
    <row r="13978" spans="35:39" x14ac:dyDescent="0.35">
      <c r="AI13978" s="84"/>
      <c r="AM13978" s="84"/>
    </row>
    <row r="13979" spans="35:39" x14ac:dyDescent="0.35">
      <c r="AI13979" s="84"/>
      <c r="AM13979" s="84"/>
    </row>
    <row r="13980" spans="35:39" x14ac:dyDescent="0.35">
      <c r="AI13980" s="84"/>
      <c r="AM13980" s="84"/>
    </row>
    <row r="13981" spans="35:39" x14ac:dyDescent="0.35">
      <c r="AI13981" s="84"/>
      <c r="AM13981" s="84"/>
    </row>
    <row r="13982" spans="35:39" x14ac:dyDescent="0.35">
      <c r="AI13982" s="84"/>
      <c r="AM13982" s="84"/>
    </row>
    <row r="13983" spans="35:39" x14ac:dyDescent="0.35">
      <c r="AI13983" s="84"/>
      <c r="AM13983" s="84"/>
    </row>
    <row r="13984" spans="35:39" x14ac:dyDescent="0.35">
      <c r="AI13984" s="84"/>
      <c r="AM13984" s="84"/>
    </row>
    <row r="13985" spans="35:39" x14ac:dyDescent="0.35">
      <c r="AI13985" s="84"/>
      <c r="AM13985" s="84"/>
    </row>
    <row r="13986" spans="35:39" x14ac:dyDescent="0.35">
      <c r="AI13986" s="84"/>
      <c r="AM13986" s="84"/>
    </row>
    <row r="13987" spans="35:39" x14ac:dyDescent="0.35">
      <c r="AI13987" s="84"/>
      <c r="AM13987" s="84"/>
    </row>
    <row r="13988" spans="35:39" x14ac:dyDescent="0.35">
      <c r="AI13988" s="84"/>
      <c r="AM13988" s="84"/>
    </row>
    <row r="13989" spans="35:39" x14ac:dyDescent="0.35">
      <c r="AI13989" s="84"/>
      <c r="AM13989" s="84"/>
    </row>
    <row r="13990" spans="35:39" x14ac:dyDescent="0.35">
      <c r="AI13990" s="84"/>
      <c r="AM13990" s="84"/>
    </row>
    <row r="13991" spans="35:39" x14ac:dyDescent="0.35">
      <c r="AI13991" s="84"/>
      <c r="AM13991" s="84"/>
    </row>
    <row r="13992" spans="35:39" x14ac:dyDescent="0.35">
      <c r="AI13992" s="84"/>
      <c r="AM13992" s="84"/>
    </row>
    <row r="13993" spans="35:39" x14ac:dyDescent="0.35">
      <c r="AI13993" s="84"/>
      <c r="AM13993" s="84"/>
    </row>
    <row r="13994" spans="35:39" x14ac:dyDescent="0.35">
      <c r="AI13994" s="84"/>
      <c r="AM13994" s="84"/>
    </row>
    <row r="13995" spans="35:39" x14ac:dyDescent="0.35">
      <c r="AI13995" s="84"/>
      <c r="AM13995" s="84"/>
    </row>
    <row r="13996" spans="35:39" x14ac:dyDescent="0.35">
      <c r="AI13996" s="84"/>
      <c r="AM13996" s="84"/>
    </row>
    <row r="13997" spans="35:39" x14ac:dyDescent="0.35">
      <c r="AI13997" s="84"/>
      <c r="AM13997" s="84"/>
    </row>
    <row r="13998" spans="35:39" x14ac:dyDescent="0.35">
      <c r="AI13998" s="84"/>
      <c r="AM13998" s="84"/>
    </row>
    <row r="13999" spans="35:39" x14ac:dyDescent="0.35">
      <c r="AI13999" s="84"/>
      <c r="AM13999" s="84"/>
    </row>
    <row r="14000" spans="35:39" x14ac:dyDescent="0.35">
      <c r="AI14000" s="84"/>
      <c r="AM14000" s="84"/>
    </row>
    <row r="14001" spans="35:39" x14ac:dyDescent="0.35">
      <c r="AI14001" s="84"/>
      <c r="AM14001" s="84"/>
    </row>
    <row r="14002" spans="35:39" x14ac:dyDescent="0.35">
      <c r="AI14002" s="84"/>
      <c r="AM14002" s="84"/>
    </row>
    <row r="14003" spans="35:39" x14ac:dyDescent="0.35">
      <c r="AI14003" s="84"/>
      <c r="AM14003" s="84"/>
    </row>
    <row r="14004" spans="35:39" x14ac:dyDescent="0.35">
      <c r="AI14004" s="84"/>
      <c r="AM14004" s="84"/>
    </row>
    <row r="14005" spans="35:39" x14ac:dyDescent="0.35">
      <c r="AI14005" s="84"/>
      <c r="AM14005" s="84"/>
    </row>
    <row r="14006" spans="35:39" x14ac:dyDescent="0.35">
      <c r="AI14006" s="84"/>
      <c r="AM14006" s="84"/>
    </row>
    <row r="14007" spans="35:39" x14ac:dyDescent="0.35">
      <c r="AI14007" s="84"/>
      <c r="AM14007" s="84"/>
    </row>
    <row r="14008" spans="35:39" x14ac:dyDescent="0.35">
      <c r="AI14008" s="84"/>
      <c r="AM14008" s="84"/>
    </row>
    <row r="14009" spans="35:39" x14ac:dyDescent="0.35">
      <c r="AI14009" s="84"/>
      <c r="AM14009" s="84"/>
    </row>
    <row r="14010" spans="35:39" x14ac:dyDescent="0.35">
      <c r="AI14010" s="84"/>
      <c r="AM14010" s="84"/>
    </row>
    <row r="14011" spans="35:39" x14ac:dyDescent="0.35">
      <c r="AI14011" s="84"/>
      <c r="AM14011" s="84"/>
    </row>
    <row r="14012" spans="35:39" x14ac:dyDescent="0.35">
      <c r="AI14012" s="84"/>
      <c r="AM14012" s="84"/>
    </row>
    <row r="14013" spans="35:39" x14ac:dyDescent="0.35">
      <c r="AI14013" s="84"/>
      <c r="AM14013" s="84"/>
    </row>
    <row r="14014" spans="35:39" x14ac:dyDescent="0.35">
      <c r="AI14014" s="84"/>
      <c r="AM14014" s="84"/>
    </row>
    <row r="14015" spans="35:39" x14ac:dyDescent="0.35">
      <c r="AI14015" s="84"/>
      <c r="AM14015" s="84"/>
    </row>
    <row r="14016" spans="35:39" x14ac:dyDescent="0.35">
      <c r="AI14016" s="84"/>
      <c r="AM14016" s="84"/>
    </row>
    <row r="14017" spans="35:39" x14ac:dyDescent="0.35">
      <c r="AI14017" s="84"/>
      <c r="AM14017" s="84"/>
    </row>
    <row r="14018" spans="35:39" x14ac:dyDescent="0.35">
      <c r="AI14018" s="84"/>
      <c r="AM14018" s="84"/>
    </row>
    <row r="14019" spans="35:39" x14ac:dyDescent="0.35">
      <c r="AI14019" s="84"/>
      <c r="AM14019" s="84"/>
    </row>
    <row r="14020" spans="35:39" x14ac:dyDescent="0.35">
      <c r="AI14020" s="84"/>
      <c r="AM14020" s="84"/>
    </row>
    <row r="14021" spans="35:39" x14ac:dyDescent="0.35">
      <c r="AI14021" s="84"/>
      <c r="AM14021" s="84"/>
    </row>
    <row r="14022" spans="35:39" x14ac:dyDescent="0.35">
      <c r="AI14022" s="84"/>
      <c r="AM14022" s="84"/>
    </row>
    <row r="14023" spans="35:39" x14ac:dyDescent="0.35">
      <c r="AI14023" s="84"/>
      <c r="AM14023" s="84"/>
    </row>
    <row r="14024" spans="35:39" x14ac:dyDescent="0.35">
      <c r="AI14024" s="84"/>
      <c r="AM14024" s="84"/>
    </row>
    <row r="14025" spans="35:39" x14ac:dyDescent="0.35">
      <c r="AI14025" s="84"/>
      <c r="AM14025" s="84"/>
    </row>
    <row r="14026" spans="35:39" x14ac:dyDescent="0.35">
      <c r="AI14026" s="84"/>
      <c r="AM14026" s="84"/>
    </row>
    <row r="14027" spans="35:39" x14ac:dyDescent="0.35">
      <c r="AI14027" s="84"/>
      <c r="AM14027" s="84"/>
    </row>
    <row r="14028" spans="35:39" x14ac:dyDescent="0.35">
      <c r="AI14028" s="84"/>
      <c r="AM14028" s="84"/>
    </row>
    <row r="14029" spans="35:39" x14ac:dyDescent="0.35">
      <c r="AI14029" s="84"/>
      <c r="AM14029" s="84"/>
    </row>
    <row r="14030" spans="35:39" x14ac:dyDescent="0.35">
      <c r="AI14030" s="84"/>
      <c r="AM14030" s="84"/>
    </row>
    <row r="14031" spans="35:39" x14ac:dyDescent="0.35">
      <c r="AI14031" s="84"/>
      <c r="AM14031" s="84"/>
    </row>
    <row r="14032" spans="35:39" x14ac:dyDescent="0.35">
      <c r="AI14032" s="84"/>
      <c r="AM14032" s="84"/>
    </row>
    <row r="14033" spans="35:39" x14ac:dyDescent="0.35">
      <c r="AI14033" s="84"/>
      <c r="AM14033" s="84"/>
    </row>
    <row r="14034" spans="35:39" x14ac:dyDescent="0.35">
      <c r="AI14034" s="84"/>
      <c r="AM14034" s="84"/>
    </row>
    <row r="14035" spans="35:39" x14ac:dyDescent="0.35">
      <c r="AI14035" s="84"/>
      <c r="AM14035" s="84"/>
    </row>
    <row r="14036" spans="35:39" x14ac:dyDescent="0.35">
      <c r="AI14036" s="84"/>
      <c r="AM14036" s="84"/>
    </row>
    <row r="14037" spans="35:39" x14ac:dyDescent="0.35">
      <c r="AI14037" s="84"/>
      <c r="AM14037" s="84"/>
    </row>
    <row r="14038" spans="35:39" x14ac:dyDescent="0.35">
      <c r="AI14038" s="84"/>
      <c r="AM14038" s="84"/>
    </row>
    <row r="14039" spans="35:39" x14ac:dyDescent="0.35">
      <c r="AI14039" s="84"/>
      <c r="AM14039" s="84"/>
    </row>
    <row r="14040" spans="35:39" x14ac:dyDescent="0.35">
      <c r="AI14040" s="84"/>
      <c r="AM14040" s="84"/>
    </row>
    <row r="14041" spans="35:39" x14ac:dyDescent="0.35">
      <c r="AI14041" s="84"/>
      <c r="AM14041" s="84"/>
    </row>
    <row r="14042" spans="35:39" x14ac:dyDescent="0.35">
      <c r="AI14042" s="84"/>
      <c r="AM14042" s="84"/>
    </row>
    <row r="14043" spans="35:39" x14ac:dyDescent="0.35">
      <c r="AI14043" s="84"/>
      <c r="AM14043" s="84"/>
    </row>
    <row r="14044" spans="35:39" x14ac:dyDescent="0.35">
      <c r="AI14044" s="84"/>
      <c r="AM14044" s="84"/>
    </row>
    <row r="14045" spans="35:39" x14ac:dyDescent="0.35">
      <c r="AI14045" s="84"/>
      <c r="AM14045" s="84"/>
    </row>
    <row r="14046" spans="35:39" x14ac:dyDescent="0.35">
      <c r="AI14046" s="84"/>
      <c r="AM14046" s="84"/>
    </row>
    <row r="14047" spans="35:39" x14ac:dyDescent="0.35">
      <c r="AI14047" s="84"/>
      <c r="AM14047" s="84"/>
    </row>
    <row r="14048" spans="35:39" x14ac:dyDescent="0.35">
      <c r="AI14048" s="84"/>
      <c r="AM14048" s="84"/>
    </row>
    <row r="14049" spans="35:39" x14ac:dyDescent="0.35">
      <c r="AI14049" s="84"/>
      <c r="AM14049" s="84"/>
    </row>
    <row r="14050" spans="35:39" x14ac:dyDescent="0.35">
      <c r="AI14050" s="84"/>
      <c r="AM14050" s="84"/>
    </row>
    <row r="14051" spans="35:39" x14ac:dyDescent="0.35">
      <c r="AI14051" s="84"/>
      <c r="AM14051" s="84"/>
    </row>
    <row r="14052" spans="35:39" x14ac:dyDescent="0.35">
      <c r="AI14052" s="84"/>
      <c r="AM14052" s="84"/>
    </row>
    <row r="14053" spans="35:39" x14ac:dyDescent="0.35">
      <c r="AI14053" s="84"/>
      <c r="AM14053" s="84"/>
    </row>
    <row r="14054" spans="35:39" x14ac:dyDescent="0.35">
      <c r="AI14054" s="84"/>
      <c r="AM14054" s="84"/>
    </row>
    <row r="14055" spans="35:39" x14ac:dyDescent="0.35">
      <c r="AI14055" s="84"/>
      <c r="AM14055" s="84"/>
    </row>
    <row r="14056" spans="35:39" x14ac:dyDescent="0.35">
      <c r="AI14056" s="84"/>
      <c r="AM14056" s="84"/>
    </row>
    <row r="14057" spans="35:39" x14ac:dyDescent="0.35">
      <c r="AI14057" s="84"/>
      <c r="AM14057" s="84"/>
    </row>
    <row r="14058" spans="35:39" x14ac:dyDescent="0.35">
      <c r="AI14058" s="84"/>
      <c r="AM14058" s="84"/>
    </row>
    <row r="14059" spans="35:39" x14ac:dyDescent="0.35">
      <c r="AI14059" s="84"/>
      <c r="AM14059" s="84"/>
    </row>
    <row r="14060" spans="35:39" x14ac:dyDescent="0.35">
      <c r="AI14060" s="84"/>
      <c r="AM14060" s="84"/>
    </row>
    <row r="14061" spans="35:39" x14ac:dyDescent="0.35">
      <c r="AI14061" s="84"/>
      <c r="AM14061" s="84"/>
    </row>
    <row r="14062" spans="35:39" x14ac:dyDescent="0.35">
      <c r="AI14062" s="84"/>
      <c r="AM14062" s="84"/>
    </row>
    <row r="14063" spans="35:39" x14ac:dyDescent="0.35">
      <c r="AI14063" s="84"/>
      <c r="AM14063" s="84"/>
    </row>
    <row r="14064" spans="35:39" x14ac:dyDescent="0.35">
      <c r="AI14064" s="84"/>
      <c r="AM14064" s="84"/>
    </row>
    <row r="14065" spans="35:39" x14ac:dyDescent="0.35">
      <c r="AI14065" s="84"/>
      <c r="AM14065" s="84"/>
    </row>
    <row r="14066" spans="35:39" x14ac:dyDescent="0.35">
      <c r="AI14066" s="84"/>
      <c r="AM14066" s="84"/>
    </row>
    <row r="14067" spans="35:39" x14ac:dyDescent="0.35">
      <c r="AI14067" s="84"/>
      <c r="AM14067" s="84"/>
    </row>
    <row r="14068" spans="35:39" x14ac:dyDescent="0.35">
      <c r="AI14068" s="84"/>
      <c r="AM14068" s="84"/>
    </row>
    <row r="14069" spans="35:39" x14ac:dyDescent="0.35">
      <c r="AI14069" s="84"/>
      <c r="AM14069" s="84"/>
    </row>
    <row r="14070" spans="35:39" x14ac:dyDescent="0.35">
      <c r="AI14070" s="84"/>
      <c r="AM14070" s="84"/>
    </row>
    <row r="14071" spans="35:39" x14ac:dyDescent="0.35">
      <c r="AI14071" s="84"/>
      <c r="AM14071" s="84"/>
    </row>
    <row r="14072" spans="35:39" x14ac:dyDescent="0.35">
      <c r="AI14072" s="84"/>
      <c r="AM14072" s="84"/>
    </row>
    <row r="14073" spans="35:39" x14ac:dyDescent="0.35">
      <c r="AI14073" s="84"/>
      <c r="AM14073" s="84"/>
    </row>
    <row r="14074" spans="35:39" x14ac:dyDescent="0.35">
      <c r="AI14074" s="84"/>
      <c r="AM14074" s="84"/>
    </row>
    <row r="14075" spans="35:39" x14ac:dyDescent="0.35">
      <c r="AI14075" s="84"/>
      <c r="AM14075" s="84"/>
    </row>
    <row r="14076" spans="35:39" x14ac:dyDescent="0.35">
      <c r="AI14076" s="84"/>
      <c r="AM14076" s="84"/>
    </row>
    <row r="14077" spans="35:39" x14ac:dyDescent="0.35">
      <c r="AI14077" s="84"/>
      <c r="AM14077" s="84"/>
    </row>
    <row r="14078" spans="35:39" x14ac:dyDescent="0.35">
      <c r="AI14078" s="84"/>
      <c r="AM14078" s="84"/>
    </row>
    <row r="14079" spans="35:39" x14ac:dyDescent="0.35">
      <c r="AI14079" s="84"/>
      <c r="AM14079" s="84"/>
    </row>
    <row r="14080" spans="35:39" x14ac:dyDescent="0.35">
      <c r="AI14080" s="84"/>
      <c r="AM14080" s="84"/>
    </row>
    <row r="14081" spans="35:39" x14ac:dyDescent="0.35">
      <c r="AI14081" s="84"/>
      <c r="AM14081" s="84"/>
    </row>
    <row r="14082" spans="35:39" x14ac:dyDescent="0.35">
      <c r="AI14082" s="84"/>
      <c r="AM14082" s="84"/>
    </row>
    <row r="14083" spans="35:39" x14ac:dyDescent="0.35">
      <c r="AI14083" s="84"/>
      <c r="AM14083" s="84"/>
    </row>
    <row r="14084" spans="35:39" x14ac:dyDescent="0.35">
      <c r="AI14084" s="84"/>
      <c r="AM14084" s="84"/>
    </row>
    <row r="14085" spans="35:39" x14ac:dyDescent="0.35">
      <c r="AI14085" s="84"/>
      <c r="AM14085" s="84"/>
    </row>
    <row r="14086" spans="35:39" x14ac:dyDescent="0.35">
      <c r="AI14086" s="84"/>
      <c r="AM14086" s="84"/>
    </row>
    <row r="14087" spans="35:39" x14ac:dyDescent="0.35">
      <c r="AI14087" s="84"/>
      <c r="AM14087" s="84"/>
    </row>
    <row r="14088" spans="35:39" x14ac:dyDescent="0.35">
      <c r="AI14088" s="84"/>
      <c r="AM14088" s="84"/>
    </row>
    <row r="14089" spans="35:39" x14ac:dyDescent="0.35">
      <c r="AI14089" s="84"/>
      <c r="AM14089" s="84"/>
    </row>
    <row r="14090" spans="35:39" x14ac:dyDescent="0.35">
      <c r="AI14090" s="84"/>
      <c r="AM14090" s="84"/>
    </row>
    <row r="14091" spans="35:39" x14ac:dyDescent="0.35">
      <c r="AI14091" s="84"/>
      <c r="AM14091" s="84"/>
    </row>
    <row r="14092" spans="35:39" x14ac:dyDescent="0.35">
      <c r="AI14092" s="84"/>
      <c r="AM14092" s="84"/>
    </row>
    <row r="14093" spans="35:39" x14ac:dyDescent="0.35">
      <c r="AI14093" s="84"/>
      <c r="AM14093" s="84"/>
    </row>
    <row r="14094" spans="35:39" x14ac:dyDescent="0.35">
      <c r="AI14094" s="84"/>
      <c r="AM14094" s="84"/>
    </row>
    <row r="14095" spans="35:39" x14ac:dyDescent="0.35">
      <c r="AI14095" s="84"/>
      <c r="AM14095" s="84"/>
    </row>
    <row r="14096" spans="35:39" x14ac:dyDescent="0.35">
      <c r="AI14096" s="84"/>
      <c r="AM14096" s="84"/>
    </row>
    <row r="14097" spans="35:39" x14ac:dyDescent="0.35">
      <c r="AI14097" s="84"/>
      <c r="AM14097" s="84"/>
    </row>
    <row r="14098" spans="35:39" x14ac:dyDescent="0.35">
      <c r="AI14098" s="84"/>
      <c r="AM14098" s="84"/>
    </row>
    <row r="14099" spans="35:39" x14ac:dyDescent="0.35">
      <c r="AI14099" s="84"/>
      <c r="AM14099" s="84"/>
    </row>
    <row r="14100" spans="35:39" x14ac:dyDescent="0.35">
      <c r="AI14100" s="84"/>
      <c r="AM14100" s="84"/>
    </row>
    <row r="14101" spans="35:39" x14ac:dyDescent="0.35">
      <c r="AI14101" s="84"/>
      <c r="AM14101" s="84"/>
    </row>
    <row r="14102" spans="35:39" x14ac:dyDescent="0.35">
      <c r="AI14102" s="84"/>
      <c r="AM14102" s="84"/>
    </row>
    <row r="14103" spans="35:39" x14ac:dyDescent="0.35">
      <c r="AI14103" s="84"/>
      <c r="AM14103" s="84"/>
    </row>
    <row r="14104" spans="35:39" x14ac:dyDescent="0.35">
      <c r="AI14104" s="84"/>
      <c r="AM14104" s="84"/>
    </row>
    <row r="14105" spans="35:39" x14ac:dyDescent="0.35">
      <c r="AI14105" s="84"/>
      <c r="AM14105" s="84"/>
    </row>
    <row r="14106" spans="35:39" x14ac:dyDescent="0.35">
      <c r="AI14106" s="84"/>
      <c r="AM14106" s="84"/>
    </row>
    <row r="14107" spans="35:39" x14ac:dyDescent="0.35">
      <c r="AI14107" s="84"/>
      <c r="AM14107" s="84"/>
    </row>
    <row r="14108" spans="35:39" x14ac:dyDescent="0.35">
      <c r="AI14108" s="84"/>
      <c r="AM14108" s="84"/>
    </row>
    <row r="14109" spans="35:39" x14ac:dyDescent="0.35">
      <c r="AI14109" s="84"/>
      <c r="AM14109" s="84"/>
    </row>
    <row r="14110" spans="35:39" x14ac:dyDescent="0.35">
      <c r="AI14110" s="84"/>
      <c r="AM14110" s="84"/>
    </row>
    <row r="14111" spans="35:39" x14ac:dyDescent="0.35">
      <c r="AI14111" s="84"/>
      <c r="AM14111" s="84"/>
    </row>
    <row r="14112" spans="35:39" x14ac:dyDescent="0.35">
      <c r="AI14112" s="84"/>
      <c r="AM14112" s="84"/>
    </row>
    <row r="14113" spans="35:39" x14ac:dyDescent="0.35">
      <c r="AI14113" s="84"/>
      <c r="AM14113" s="84"/>
    </row>
    <row r="14114" spans="35:39" x14ac:dyDescent="0.35">
      <c r="AI14114" s="84"/>
      <c r="AM14114" s="84"/>
    </row>
    <row r="14115" spans="35:39" x14ac:dyDescent="0.35">
      <c r="AI14115" s="84"/>
      <c r="AM14115" s="84"/>
    </row>
    <row r="14116" spans="35:39" x14ac:dyDescent="0.35">
      <c r="AI14116" s="84"/>
      <c r="AM14116" s="84"/>
    </row>
    <row r="14117" spans="35:39" x14ac:dyDescent="0.35">
      <c r="AI14117" s="84"/>
      <c r="AM14117" s="84"/>
    </row>
    <row r="14118" spans="35:39" x14ac:dyDescent="0.35">
      <c r="AI14118" s="84"/>
      <c r="AM14118" s="84"/>
    </row>
    <row r="14119" spans="35:39" x14ac:dyDescent="0.35">
      <c r="AI14119" s="84"/>
      <c r="AM14119" s="84"/>
    </row>
    <row r="14120" spans="35:39" x14ac:dyDescent="0.35">
      <c r="AI14120" s="84"/>
      <c r="AM14120" s="84"/>
    </row>
    <row r="14121" spans="35:39" x14ac:dyDescent="0.35">
      <c r="AI14121" s="84"/>
      <c r="AM14121" s="84"/>
    </row>
    <row r="14122" spans="35:39" x14ac:dyDescent="0.35">
      <c r="AI14122" s="84"/>
      <c r="AM14122" s="84"/>
    </row>
    <row r="14123" spans="35:39" x14ac:dyDescent="0.35">
      <c r="AI14123" s="84"/>
      <c r="AM14123" s="84"/>
    </row>
    <row r="14124" spans="35:39" x14ac:dyDescent="0.35">
      <c r="AI14124" s="84"/>
      <c r="AM14124" s="84"/>
    </row>
    <row r="14125" spans="35:39" x14ac:dyDescent="0.35">
      <c r="AI14125" s="84"/>
      <c r="AM14125" s="84"/>
    </row>
    <row r="14126" spans="35:39" x14ac:dyDescent="0.35">
      <c r="AI14126" s="84"/>
      <c r="AM14126" s="84"/>
    </row>
    <row r="14127" spans="35:39" x14ac:dyDescent="0.35">
      <c r="AI14127" s="84"/>
      <c r="AM14127" s="84"/>
    </row>
    <row r="14128" spans="35:39" x14ac:dyDescent="0.35">
      <c r="AI14128" s="84"/>
      <c r="AM14128" s="84"/>
    </row>
    <row r="14129" spans="35:39" x14ac:dyDescent="0.35">
      <c r="AI14129" s="84"/>
      <c r="AM14129" s="84"/>
    </row>
    <row r="14130" spans="35:39" x14ac:dyDescent="0.35">
      <c r="AI14130" s="84"/>
      <c r="AM14130" s="84"/>
    </row>
    <row r="14131" spans="35:39" x14ac:dyDescent="0.35">
      <c r="AI14131" s="84"/>
      <c r="AM14131" s="84"/>
    </row>
    <row r="14132" spans="35:39" x14ac:dyDescent="0.35">
      <c r="AI14132" s="84"/>
      <c r="AM14132" s="84"/>
    </row>
    <row r="14133" spans="35:39" x14ac:dyDescent="0.35">
      <c r="AI14133" s="84"/>
      <c r="AM14133" s="84"/>
    </row>
    <row r="14134" spans="35:39" x14ac:dyDescent="0.35">
      <c r="AI14134" s="84"/>
      <c r="AM14134" s="84"/>
    </row>
    <row r="14135" spans="35:39" x14ac:dyDescent="0.35">
      <c r="AI14135" s="84"/>
      <c r="AM14135" s="84"/>
    </row>
    <row r="14136" spans="35:39" x14ac:dyDescent="0.35">
      <c r="AI14136" s="84"/>
      <c r="AM14136" s="84"/>
    </row>
    <row r="14137" spans="35:39" x14ac:dyDescent="0.35">
      <c r="AI14137" s="84"/>
      <c r="AM14137" s="84"/>
    </row>
    <row r="14138" spans="35:39" x14ac:dyDescent="0.35">
      <c r="AI14138" s="84"/>
      <c r="AM14138" s="84"/>
    </row>
    <row r="14139" spans="35:39" x14ac:dyDescent="0.35">
      <c r="AI14139" s="84"/>
      <c r="AM14139" s="84"/>
    </row>
    <row r="14140" spans="35:39" x14ac:dyDescent="0.35">
      <c r="AI14140" s="84"/>
      <c r="AM14140" s="84"/>
    </row>
    <row r="14141" spans="35:39" x14ac:dyDescent="0.35">
      <c r="AI14141" s="84"/>
      <c r="AM14141" s="84"/>
    </row>
    <row r="14142" spans="35:39" x14ac:dyDescent="0.35">
      <c r="AI14142" s="84"/>
      <c r="AM14142" s="84"/>
    </row>
    <row r="14143" spans="35:39" x14ac:dyDescent="0.35">
      <c r="AI14143" s="84"/>
      <c r="AM14143" s="84"/>
    </row>
    <row r="14144" spans="35:39" x14ac:dyDescent="0.35">
      <c r="AI14144" s="84"/>
      <c r="AM14144" s="84"/>
    </row>
    <row r="14145" spans="35:39" x14ac:dyDescent="0.35">
      <c r="AI14145" s="84"/>
      <c r="AM14145" s="84"/>
    </row>
    <row r="14146" spans="35:39" x14ac:dyDescent="0.35">
      <c r="AI14146" s="84"/>
      <c r="AM14146" s="84"/>
    </row>
    <row r="14147" spans="35:39" x14ac:dyDescent="0.35">
      <c r="AI14147" s="84"/>
      <c r="AM14147" s="84"/>
    </row>
    <row r="14148" spans="35:39" x14ac:dyDescent="0.35">
      <c r="AI14148" s="84"/>
      <c r="AM14148" s="84"/>
    </row>
    <row r="14149" spans="35:39" x14ac:dyDescent="0.35">
      <c r="AI14149" s="84"/>
      <c r="AM14149" s="84"/>
    </row>
    <row r="14150" spans="35:39" x14ac:dyDescent="0.35">
      <c r="AI14150" s="84"/>
      <c r="AM14150" s="84"/>
    </row>
    <row r="14151" spans="35:39" x14ac:dyDescent="0.35">
      <c r="AI14151" s="84"/>
      <c r="AM14151" s="84"/>
    </row>
    <row r="14152" spans="35:39" x14ac:dyDescent="0.35">
      <c r="AI14152" s="84"/>
      <c r="AM14152" s="84"/>
    </row>
    <row r="14153" spans="35:39" x14ac:dyDescent="0.35">
      <c r="AI14153" s="84"/>
      <c r="AM14153" s="84"/>
    </row>
    <row r="14154" spans="35:39" x14ac:dyDescent="0.35">
      <c r="AI14154" s="84"/>
      <c r="AM14154" s="84"/>
    </row>
    <row r="14155" spans="35:39" x14ac:dyDescent="0.35">
      <c r="AI14155" s="84"/>
      <c r="AM14155" s="84"/>
    </row>
    <row r="14156" spans="35:39" x14ac:dyDescent="0.35">
      <c r="AI14156" s="84"/>
      <c r="AM14156" s="84"/>
    </row>
    <row r="14157" spans="35:39" x14ac:dyDescent="0.35">
      <c r="AI14157" s="84"/>
      <c r="AM14157" s="84"/>
    </row>
    <row r="14158" spans="35:39" x14ac:dyDescent="0.35">
      <c r="AI14158" s="84"/>
      <c r="AM14158" s="84"/>
    </row>
    <row r="14159" spans="35:39" x14ac:dyDescent="0.35">
      <c r="AI14159" s="84"/>
      <c r="AM14159" s="84"/>
    </row>
    <row r="14160" spans="35:39" x14ac:dyDescent="0.35">
      <c r="AI14160" s="84"/>
      <c r="AM14160" s="84"/>
    </row>
    <row r="14161" spans="35:39" x14ac:dyDescent="0.35">
      <c r="AI14161" s="84"/>
      <c r="AM14161" s="84"/>
    </row>
    <row r="14162" spans="35:39" x14ac:dyDescent="0.35">
      <c r="AI14162" s="84"/>
      <c r="AM14162" s="84"/>
    </row>
    <row r="14163" spans="35:39" x14ac:dyDescent="0.35">
      <c r="AI14163" s="84"/>
      <c r="AM14163" s="84"/>
    </row>
    <row r="14164" spans="35:39" x14ac:dyDescent="0.35">
      <c r="AI14164" s="84"/>
      <c r="AM14164" s="84"/>
    </row>
    <row r="14165" spans="35:39" x14ac:dyDescent="0.35">
      <c r="AI14165" s="84"/>
      <c r="AM14165" s="84"/>
    </row>
    <row r="14166" spans="35:39" x14ac:dyDescent="0.35">
      <c r="AI14166" s="84"/>
      <c r="AM14166" s="84"/>
    </row>
    <row r="14167" spans="35:39" x14ac:dyDescent="0.35">
      <c r="AI14167" s="84"/>
      <c r="AM14167" s="84"/>
    </row>
    <row r="14168" spans="35:39" x14ac:dyDescent="0.35">
      <c r="AI14168" s="84"/>
      <c r="AM14168" s="84"/>
    </row>
    <row r="14169" spans="35:39" x14ac:dyDescent="0.35">
      <c r="AI14169" s="84"/>
      <c r="AM14169" s="84"/>
    </row>
    <row r="14170" spans="35:39" x14ac:dyDescent="0.35">
      <c r="AI14170" s="84"/>
      <c r="AM14170" s="84"/>
    </row>
    <row r="14171" spans="35:39" x14ac:dyDescent="0.35">
      <c r="AI14171" s="84"/>
      <c r="AM14171" s="84"/>
    </row>
    <row r="14172" spans="35:39" x14ac:dyDescent="0.35">
      <c r="AI14172" s="84"/>
      <c r="AM14172" s="84"/>
    </row>
    <row r="14173" spans="35:39" x14ac:dyDescent="0.35">
      <c r="AI14173" s="84"/>
      <c r="AM14173" s="84"/>
    </row>
    <row r="14174" spans="35:39" x14ac:dyDescent="0.35">
      <c r="AI14174" s="84"/>
      <c r="AM14174" s="84"/>
    </row>
    <row r="14175" spans="35:39" x14ac:dyDescent="0.35">
      <c r="AI14175" s="84"/>
      <c r="AM14175" s="84"/>
    </row>
    <row r="14176" spans="35:39" x14ac:dyDescent="0.35">
      <c r="AI14176" s="84"/>
      <c r="AM14176" s="84"/>
    </row>
    <row r="14177" spans="35:39" x14ac:dyDescent="0.35">
      <c r="AI14177" s="84"/>
      <c r="AM14177" s="84"/>
    </row>
    <row r="14178" spans="35:39" x14ac:dyDescent="0.35">
      <c r="AI14178" s="84"/>
      <c r="AM14178" s="84"/>
    </row>
    <row r="14179" spans="35:39" x14ac:dyDescent="0.35">
      <c r="AI14179" s="84"/>
      <c r="AM14179" s="84"/>
    </row>
    <row r="14180" spans="35:39" x14ac:dyDescent="0.35">
      <c r="AI14180" s="84"/>
      <c r="AM14180" s="84"/>
    </row>
    <row r="14181" spans="35:39" x14ac:dyDescent="0.35">
      <c r="AI14181" s="84"/>
      <c r="AM14181" s="84"/>
    </row>
    <row r="14182" spans="35:39" x14ac:dyDescent="0.35">
      <c r="AI14182" s="84"/>
      <c r="AM14182" s="84"/>
    </row>
    <row r="14183" spans="35:39" x14ac:dyDescent="0.35">
      <c r="AI14183" s="84"/>
      <c r="AM14183" s="84"/>
    </row>
    <row r="14184" spans="35:39" x14ac:dyDescent="0.35">
      <c r="AI14184" s="84"/>
      <c r="AM14184" s="84"/>
    </row>
    <row r="14185" spans="35:39" x14ac:dyDescent="0.35">
      <c r="AI14185" s="84"/>
      <c r="AM14185" s="84"/>
    </row>
    <row r="14186" spans="35:39" x14ac:dyDescent="0.35">
      <c r="AI14186" s="84"/>
      <c r="AM14186" s="84"/>
    </row>
    <row r="14187" spans="35:39" x14ac:dyDescent="0.35">
      <c r="AI14187" s="84"/>
      <c r="AM14187" s="84"/>
    </row>
    <row r="14188" spans="35:39" x14ac:dyDescent="0.35">
      <c r="AI14188" s="84"/>
      <c r="AM14188" s="84"/>
    </row>
    <row r="14189" spans="35:39" x14ac:dyDescent="0.35">
      <c r="AI14189" s="84"/>
      <c r="AM14189" s="84"/>
    </row>
    <row r="14190" spans="35:39" x14ac:dyDescent="0.35">
      <c r="AI14190" s="84"/>
      <c r="AM14190" s="84"/>
    </row>
    <row r="14191" spans="35:39" x14ac:dyDescent="0.35">
      <c r="AI14191" s="84"/>
      <c r="AM14191" s="84"/>
    </row>
    <row r="14192" spans="35:39" x14ac:dyDescent="0.35">
      <c r="AI14192" s="84"/>
      <c r="AM14192" s="84"/>
    </row>
    <row r="14193" spans="35:39" x14ac:dyDescent="0.35">
      <c r="AI14193" s="84"/>
      <c r="AM14193" s="84"/>
    </row>
    <row r="14194" spans="35:39" x14ac:dyDescent="0.35">
      <c r="AI14194" s="84"/>
      <c r="AM14194" s="84"/>
    </row>
    <row r="14195" spans="35:39" x14ac:dyDescent="0.35">
      <c r="AI14195" s="84"/>
      <c r="AM14195" s="84"/>
    </row>
    <row r="14196" spans="35:39" x14ac:dyDescent="0.35">
      <c r="AI14196" s="84"/>
      <c r="AM14196" s="84"/>
    </row>
    <row r="14197" spans="35:39" x14ac:dyDescent="0.35">
      <c r="AI14197" s="84"/>
      <c r="AM14197" s="84"/>
    </row>
    <row r="14198" spans="35:39" x14ac:dyDescent="0.35">
      <c r="AI14198" s="84"/>
      <c r="AM14198" s="84"/>
    </row>
    <row r="14199" spans="35:39" x14ac:dyDescent="0.35">
      <c r="AI14199" s="84"/>
      <c r="AM14199" s="84"/>
    </row>
    <row r="14200" spans="35:39" x14ac:dyDescent="0.35">
      <c r="AI14200" s="84"/>
      <c r="AM14200" s="84"/>
    </row>
    <row r="14201" spans="35:39" x14ac:dyDescent="0.35">
      <c r="AI14201" s="84"/>
      <c r="AM14201" s="84"/>
    </row>
    <row r="14202" spans="35:39" x14ac:dyDescent="0.35">
      <c r="AI14202" s="84"/>
      <c r="AM14202" s="84"/>
    </row>
    <row r="14203" spans="35:39" x14ac:dyDescent="0.35">
      <c r="AI14203" s="84"/>
      <c r="AM14203" s="84"/>
    </row>
    <row r="14204" spans="35:39" x14ac:dyDescent="0.35">
      <c r="AI14204" s="84"/>
      <c r="AM14204" s="84"/>
    </row>
    <row r="14205" spans="35:39" x14ac:dyDescent="0.35">
      <c r="AI14205" s="84"/>
      <c r="AM14205" s="84"/>
    </row>
    <row r="14206" spans="35:39" x14ac:dyDescent="0.35">
      <c r="AI14206" s="84"/>
      <c r="AM14206" s="84"/>
    </row>
    <row r="14207" spans="35:39" x14ac:dyDescent="0.35">
      <c r="AI14207" s="84"/>
      <c r="AM14207" s="84"/>
    </row>
    <row r="14208" spans="35:39" x14ac:dyDescent="0.35">
      <c r="AI14208" s="84"/>
      <c r="AM14208" s="84"/>
    </row>
    <row r="14209" spans="35:39" x14ac:dyDescent="0.35">
      <c r="AI14209" s="84"/>
      <c r="AM14209" s="84"/>
    </row>
    <row r="14210" spans="35:39" x14ac:dyDescent="0.35">
      <c r="AI14210" s="84"/>
      <c r="AM14210" s="84"/>
    </row>
    <row r="14211" spans="35:39" x14ac:dyDescent="0.35">
      <c r="AI14211" s="84"/>
      <c r="AM14211" s="84"/>
    </row>
    <row r="14212" spans="35:39" x14ac:dyDescent="0.35">
      <c r="AI14212" s="84"/>
      <c r="AM14212" s="84"/>
    </row>
    <row r="14213" spans="35:39" x14ac:dyDescent="0.35">
      <c r="AI14213" s="84"/>
      <c r="AM14213" s="84"/>
    </row>
    <row r="14214" spans="35:39" x14ac:dyDescent="0.35">
      <c r="AI14214" s="84"/>
      <c r="AM14214" s="84"/>
    </row>
    <row r="14215" spans="35:39" x14ac:dyDescent="0.35">
      <c r="AI14215" s="84"/>
      <c r="AM14215" s="84"/>
    </row>
    <row r="14216" spans="35:39" x14ac:dyDescent="0.35">
      <c r="AI14216" s="84"/>
      <c r="AM14216" s="84"/>
    </row>
    <row r="14217" spans="35:39" x14ac:dyDescent="0.35">
      <c r="AI14217" s="84"/>
      <c r="AM14217" s="84"/>
    </row>
    <row r="14218" spans="35:39" x14ac:dyDescent="0.35">
      <c r="AI14218" s="84"/>
      <c r="AM14218" s="84"/>
    </row>
    <row r="14219" spans="35:39" x14ac:dyDescent="0.35">
      <c r="AI14219" s="84"/>
      <c r="AM14219" s="84"/>
    </row>
    <row r="14220" spans="35:39" x14ac:dyDescent="0.35">
      <c r="AI14220" s="84"/>
      <c r="AM14220" s="84"/>
    </row>
    <row r="14221" spans="35:39" x14ac:dyDescent="0.35">
      <c r="AI14221" s="84"/>
      <c r="AM14221" s="84"/>
    </row>
    <row r="14222" spans="35:39" x14ac:dyDescent="0.35">
      <c r="AI14222" s="84"/>
      <c r="AM14222" s="84"/>
    </row>
    <row r="14223" spans="35:39" x14ac:dyDescent="0.35">
      <c r="AI14223" s="84"/>
      <c r="AM14223" s="84"/>
    </row>
    <row r="14224" spans="35:39" x14ac:dyDescent="0.35">
      <c r="AI14224" s="84"/>
      <c r="AM14224" s="84"/>
    </row>
    <row r="14225" spans="35:39" x14ac:dyDescent="0.35">
      <c r="AI14225" s="84"/>
      <c r="AM14225" s="84"/>
    </row>
    <row r="14226" spans="35:39" x14ac:dyDescent="0.35">
      <c r="AI14226" s="84"/>
      <c r="AM14226" s="84"/>
    </row>
    <row r="14227" spans="35:39" x14ac:dyDescent="0.35">
      <c r="AI14227" s="84"/>
      <c r="AM14227" s="84"/>
    </row>
    <row r="14228" spans="35:39" x14ac:dyDescent="0.35">
      <c r="AI14228" s="84"/>
      <c r="AM14228" s="84"/>
    </row>
    <row r="14229" spans="35:39" x14ac:dyDescent="0.35">
      <c r="AI14229" s="84"/>
      <c r="AM14229" s="84"/>
    </row>
    <row r="14230" spans="35:39" x14ac:dyDescent="0.35">
      <c r="AI14230" s="84"/>
      <c r="AM14230" s="84"/>
    </row>
    <row r="14231" spans="35:39" x14ac:dyDescent="0.35">
      <c r="AI14231" s="84"/>
      <c r="AM14231" s="84"/>
    </row>
    <row r="14232" spans="35:39" x14ac:dyDescent="0.35">
      <c r="AI14232" s="84"/>
      <c r="AM14232" s="84"/>
    </row>
    <row r="14233" spans="35:39" x14ac:dyDescent="0.35">
      <c r="AI14233" s="84"/>
      <c r="AM14233" s="84"/>
    </row>
    <row r="14234" spans="35:39" x14ac:dyDescent="0.35">
      <c r="AI14234" s="84"/>
      <c r="AM14234" s="84"/>
    </row>
    <row r="14235" spans="35:39" x14ac:dyDescent="0.35">
      <c r="AI14235" s="84"/>
      <c r="AM14235" s="84"/>
    </row>
    <row r="14236" spans="35:39" x14ac:dyDescent="0.35">
      <c r="AI14236" s="84"/>
      <c r="AM14236" s="84"/>
    </row>
    <row r="14237" spans="35:39" x14ac:dyDescent="0.35">
      <c r="AI14237" s="84"/>
      <c r="AM14237" s="84"/>
    </row>
    <row r="14238" spans="35:39" x14ac:dyDescent="0.35">
      <c r="AI14238" s="84"/>
      <c r="AM14238" s="84"/>
    </row>
    <row r="14239" spans="35:39" x14ac:dyDescent="0.35">
      <c r="AI14239" s="84"/>
      <c r="AM14239" s="84"/>
    </row>
    <row r="14240" spans="35:39" x14ac:dyDescent="0.35">
      <c r="AI14240" s="84"/>
      <c r="AM14240" s="84"/>
    </row>
    <row r="14241" spans="35:39" x14ac:dyDescent="0.35">
      <c r="AI14241" s="84"/>
      <c r="AM14241" s="84"/>
    </row>
    <row r="14242" spans="35:39" x14ac:dyDescent="0.35">
      <c r="AI14242" s="84"/>
      <c r="AM14242" s="84"/>
    </row>
    <row r="14243" spans="35:39" x14ac:dyDescent="0.35">
      <c r="AI14243" s="84"/>
      <c r="AM14243" s="84"/>
    </row>
    <row r="14244" spans="35:39" x14ac:dyDescent="0.35">
      <c r="AI14244" s="84"/>
      <c r="AM14244" s="84"/>
    </row>
    <row r="14245" spans="35:39" x14ac:dyDescent="0.35">
      <c r="AI14245" s="84"/>
      <c r="AM14245" s="84"/>
    </row>
    <row r="14246" spans="35:39" x14ac:dyDescent="0.35">
      <c r="AI14246" s="84"/>
      <c r="AM14246" s="84"/>
    </row>
    <row r="14247" spans="35:39" x14ac:dyDescent="0.35">
      <c r="AI14247" s="84"/>
      <c r="AM14247" s="84"/>
    </row>
    <row r="14248" spans="35:39" x14ac:dyDescent="0.35">
      <c r="AI14248" s="84"/>
      <c r="AM14248" s="84"/>
    </row>
    <row r="14249" spans="35:39" x14ac:dyDescent="0.35">
      <c r="AI14249" s="84"/>
      <c r="AM14249" s="84"/>
    </row>
    <row r="14250" spans="35:39" x14ac:dyDescent="0.35">
      <c r="AI14250" s="84"/>
      <c r="AM14250" s="84"/>
    </row>
    <row r="14251" spans="35:39" x14ac:dyDescent="0.35">
      <c r="AI14251" s="84"/>
      <c r="AM14251" s="84"/>
    </row>
    <row r="14252" spans="35:39" x14ac:dyDescent="0.35">
      <c r="AI14252" s="84"/>
      <c r="AM14252" s="84"/>
    </row>
    <row r="14253" spans="35:39" x14ac:dyDescent="0.35">
      <c r="AI14253" s="84"/>
      <c r="AM14253" s="84"/>
    </row>
    <row r="14254" spans="35:39" x14ac:dyDescent="0.35">
      <c r="AI14254" s="84"/>
      <c r="AM14254" s="84"/>
    </row>
    <row r="14255" spans="35:39" x14ac:dyDescent="0.35">
      <c r="AI14255" s="84"/>
      <c r="AM14255" s="84"/>
    </row>
    <row r="14256" spans="35:39" x14ac:dyDescent="0.35">
      <c r="AI14256" s="84"/>
      <c r="AM14256" s="84"/>
    </row>
    <row r="14257" spans="35:39" x14ac:dyDescent="0.35">
      <c r="AI14257" s="84"/>
      <c r="AM14257" s="84"/>
    </row>
    <row r="14258" spans="35:39" x14ac:dyDescent="0.35">
      <c r="AI14258" s="84"/>
      <c r="AM14258" s="84"/>
    </row>
    <row r="14259" spans="35:39" x14ac:dyDescent="0.35">
      <c r="AI14259" s="84"/>
      <c r="AM14259" s="84"/>
    </row>
    <row r="14260" spans="35:39" x14ac:dyDescent="0.35">
      <c r="AI14260" s="84"/>
      <c r="AM14260" s="84"/>
    </row>
    <row r="14261" spans="35:39" x14ac:dyDescent="0.35">
      <c r="AI14261" s="84"/>
      <c r="AM14261" s="84"/>
    </row>
    <row r="14262" spans="35:39" x14ac:dyDescent="0.35">
      <c r="AI14262" s="84"/>
      <c r="AM14262" s="84"/>
    </row>
    <row r="14263" spans="35:39" x14ac:dyDescent="0.35">
      <c r="AI14263" s="84"/>
      <c r="AM14263" s="84"/>
    </row>
    <row r="14264" spans="35:39" x14ac:dyDescent="0.35">
      <c r="AI14264" s="84"/>
      <c r="AM14264" s="84"/>
    </row>
    <row r="14265" spans="35:39" x14ac:dyDescent="0.35">
      <c r="AI14265" s="84"/>
      <c r="AM14265" s="84"/>
    </row>
    <row r="14266" spans="35:39" x14ac:dyDescent="0.35">
      <c r="AI14266" s="84"/>
      <c r="AM14266" s="84"/>
    </row>
    <row r="14267" spans="35:39" x14ac:dyDescent="0.35">
      <c r="AI14267" s="84"/>
      <c r="AM14267" s="84"/>
    </row>
    <row r="14268" spans="35:39" x14ac:dyDescent="0.35">
      <c r="AI14268" s="84"/>
      <c r="AM14268" s="84"/>
    </row>
    <row r="14269" spans="35:39" x14ac:dyDescent="0.35">
      <c r="AI14269" s="84"/>
      <c r="AM14269" s="84"/>
    </row>
    <row r="14270" spans="35:39" x14ac:dyDescent="0.35">
      <c r="AI14270" s="84"/>
      <c r="AM14270" s="84"/>
    </row>
    <row r="14271" spans="35:39" x14ac:dyDescent="0.35">
      <c r="AI14271" s="84"/>
      <c r="AM14271" s="84"/>
    </row>
    <row r="14272" spans="35:39" x14ac:dyDescent="0.35">
      <c r="AI14272" s="84"/>
      <c r="AM14272" s="84"/>
    </row>
    <row r="14273" spans="35:39" x14ac:dyDescent="0.35">
      <c r="AI14273" s="84"/>
      <c r="AM14273" s="84"/>
    </row>
    <row r="14274" spans="35:39" x14ac:dyDescent="0.35">
      <c r="AI14274" s="84"/>
      <c r="AM14274" s="84"/>
    </row>
    <row r="14275" spans="35:39" x14ac:dyDescent="0.35">
      <c r="AI14275" s="84"/>
      <c r="AM14275" s="84"/>
    </row>
    <row r="14276" spans="35:39" x14ac:dyDescent="0.35">
      <c r="AI14276" s="84"/>
      <c r="AM14276" s="84"/>
    </row>
    <row r="14277" spans="35:39" x14ac:dyDescent="0.35">
      <c r="AI14277" s="84"/>
      <c r="AM14277" s="84"/>
    </row>
    <row r="14278" spans="35:39" x14ac:dyDescent="0.35">
      <c r="AI14278" s="84"/>
      <c r="AM14278" s="84"/>
    </row>
    <row r="14279" spans="35:39" x14ac:dyDescent="0.35">
      <c r="AI14279" s="84"/>
      <c r="AM14279" s="84"/>
    </row>
    <row r="14280" spans="35:39" x14ac:dyDescent="0.35">
      <c r="AI14280" s="84"/>
      <c r="AM14280" s="84"/>
    </row>
    <row r="14281" spans="35:39" x14ac:dyDescent="0.35">
      <c r="AI14281" s="84"/>
      <c r="AM14281" s="84"/>
    </row>
    <row r="14282" spans="35:39" x14ac:dyDescent="0.35">
      <c r="AI14282" s="84"/>
      <c r="AM14282" s="84"/>
    </row>
    <row r="14283" spans="35:39" x14ac:dyDescent="0.35">
      <c r="AI14283" s="84"/>
      <c r="AM14283" s="84"/>
    </row>
    <row r="14284" spans="35:39" x14ac:dyDescent="0.35">
      <c r="AI14284" s="84"/>
      <c r="AM14284" s="84"/>
    </row>
    <row r="14285" spans="35:39" x14ac:dyDescent="0.35">
      <c r="AI14285" s="84"/>
      <c r="AM14285" s="84"/>
    </row>
    <row r="14286" spans="35:39" x14ac:dyDescent="0.35">
      <c r="AI14286" s="84"/>
      <c r="AM14286" s="84"/>
    </row>
    <row r="14287" spans="35:39" x14ac:dyDescent="0.35">
      <c r="AI14287" s="84"/>
      <c r="AM14287" s="84"/>
    </row>
    <row r="14288" spans="35:39" x14ac:dyDescent="0.35">
      <c r="AI14288" s="84"/>
      <c r="AM14288" s="84"/>
    </row>
    <row r="14289" spans="35:39" x14ac:dyDescent="0.35">
      <c r="AI14289" s="84"/>
      <c r="AM14289" s="84"/>
    </row>
    <row r="14290" spans="35:39" x14ac:dyDescent="0.35">
      <c r="AI14290" s="84"/>
      <c r="AM14290" s="84"/>
    </row>
    <row r="14291" spans="35:39" x14ac:dyDescent="0.35">
      <c r="AI14291" s="84"/>
      <c r="AM14291" s="84"/>
    </row>
    <row r="14292" spans="35:39" x14ac:dyDescent="0.35">
      <c r="AI14292" s="84"/>
      <c r="AM14292" s="84"/>
    </row>
    <row r="14293" spans="35:39" x14ac:dyDescent="0.35">
      <c r="AI14293" s="84"/>
      <c r="AM14293" s="84"/>
    </row>
    <row r="14294" spans="35:39" x14ac:dyDescent="0.35">
      <c r="AI14294" s="84"/>
      <c r="AM14294" s="84"/>
    </row>
    <row r="14295" spans="35:39" x14ac:dyDescent="0.35">
      <c r="AI14295" s="84"/>
      <c r="AM14295" s="84"/>
    </row>
    <row r="14296" spans="35:39" x14ac:dyDescent="0.35">
      <c r="AI14296" s="84"/>
      <c r="AM14296" s="84"/>
    </row>
    <row r="14297" spans="35:39" x14ac:dyDescent="0.35">
      <c r="AI14297" s="84"/>
      <c r="AM14297" s="84"/>
    </row>
    <row r="14298" spans="35:39" x14ac:dyDescent="0.35">
      <c r="AI14298" s="84"/>
      <c r="AM14298" s="84"/>
    </row>
    <row r="14299" spans="35:39" x14ac:dyDescent="0.35">
      <c r="AI14299" s="84"/>
      <c r="AM14299" s="84"/>
    </row>
    <row r="14300" spans="35:39" x14ac:dyDescent="0.35">
      <c r="AI14300" s="84"/>
      <c r="AM14300" s="84"/>
    </row>
    <row r="14301" spans="35:39" x14ac:dyDescent="0.35">
      <c r="AI14301" s="84"/>
      <c r="AM14301" s="84"/>
    </row>
    <row r="14302" spans="35:39" x14ac:dyDescent="0.35">
      <c r="AI14302" s="84"/>
      <c r="AM14302" s="84"/>
    </row>
    <row r="14303" spans="35:39" x14ac:dyDescent="0.35">
      <c r="AI14303" s="84"/>
      <c r="AM14303" s="84"/>
    </row>
    <row r="14304" spans="35:39" x14ac:dyDescent="0.35">
      <c r="AI14304" s="84"/>
      <c r="AM14304" s="84"/>
    </row>
    <row r="14305" spans="35:39" x14ac:dyDescent="0.35">
      <c r="AI14305" s="84"/>
      <c r="AM14305" s="84"/>
    </row>
    <row r="14306" spans="35:39" x14ac:dyDescent="0.35">
      <c r="AI14306" s="84"/>
      <c r="AM14306" s="84"/>
    </row>
    <row r="14307" spans="35:39" x14ac:dyDescent="0.35">
      <c r="AI14307" s="84"/>
      <c r="AM14307" s="84"/>
    </row>
    <row r="14308" spans="35:39" x14ac:dyDescent="0.35">
      <c r="AI14308" s="84"/>
      <c r="AM14308" s="84"/>
    </row>
    <row r="14309" spans="35:39" x14ac:dyDescent="0.35">
      <c r="AI14309" s="84"/>
      <c r="AM14309" s="84"/>
    </row>
    <row r="14310" spans="35:39" x14ac:dyDescent="0.35">
      <c r="AI14310" s="84"/>
      <c r="AM14310" s="84"/>
    </row>
    <row r="14311" spans="35:39" x14ac:dyDescent="0.35">
      <c r="AI14311" s="84"/>
      <c r="AM14311" s="84"/>
    </row>
    <row r="14312" spans="35:39" x14ac:dyDescent="0.35">
      <c r="AI14312" s="84"/>
      <c r="AM14312" s="84"/>
    </row>
    <row r="14313" spans="35:39" x14ac:dyDescent="0.35">
      <c r="AI14313" s="84"/>
      <c r="AM14313" s="84"/>
    </row>
    <row r="14314" spans="35:39" x14ac:dyDescent="0.35">
      <c r="AI14314" s="84"/>
      <c r="AM14314" s="84"/>
    </row>
    <row r="14315" spans="35:39" x14ac:dyDescent="0.35">
      <c r="AI14315" s="84"/>
      <c r="AM14315" s="84"/>
    </row>
    <row r="14316" spans="35:39" x14ac:dyDescent="0.35">
      <c r="AI14316" s="84"/>
      <c r="AM14316" s="84"/>
    </row>
    <row r="14317" spans="35:39" x14ac:dyDescent="0.35">
      <c r="AI14317" s="84"/>
      <c r="AM14317" s="84"/>
    </row>
    <row r="14318" spans="35:39" x14ac:dyDescent="0.35">
      <c r="AI14318" s="84"/>
      <c r="AM14318" s="84"/>
    </row>
    <row r="14319" spans="35:39" x14ac:dyDescent="0.35">
      <c r="AI14319" s="84"/>
      <c r="AM14319" s="84"/>
    </row>
    <row r="14320" spans="35:39" x14ac:dyDescent="0.35">
      <c r="AI14320" s="84"/>
      <c r="AM14320" s="84"/>
    </row>
    <row r="14321" spans="35:39" x14ac:dyDescent="0.35">
      <c r="AI14321" s="84"/>
      <c r="AM14321" s="84"/>
    </row>
    <row r="14322" spans="35:39" x14ac:dyDescent="0.35">
      <c r="AI14322" s="84"/>
      <c r="AM14322" s="84"/>
    </row>
    <row r="14323" spans="35:39" x14ac:dyDescent="0.35">
      <c r="AI14323" s="84"/>
      <c r="AM14323" s="84"/>
    </row>
    <row r="14324" spans="35:39" x14ac:dyDescent="0.35">
      <c r="AI14324" s="84"/>
      <c r="AM14324" s="84"/>
    </row>
    <row r="14325" spans="35:39" x14ac:dyDescent="0.35">
      <c r="AI14325" s="84"/>
      <c r="AM14325" s="84"/>
    </row>
    <row r="14326" spans="35:39" x14ac:dyDescent="0.35">
      <c r="AI14326" s="84"/>
      <c r="AM14326" s="84"/>
    </row>
    <row r="14327" spans="35:39" x14ac:dyDescent="0.35">
      <c r="AI14327" s="84"/>
      <c r="AM14327" s="84"/>
    </row>
    <row r="14328" spans="35:39" x14ac:dyDescent="0.35">
      <c r="AI14328" s="84"/>
      <c r="AM14328" s="84"/>
    </row>
    <row r="14329" spans="35:39" x14ac:dyDescent="0.35">
      <c r="AI14329" s="84"/>
      <c r="AM14329" s="84"/>
    </row>
    <row r="14330" spans="35:39" x14ac:dyDescent="0.35">
      <c r="AI14330" s="84"/>
      <c r="AM14330" s="84"/>
    </row>
    <row r="14331" spans="35:39" x14ac:dyDescent="0.35">
      <c r="AI14331" s="84"/>
      <c r="AM14331" s="84"/>
    </row>
    <row r="14332" spans="35:39" x14ac:dyDescent="0.35">
      <c r="AI14332" s="84"/>
      <c r="AM14332" s="84"/>
    </row>
    <row r="14333" spans="35:39" x14ac:dyDescent="0.35">
      <c r="AI14333" s="84"/>
      <c r="AM14333" s="84"/>
    </row>
    <row r="14334" spans="35:39" x14ac:dyDescent="0.35">
      <c r="AI14334" s="84"/>
      <c r="AM14334" s="84"/>
    </row>
    <row r="14335" spans="35:39" x14ac:dyDescent="0.35">
      <c r="AI14335" s="84"/>
      <c r="AM14335" s="84"/>
    </row>
    <row r="14336" spans="35:39" x14ac:dyDescent="0.35">
      <c r="AI14336" s="84"/>
      <c r="AM14336" s="84"/>
    </row>
    <row r="14337" spans="35:39" x14ac:dyDescent="0.35">
      <c r="AI14337" s="84"/>
      <c r="AM14337" s="84"/>
    </row>
    <row r="14338" spans="35:39" x14ac:dyDescent="0.35">
      <c r="AI14338" s="84"/>
      <c r="AM14338" s="84"/>
    </row>
    <row r="14339" spans="35:39" x14ac:dyDescent="0.35">
      <c r="AI14339" s="84"/>
      <c r="AM14339" s="84"/>
    </row>
    <row r="14340" spans="35:39" x14ac:dyDescent="0.35">
      <c r="AI14340" s="84"/>
      <c r="AM14340" s="84"/>
    </row>
    <row r="14341" spans="35:39" x14ac:dyDescent="0.35">
      <c r="AI14341" s="84"/>
      <c r="AM14341" s="84"/>
    </row>
    <row r="14342" spans="35:39" x14ac:dyDescent="0.35">
      <c r="AI14342" s="84"/>
      <c r="AM14342" s="84"/>
    </row>
    <row r="14343" spans="35:39" x14ac:dyDescent="0.35">
      <c r="AI14343" s="84"/>
      <c r="AM14343" s="84"/>
    </row>
    <row r="14344" spans="35:39" x14ac:dyDescent="0.35">
      <c r="AI14344" s="84"/>
      <c r="AM14344" s="84"/>
    </row>
    <row r="14345" spans="35:39" x14ac:dyDescent="0.35">
      <c r="AI14345" s="84"/>
      <c r="AM14345" s="84"/>
    </row>
    <row r="14346" spans="35:39" x14ac:dyDescent="0.35">
      <c r="AI14346" s="84"/>
      <c r="AM14346" s="84"/>
    </row>
    <row r="14347" spans="35:39" x14ac:dyDescent="0.35">
      <c r="AI14347" s="84"/>
      <c r="AM14347" s="84"/>
    </row>
    <row r="14348" spans="35:39" x14ac:dyDescent="0.35">
      <c r="AI14348" s="84"/>
      <c r="AM14348" s="84"/>
    </row>
    <row r="14349" spans="35:39" x14ac:dyDescent="0.35">
      <c r="AI14349" s="84"/>
      <c r="AM14349" s="84"/>
    </row>
    <row r="14350" spans="35:39" x14ac:dyDescent="0.35">
      <c r="AI14350" s="84"/>
      <c r="AM14350" s="84"/>
    </row>
    <row r="14351" spans="35:39" x14ac:dyDescent="0.35">
      <c r="AI14351" s="84"/>
      <c r="AM14351" s="84"/>
    </row>
    <row r="14352" spans="35:39" x14ac:dyDescent="0.35">
      <c r="AI14352" s="84"/>
      <c r="AM14352" s="84"/>
    </row>
    <row r="14353" spans="35:39" x14ac:dyDescent="0.35">
      <c r="AI14353" s="84"/>
      <c r="AM14353" s="84"/>
    </row>
    <row r="14354" spans="35:39" x14ac:dyDescent="0.35">
      <c r="AI14354" s="84"/>
      <c r="AM14354" s="84"/>
    </row>
    <row r="14355" spans="35:39" x14ac:dyDescent="0.35">
      <c r="AI14355" s="84"/>
      <c r="AM14355" s="84"/>
    </row>
    <row r="14356" spans="35:39" x14ac:dyDescent="0.35">
      <c r="AI14356" s="84"/>
      <c r="AM14356" s="84"/>
    </row>
    <row r="14357" spans="35:39" x14ac:dyDescent="0.35">
      <c r="AI14357" s="84"/>
      <c r="AM14357" s="84"/>
    </row>
    <row r="14358" spans="35:39" x14ac:dyDescent="0.35">
      <c r="AI14358" s="84"/>
      <c r="AM14358" s="84"/>
    </row>
    <row r="14359" spans="35:39" x14ac:dyDescent="0.35">
      <c r="AI14359" s="84"/>
      <c r="AM14359" s="84"/>
    </row>
    <row r="14360" spans="35:39" x14ac:dyDescent="0.35">
      <c r="AI14360" s="84"/>
      <c r="AM14360" s="84"/>
    </row>
    <row r="14361" spans="35:39" x14ac:dyDescent="0.35">
      <c r="AI14361" s="84"/>
      <c r="AM14361" s="84"/>
    </row>
    <row r="14362" spans="35:39" x14ac:dyDescent="0.35">
      <c r="AI14362" s="84"/>
      <c r="AM14362" s="84"/>
    </row>
    <row r="14363" spans="35:39" x14ac:dyDescent="0.35">
      <c r="AI14363" s="84"/>
      <c r="AM14363" s="84"/>
    </row>
    <row r="14364" spans="35:39" x14ac:dyDescent="0.35">
      <c r="AI14364" s="84"/>
      <c r="AM14364" s="84"/>
    </row>
    <row r="14365" spans="35:39" x14ac:dyDescent="0.35">
      <c r="AI14365" s="84"/>
      <c r="AM14365" s="84"/>
    </row>
    <row r="14366" spans="35:39" x14ac:dyDescent="0.35">
      <c r="AI14366" s="84"/>
      <c r="AM14366" s="84"/>
    </row>
    <row r="14367" spans="35:39" x14ac:dyDescent="0.35">
      <c r="AI14367" s="84"/>
      <c r="AM14367" s="84"/>
    </row>
    <row r="14368" spans="35:39" x14ac:dyDescent="0.35">
      <c r="AI14368" s="84"/>
      <c r="AM14368" s="84"/>
    </row>
    <row r="14369" spans="35:39" x14ac:dyDescent="0.35">
      <c r="AI14369" s="84"/>
      <c r="AM14369" s="84"/>
    </row>
    <row r="14370" spans="35:39" x14ac:dyDescent="0.35">
      <c r="AI14370" s="84"/>
      <c r="AM14370" s="84"/>
    </row>
    <row r="14371" spans="35:39" x14ac:dyDescent="0.35">
      <c r="AI14371" s="84"/>
      <c r="AM14371" s="84"/>
    </row>
    <row r="14372" spans="35:39" x14ac:dyDescent="0.35">
      <c r="AI14372" s="84"/>
      <c r="AM14372" s="84"/>
    </row>
    <row r="14373" spans="35:39" x14ac:dyDescent="0.35">
      <c r="AI14373" s="84"/>
      <c r="AM14373" s="84"/>
    </row>
    <row r="14374" spans="35:39" x14ac:dyDescent="0.35">
      <c r="AI14374" s="84"/>
      <c r="AM14374" s="84"/>
    </row>
    <row r="14375" spans="35:39" x14ac:dyDescent="0.35">
      <c r="AI14375" s="84"/>
      <c r="AM14375" s="84"/>
    </row>
    <row r="14376" spans="35:39" x14ac:dyDescent="0.35">
      <c r="AI14376" s="84"/>
      <c r="AM14376" s="84"/>
    </row>
    <row r="14377" spans="35:39" x14ac:dyDescent="0.35">
      <c r="AI14377" s="84"/>
      <c r="AM14377" s="84"/>
    </row>
    <row r="14378" spans="35:39" x14ac:dyDescent="0.35">
      <c r="AI14378" s="84"/>
      <c r="AM14378" s="84"/>
    </row>
    <row r="14379" spans="35:39" x14ac:dyDescent="0.35">
      <c r="AI14379" s="84"/>
      <c r="AM14379" s="84"/>
    </row>
    <row r="14380" spans="35:39" x14ac:dyDescent="0.35">
      <c r="AI14380" s="84"/>
      <c r="AM14380" s="84"/>
    </row>
    <row r="14381" spans="35:39" x14ac:dyDescent="0.35">
      <c r="AI14381" s="84"/>
      <c r="AM14381" s="84"/>
    </row>
    <row r="14382" spans="35:39" x14ac:dyDescent="0.35">
      <c r="AI14382" s="84"/>
      <c r="AM14382" s="84"/>
    </row>
    <row r="14383" spans="35:39" x14ac:dyDescent="0.35">
      <c r="AI14383" s="84"/>
      <c r="AM14383" s="84"/>
    </row>
    <row r="14384" spans="35:39" x14ac:dyDescent="0.35">
      <c r="AI14384" s="84"/>
      <c r="AM14384" s="84"/>
    </row>
    <row r="14385" spans="35:39" x14ac:dyDescent="0.35">
      <c r="AI14385" s="84"/>
      <c r="AM14385" s="84"/>
    </row>
    <row r="14386" spans="35:39" x14ac:dyDescent="0.35">
      <c r="AI14386" s="84"/>
      <c r="AM14386" s="84"/>
    </row>
    <row r="14387" spans="35:39" x14ac:dyDescent="0.35">
      <c r="AI14387" s="84"/>
      <c r="AM14387" s="84"/>
    </row>
    <row r="14388" spans="35:39" x14ac:dyDescent="0.35">
      <c r="AI14388" s="84"/>
      <c r="AM14388" s="84"/>
    </row>
    <row r="14389" spans="35:39" x14ac:dyDescent="0.35">
      <c r="AI14389" s="84"/>
      <c r="AM14389" s="84"/>
    </row>
    <row r="14390" spans="35:39" x14ac:dyDescent="0.35">
      <c r="AI14390" s="84"/>
      <c r="AM14390" s="84"/>
    </row>
    <row r="14391" spans="35:39" x14ac:dyDescent="0.35">
      <c r="AI14391" s="84"/>
      <c r="AM14391" s="84"/>
    </row>
    <row r="14392" spans="35:39" x14ac:dyDescent="0.35">
      <c r="AI14392" s="84"/>
      <c r="AM14392" s="84"/>
    </row>
    <row r="14393" spans="35:39" x14ac:dyDescent="0.35">
      <c r="AI14393" s="84"/>
      <c r="AM14393" s="84"/>
    </row>
    <row r="14394" spans="35:39" x14ac:dyDescent="0.35">
      <c r="AI14394" s="84"/>
      <c r="AM14394" s="84"/>
    </row>
    <row r="14395" spans="35:39" x14ac:dyDescent="0.35">
      <c r="AI14395" s="84"/>
      <c r="AM14395" s="84"/>
    </row>
    <row r="14396" spans="35:39" x14ac:dyDescent="0.35">
      <c r="AI14396" s="84"/>
      <c r="AM14396" s="84"/>
    </row>
    <row r="14397" spans="35:39" x14ac:dyDescent="0.35">
      <c r="AI14397" s="84"/>
      <c r="AM14397" s="84"/>
    </row>
    <row r="14398" spans="35:39" x14ac:dyDescent="0.35">
      <c r="AI14398" s="84"/>
      <c r="AM14398" s="84"/>
    </row>
    <row r="14399" spans="35:39" x14ac:dyDescent="0.35">
      <c r="AI14399" s="84"/>
      <c r="AM14399" s="84"/>
    </row>
    <row r="14400" spans="35:39" x14ac:dyDescent="0.35">
      <c r="AI14400" s="84"/>
      <c r="AM14400" s="84"/>
    </row>
    <row r="14401" spans="35:39" x14ac:dyDescent="0.35">
      <c r="AI14401" s="84"/>
      <c r="AM14401" s="84"/>
    </row>
    <row r="14402" spans="35:39" x14ac:dyDescent="0.35">
      <c r="AI14402" s="84"/>
      <c r="AM14402" s="84"/>
    </row>
    <row r="14403" spans="35:39" x14ac:dyDescent="0.35">
      <c r="AI14403" s="84"/>
      <c r="AM14403" s="84"/>
    </row>
    <row r="14404" spans="35:39" x14ac:dyDescent="0.35">
      <c r="AI14404" s="84"/>
      <c r="AM14404" s="84"/>
    </row>
    <row r="14405" spans="35:39" x14ac:dyDescent="0.35">
      <c r="AI14405" s="84"/>
      <c r="AM14405" s="84"/>
    </row>
    <row r="14406" spans="35:39" x14ac:dyDescent="0.35">
      <c r="AI14406" s="84"/>
      <c r="AM14406" s="84"/>
    </row>
    <row r="14407" spans="35:39" x14ac:dyDescent="0.35">
      <c r="AI14407" s="84"/>
      <c r="AM14407" s="84"/>
    </row>
    <row r="14408" spans="35:39" x14ac:dyDescent="0.35">
      <c r="AI14408" s="84"/>
      <c r="AM14408" s="84"/>
    </row>
    <row r="14409" spans="35:39" x14ac:dyDescent="0.35">
      <c r="AI14409" s="84"/>
      <c r="AM14409" s="84"/>
    </row>
    <row r="14410" spans="35:39" x14ac:dyDescent="0.35">
      <c r="AI14410" s="84"/>
      <c r="AM14410" s="84"/>
    </row>
    <row r="14411" spans="35:39" x14ac:dyDescent="0.35">
      <c r="AI14411" s="84"/>
      <c r="AM14411" s="84"/>
    </row>
    <row r="14412" spans="35:39" x14ac:dyDescent="0.35">
      <c r="AI14412" s="84"/>
      <c r="AM14412" s="84"/>
    </row>
    <row r="14413" spans="35:39" x14ac:dyDescent="0.35">
      <c r="AI14413" s="84"/>
      <c r="AM14413" s="84"/>
    </row>
    <row r="14414" spans="35:39" x14ac:dyDescent="0.35">
      <c r="AI14414" s="84"/>
      <c r="AM14414" s="84"/>
    </row>
    <row r="14415" spans="35:39" x14ac:dyDescent="0.35">
      <c r="AI14415" s="84"/>
      <c r="AM14415" s="84"/>
    </row>
    <row r="14416" spans="35:39" x14ac:dyDescent="0.35">
      <c r="AI14416" s="84"/>
      <c r="AM14416" s="84"/>
    </row>
    <row r="14417" spans="35:39" x14ac:dyDescent="0.35">
      <c r="AI14417" s="84"/>
      <c r="AM14417" s="84"/>
    </row>
    <row r="14418" spans="35:39" x14ac:dyDescent="0.35">
      <c r="AI14418" s="84"/>
      <c r="AM14418" s="84"/>
    </row>
    <row r="14419" spans="35:39" x14ac:dyDescent="0.35">
      <c r="AI14419" s="84"/>
      <c r="AM14419" s="84"/>
    </row>
    <row r="14420" spans="35:39" x14ac:dyDescent="0.35">
      <c r="AI14420" s="84"/>
      <c r="AM14420" s="84"/>
    </row>
    <row r="14421" spans="35:39" x14ac:dyDescent="0.35">
      <c r="AI14421" s="84"/>
      <c r="AM14421" s="84"/>
    </row>
    <row r="14422" spans="35:39" x14ac:dyDescent="0.35">
      <c r="AI14422" s="84"/>
      <c r="AM14422" s="84"/>
    </row>
    <row r="14423" spans="35:39" x14ac:dyDescent="0.35">
      <c r="AI14423" s="84"/>
      <c r="AM14423" s="84"/>
    </row>
    <row r="14424" spans="35:39" x14ac:dyDescent="0.35">
      <c r="AI14424" s="84"/>
      <c r="AM14424" s="84"/>
    </row>
    <row r="14425" spans="35:39" x14ac:dyDescent="0.35">
      <c r="AI14425" s="84"/>
      <c r="AM14425" s="84"/>
    </row>
    <row r="14426" spans="35:39" x14ac:dyDescent="0.35">
      <c r="AI14426" s="84"/>
      <c r="AM14426" s="84"/>
    </row>
    <row r="14427" spans="35:39" x14ac:dyDescent="0.35">
      <c r="AI14427" s="84"/>
      <c r="AM14427" s="84"/>
    </row>
    <row r="14428" spans="35:39" x14ac:dyDescent="0.35">
      <c r="AI14428" s="84"/>
      <c r="AM14428" s="84"/>
    </row>
    <row r="14429" spans="35:39" x14ac:dyDescent="0.35">
      <c r="AI14429" s="84"/>
      <c r="AM14429" s="84"/>
    </row>
    <row r="14430" spans="35:39" x14ac:dyDescent="0.35">
      <c r="AI14430" s="84"/>
      <c r="AM14430" s="84"/>
    </row>
    <row r="14431" spans="35:39" x14ac:dyDescent="0.35">
      <c r="AI14431" s="84"/>
      <c r="AM14431" s="84"/>
    </row>
    <row r="14432" spans="35:39" x14ac:dyDescent="0.35">
      <c r="AI14432" s="84"/>
      <c r="AM14432" s="84"/>
    </row>
    <row r="14433" spans="35:39" x14ac:dyDescent="0.35">
      <c r="AI14433" s="84"/>
      <c r="AM14433" s="84"/>
    </row>
    <row r="14434" spans="35:39" x14ac:dyDescent="0.35">
      <c r="AI14434" s="84"/>
      <c r="AM14434" s="84"/>
    </row>
    <row r="14435" spans="35:39" x14ac:dyDescent="0.35">
      <c r="AI14435" s="84"/>
      <c r="AM14435" s="84"/>
    </row>
    <row r="14436" spans="35:39" x14ac:dyDescent="0.35">
      <c r="AI14436" s="84"/>
      <c r="AM14436" s="84"/>
    </row>
    <row r="14437" spans="35:39" x14ac:dyDescent="0.35">
      <c r="AI14437" s="84"/>
      <c r="AM14437" s="84"/>
    </row>
    <row r="14438" spans="35:39" x14ac:dyDescent="0.35">
      <c r="AI14438" s="84"/>
      <c r="AM14438" s="84"/>
    </row>
    <row r="14439" spans="35:39" x14ac:dyDescent="0.35">
      <c r="AI14439" s="84"/>
      <c r="AM14439" s="84"/>
    </row>
    <row r="14440" spans="35:39" x14ac:dyDescent="0.35">
      <c r="AI14440" s="84"/>
      <c r="AM14440" s="84"/>
    </row>
    <row r="14441" spans="35:39" x14ac:dyDescent="0.35">
      <c r="AI14441" s="84"/>
      <c r="AM14441" s="84"/>
    </row>
    <row r="14442" spans="35:39" x14ac:dyDescent="0.35">
      <c r="AI14442" s="84"/>
      <c r="AM14442" s="84"/>
    </row>
    <row r="14443" spans="35:39" x14ac:dyDescent="0.35">
      <c r="AI14443" s="84"/>
      <c r="AM14443" s="84"/>
    </row>
    <row r="14444" spans="35:39" x14ac:dyDescent="0.35">
      <c r="AI14444" s="84"/>
      <c r="AM14444" s="84"/>
    </row>
    <row r="14445" spans="35:39" x14ac:dyDescent="0.35">
      <c r="AI14445" s="84"/>
      <c r="AM14445" s="84"/>
    </row>
    <row r="14446" spans="35:39" x14ac:dyDescent="0.35">
      <c r="AI14446" s="84"/>
      <c r="AM14446" s="84"/>
    </row>
    <row r="14447" spans="35:39" x14ac:dyDescent="0.35">
      <c r="AI14447" s="84"/>
      <c r="AM14447" s="84"/>
    </row>
    <row r="14448" spans="35:39" x14ac:dyDescent="0.35">
      <c r="AI14448" s="84"/>
      <c r="AM14448" s="84"/>
    </row>
    <row r="14449" spans="35:39" x14ac:dyDescent="0.35">
      <c r="AI14449" s="84"/>
      <c r="AM14449" s="84"/>
    </row>
    <row r="14450" spans="35:39" x14ac:dyDescent="0.35">
      <c r="AI14450" s="84"/>
      <c r="AM14450" s="84"/>
    </row>
    <row r="14451" spans="35:39" x14ac:dyDescent="0.35">
      <c r="AI14451" s="84"/>
      <c r="AM14451" s="84"/>
    </row>
    <row r="14452" spans="35:39" x14ac:dyDescent="0.35">
      <c r="AI14452" s="84"/>
      <c r="AM14452" s="84"/>
    </row>
    <row r="14453" spans="35:39" x14ac:dyDescent="0.35">
      <c r="AI14453" s="84"/>
      <c r="AM14453" s="84"/>
    </row>
    <row r="14454" spans="35:39" x14ac:dyDescent="0.35">
      <c r="AI14454" s="84"/>
      <c r="AM14454" s="84"/>
    </row>
    <row r="14455" spans="35:39" x14ac:dyDescent="0.35">
      <c r="AI14455" s="84"/>
      <c r="AM14455" s="84"/>
    </row>
    <row r="14456" spans="35:39" x14ac:dyDescent="0.35">
      <c r="AI14456" s="84"/>
      <c r="AM14456" s="84"/>
    </row>
    <row r="14457" spans="35:39" x14ac:dyDescent="0.35">
      <c r="AI14457" s="84"/>
      <c r="AM14457" s="84"/>
    </row>
    <row r="14458" spans="35:39" x14ac:dyDescent="0.35">
      <c r="AI14458" s="84"/>
      <c r="AM14458" s="84"/>
    </row>
    <row r="14459" spans="35:39" x14ac:dyDescent="0.35">
      <c r="AI14459" s="84"/>
      <c r="AM14459" s="84"/>
    </row>
    <row r="14460" spans="35:39" x14ac:dyDescent="0.35">
      <c r="AI14460" s="84"/>
      <c r="AM14460" s="84"/>
    </row>
    <row r="14461" spans="35:39" x14ac:dyDescent="0.35">
      <c r="AI14461" s="84"/>
      <c r="AM14461" s="84"/>
    </row>
    <row r="14462" spans="35:39" x14ac:dyDescent="0.35">
      <c r="AI14462" s="84"/>
      <c r="AM14462" s="84"/>
    </row>
    <row r="14463" spans="35:39" x14ac:dyDescent="0.35">
      <c r="AI14463" s="84"/>
      <c r="AM14463" s="84"/>
    </row>
    <row r="14464" spans="35:39" x14ac:dyDescent="0.35">
      <c r="AI14464" s="84"/>
      <c r="AM14464" s="84"/>
    </row>
    <row r="14465" spans="35:39" x14ac:dyDescent="0.35">
      <c r="AI14465" s="84"/>
      <c r="AM14465" s="84"/>
    </row>
    <row r="14466" spans="35:39" x14ac:dyDescent="0.35">
      <c r="AI14466" s="84"/>
      <c r="AM14466" s="84"/>
    </row>
    <row r="14467" spans="35:39" x14ac:dyDescent="0.35">
      <c r="AI14467" s="84"/>
      <c r="AM14467" s="84"/>
    </row>
    <row r="14468" spans="35:39" x14ac:dyDescent="0.35">
      <c r="AI14468" s="84"/>
      <c r="AM14468" s="84"/>
    </row>
    <row r="14469" spans="35:39" x14ac:dyDescent="0.35">
      <c r="AI14469" s="84"/>
      <c r="AM14469" s="84"/>
    </row>
    <row r="14470" spans="35:39" x14ac:dyDescent="0.35">
      <c r="AI14470" s="84"/>
      <c r="AM14470" s="84"/>
    </row>
    <row r="14471" spans="35:39" x14ac:dyDescent="0.35">
      <c r="AI14471" s="84"/>
      <c r="AM14471" s="84"/>
    </row>
    <row r="14472" spans="35:39" x14ac:dyDescent="0.35">
      <c r="AI14472" s="84"/>
      <c r="AM14472" s="84"/>
    </row>
    <row r="14473" spans="35:39" x14ac:dyDescent="0.35">
      <c r="AI14473" s="84"/>
      <c r="AM14473" s="84"/>
    </row>
    <row r="14474" spans="35:39" x14ac:dyDescent="0.35">
      <c r="AI14474" s="84"/>
      <c r="AM14474" s="84"/>
    </row>
    <row r="14475" spans="35:39" x14ac:dyDescent="0.35">
      <c r="AI14475" s="84"/>
      <c r="AM14475" s="84"/>
    </row>
    <row r="14476" spans="35:39" x14ac:dyDescent="0.35">
      <c r="AI14476" s="84"/>
      <c r="AM14476" s="84"/>
    </row>
    <row r="14477" spans="35:39" x14ac:dyDescent="0.35">
      <c r="AI14477" s="84"/>
      <c r="AM14477" s="84"/>
    </row>
    <row r="14478" spans="35:39" x14ac:dyDescent="0.35">
      <c r="AI14478" s="84"/>
      <c r="AM14478" s="84"/>
    </row>
    <row r="14479" spans="35:39" x14ac:dyDescent="0.35">
      <c r="AI14479" s="84"/>
      <c r="AM14479" s="84"/>
    </row>
    <row r="14480" spans="35:39" x14ac:dyDescent="0.35">
      <c r="AI14480" s="84"/>
      <c r="AM14480" s="84"/>
    </row>
    <row r="14481" spans="35:39" x14ac:dyDescent="0.35">
      <c r="AI14481" s="84"/>
      <c r="AM14481" s="84"/>
    </row>
    <row r="14482" spans="35:39" x14ac:dyDescent="0.35">
      <c r="AI14482" s="84"/>
      <c r="AM14482" s="84"/>
    </row>
    <row r="14483" spans="35:39" x14ac:dyDescent="0.35">
      <c r="AI14483" s="84"/>
      <c r="AM14483" s="84"/>
    </row>
    <row r="14484" spans="35:39" x14ac:dyDescent="0.35">
      <c r="AI14484" s="84"/>
      <c r="AM14484" s="84"/>
    </row>
    <row r="14485" spans="35:39" x14ac:dyDescent="0.35">
      <c r="AI14485" s="84"/>
      <c r="AM14485" s="84"/>
    </row>
    <row r="14486" spans="35:39" x14ac:dyDescent="0.35">
      <c r="AI14486" s="84"/>
      <c r="AM14486" s="84"/>
    </row>
    <row r="14487" spans="35:39" x14ac:dyDescent="0.35">
      <c r="AI14487" s="84"/>
      <c r="AM14487" s="84"/>
    </row>
    <row r="14488" spans="35:39" x14ac:dyDescent="0.35">
      <c r="AI14488" s="84"/>
      <c r="AM14488" s="84"/>
    </row>
    <row r="14489" spans="35:39" x14ac:dyDescent="0.35">
      <c r="AI14489" s="84"/>
      <c r="AM14489" s="84"/>
    </row>
    <row r="14490" spans="35:39" x14ac:dyDescent="0.35">
      <c r="AI14490" s="84"/>
      <c r="AM14490" s="84"/>
    </row>
    <row r="14491" spans="35:39" x14ac:dyDescent="0.35">
      <c r="AI14491" s="84"/>
      <c r="AM14491" s="84"/>
    </row>
    <row r="14492" spans="35:39" x14ac:dyDescent="0.35">
      <c r="AI14492" s="84"/>
      <c r="AM14492" s="84"/>
    </row>
    <row r="14493" spans="35:39" x14ac:dyDescent="0.35">
      <c r="AI14493" s="84"/>
      <c r="AM14493" s="84"/>
    </row>
    <row r="14494" spans="35:39" x14ac:dyDescent="0.35">
      <c r="AI14494" s="84"/>
      <c r="AM14494" s="84"/>
    </row>
    <row r="14495" spans="35:39" x14ac:dyDescent="0.35">
      <c r="AI14495" s="84"/>
      <c r="AM14495" s="84"/>
    </row>
    <row r="14496" spans="35:39" x14ac:dyDescent="0.35">
      <c r="AI14496" s="84"/>
      <c r="AM14496" s="84"/>
    </row>
    <row r="14497" spans="35:39" x14ac:dyDescent="0.35">
      <c r="AI14497" s="84"/>
      <c r="AM14497" s="84"/>
    </row>
    <row r="14498" spans="35:39" x14ac:dyDescent="0.35">
      <c r="AI14498" s="84"/>
      <c r="AM14498" s="84"/>
    </row>
    <row r="14499" spans="35:39" x14ac:dyDescent="0.35">
      <c r="AI14499" s="84"/>
      <c r="AM14499" s="84"/>
    </row>
    <row r="14500" spans="35:39" x14ac:dyDescent="0.35">
      <c r="AI14500" s="84"/>
      <c r="AM14500" s="84"/>
    </row>
    <row r="14501" spans="35:39" x14ac:dyDescent="0.35">
      <c r="AI14501" s="84"/>
      <c r="AM14501" s="84"/>
    </row>
    <row r="14502" spans="35:39" x14ac:dyDescent="0.35">
      <c r="AI14502" s="84"/>
      <c r="AM14502" s="84"/>
    </row>
    <row r="14503" spans="35:39" x14ac:dyDescent="0.35">
      <c r="AI14503" s="84"/>
      <c r="AM14503" s="84"/>
    </row>
    <row r="14504" spans="35:39" x14ac:dyDescent="0.35">
      <c r="AI14504" s="84"/>
      <c r="AM14504" s="84"/>
    </row>
    <row r="14505" spans="35:39" x14ac:dyDescent="0.35">
      <c r="AI14505" s="84"/>
      <c r="AM14505" s="84"/>
    </row>
    <row r="14506" spans="35:39" x14ac:dyDescent="0.35">
      <c r="AI14506" s="84"/>
      <c r="AM14506" s="84"/>
    </row>
    <row r="14507" spans="35:39" x14ac:dyDescent="0.35">
      <c r="AI14507" s="84"/>
      <c r="AM14507" s="84"/>
    </row>
    <row r="14508" spans="35:39" x14ac:dyDescent="0.35">
      <c r="AI14508" s="84"/>
      <c r="AM14508" s="84"/>
    </row>
    <row r="14509" spans="35:39" x14ac:dyDescent="0.35">
      <c r="AI14509" s="84"/>
      <c r="AM14509" s="84"/>
    </row>
    <row r="14510" spans="35:39" x14ac:dyDescent="0.35">
      <c r="AI14510" s="84"/>
      <c r="AM14510" s="84"/>
    </row>
    <row r="14511" spans="35:39" x14ac:dyDescent="0.35">
      <c r="AI14511" s="84"/>
      <c r="AM14511" s="84"/>
    </row>
    <row r="14512" spans="35:39" x14ac:dyDescent="0.35">
      <c r="AI14512" s="84"/>
      <c r="AM14512" s="84"/>
    </row>
    <row r="14513" spans="35:39" x14ac:dyDescent="0.35">
      <c r="AI14513" s="84"/>
      <c r="AM14513" s="84"/>
    </row>
    <row r="14514" spans="35:39" x14ac:dyDescent="0.35">
      <c r="AI14514" s="84"/>
      <c r="AM14514" s="84"/>
    </row>
    <row r="14515" spans="35:39" x14ac:dyDescent="0.35">
      <c r="AI14515" s="84"/>
      <c r="AM14515" s="84"/>
    </row>
    <row r="14516" spans="35:39" x14ac:dyDescent="0.35">
      <c r="AI14516" s="84"/>
      <c r="AM14516" s="84"/>
    </row>
    <row r="14517" spans="35:39" x14ac:dyDescent="0.35">
      <c r="AI14517" s="84"/>
      <c r="AM14517" s="84"/>
    </row>
    <row r="14518" spans="35:39" x14ac:dyDescent="0.35">
      <c r="AI14518" s="84"/>
      <c r="AM14518" s="84"/>
    </row>
    <row r="14519" spans="35:39" x14ac:dyDescent="0.35">
      <c r="AI14519" s="84"/>
      <c r="AM14519" s="84"/>
    </row>
    <row r="14520" spans="35:39" x14ac:dyDescent="0.35">
      <c r="AI14520" s="84"/>
      <c r="AM14520" s="84"/>
    </row>
    <row r="14521" spans="35:39" x14ac:dyDescent="0.35">
      <c r="AI14521" s="84"/>
      <c r="AM14521" s="84"/>
    </row>
    <row r="14522" spans="35:39" x14ac:dyDescent="0.35">
      <c r="AI14522" s="84"/>
      <c r="AM14522" s="84"/>
    </row>
    <row r="14523" spans="35:39" x14ac:dyDescent="0.35">
      <c r="AI14523" s="84"/>
      <c r="AM14523" s="84"/>
    </row>
    <row r="14524" spans="35:39" x14ac:dyDescent="0.35">
      <c r="AI14524" s="84"/>
      <c r="AM14524" s="84"/>
    </row>
    <row r="14525" spans="35:39" x14ac:dyDescent="0.35">
      <c r="AI14525" s="84"/>
      <c r="AM14525" s="84"/>
    </row>
    <row r="14526" spans="35:39" x14ac:dyDescent="0.35">
      <c r="AI14526" s="84"/>
      <c r="AM14526" s="84"/>
    </row>
    <row r="14527" spans="35:39" x14ac:dyDescent="0.35">
      <c r="AI14527" s="84"/>
      <c r="AM14527" s="84"/>
    </row>
    <row r="14528" spans="35:39" x14ac:dyDescent="0.35">
      <c r="AI14528" s="84"/>
      <c r="AM14528" s="84"/>
    </row>
    <row r="14529" spans="35:39" x14ac:dyDescent="0.35">
      <c r="AI14529" s="84"/>
      <c r="AM14529" s="84"/>
    </row>
    <row r="14530" spans="35:39" x14ac:dyDescent="0.35">
      <c r="AI14530" s="84"/>
      <c r="AM14530" s="84"/>
    </row>
    <row r="14531" spans="35:39" x14ac:dyDescent="0.35">
      <c r="AI14531" s="84"/>
      <c r="AM14531" s="84"/>
    </row>
    <row r="14532" spans="35:39" x14ac:dyDescent="0.35">
      <c r="AI14532" s="84"/>
      <c r="AM14532" s="84"/>
    </row>
    <row r="14533" spans="35:39" x14ac:dyDescent="0.35">
      <c r="AI14533" s="84"/>
      <c r="AM14533" s="84"/>
    </row>
    <row r="14534" spans="35:39" x14ac:dyDescent="0.35">
      <c r="AI14534" s="84"/>
      <c r="AM14534" s="84"/>
    </row>
    <row r="14535" spans="35:39" x14ac:dyDescent="0.35">
      <c r="AI14535" s="84"/>
      <c r="AM14535" s="84"/>
    </row>
    <row r="14536" spans="35:39" x14ac:dyDescent="0.35">
      <c r="AI14536" s="84"/>
      <c r="AM14536" s="84"/>
    </row>
    <row r="14537" spans="35:39" x14ac:dyDescent="0.35">
      <c r="AI14537" s="84"/>
      <c r="AM14537" s="84"/>
    </row>
    <row r="14538" spans="35:39" x14ac:dyDescent="0.35">
      <c r="AI14538" s="84"/>
      <c r="AM14538" s="84"/>
    </row>
    <row r="14539" spans="35:39" x14ac:dyDescent="0.35">
      <c r="AI14539" s="84"/>
      <c r="AM14539" s="84"/>
    </row>
    <row r="14540" spans="35:39" x14ac:dyDescent="0.35">
      <c r="AI14540" s="84"/>
      <c r="AM14540" s="84"/>
    </row>
    <row r="14541" spans="35:39" x14ac:dyDescent="0.35">
      <c r="AI14541" s="84"/>
      <c r="AM14541" s="84"/>
    </row>
    <row r="14542" spans="35:39" x14ac:dyDescent="0.35">
      <c r="AI14542" s="84"/>
      <c r="AM14542" s="84"/>
    </row>
    <row r="14543" spans="35:39" x14ac:dyDescent="0.35">
      <c r="AI14543" s="84"/>
      <c r="AM14543" s="84"/>
    </row>
    <row r="14544" spans="35:39" x14ac:dyDescent="0.35">
      <c r="AI14544" s="84"/>
      <c r="AM14544" s="84"/>
    </row>
    <row r="14545" spans="35:39" x14ac:dyDescent="0.35">
      <c r="AI14545" s="84"/>
      <c r="AM14545" s="84"/>
    </row>
    <row r="14546" spans="35:39" x14ac:dyDescent="0.35">
      <c r="AI14546" s="84"/>
      <c r="AM14546" s="84"/>
    </row>
    <row r="14547" spans="35:39" x14ac:dyDescent="0.35">
      <c r="AI14547" s="84"/>
      <c r="AM14547" s="84"/>
    </row>
    <row r="14548" spans="35:39" x14ac:dyDescent="0.35">
      <c r="AI14548" s="84"/>
      <c r="AM14548" s="84"/>
    </row>
    <row r="14549" spans="35:39" x14ac:dyDescent="0.35">
      <c r="AI14549" s="84"/>
      <c r="AM14549" s="84"/>
    </row>
    <row r="14550" spans="35:39" x14ac:dyDescent="0.35">
      <c r="AI14550" s="84"/>
      <c r="AM14550" s="84"/>
    </row>
    <row r="14551" spans="35:39" x14ac:dyDescent="0.35">
      <c r="AI14551" s="84"/>
      <c r="AM14551" s="84"/>
    </row>
    <row r="14552" spans="35:39" x14ac:dyDescent="0.35">
      <c r="AI14552" s="84"/>
      <c r="AM14552" s="84"/>
    </row>
    <row r="14553" spans="35:39" x14ac:dyDescent="0.35">
      <c r="AI14553" s="84"/>
      <c r="AM14553" s="84"/>
    </row>
    <row r="14554" spans="35:39" x14ac:dyDescent="0.35">
      <c r="AI14554" s="84"/>
      <c r="AM14554" s="84"/>
    </row>
    <row r="14555" spans="35:39" x14ac:dyDescent="0.35">
      <c r="AI14555" s="84"/>
      <c r="AM14555" s="84"/>
    </row>
    <row r="14556" spans="35:39" x14ac:dyDescent="0.35">
      <c r="AI14556" s="84"/>
      <c r="AM14556" s="84"/>
    </row>
    <row r="14557" spans="35:39" x14ac:dyDescent="0.35">
      <c r="AI14557" s="84"/>
      <c r="AM14557" s="84"/>
    </row>
    <row r="14558" spans="35:39" x14ac:dyDescent="0.35">
      <c r="AI14558" s="84"/>
      <c r="AM14558" s="84"/>
    </row>
    <row r="14559" spans="35:39" x14ac:dyDescent="0.35">
      <c r="AI14559" s="84"/>
      <c r="AM14559" s="84"/>
    </row>
    <row r="14560" spans="35:39" x14ac:dyDescent="0.35">
      <c r="AI14560" s="84"/>
      <c r="AM14560" s="84"/>
    </row>
    <row r="14561" spans="35:39" x14ac:dyDescent="0.35">
      <c r="AI14561" s="84"/>
      <c r="AM14561" s="84"/>
    </row>
    <row r="14562" spans="35:39" x14ac:dyDescent="0.35">
      <c r="AI14562" s="84"/>
      <c r="AM14562" s="84"/>
    </row>
    <row r="14563" spans="35:39" x14ac:dyDescent="0.35">
      <c r="AI14563" s="84"/>
      <c r="AM14563" s="84"/>
    </row>
    <row r="14564" spans="35:39" x14ac:dyDescent="0.35">
      <c r="AI14564" s="84"/>
      <c r="AM14564" s="84"/>
    </row>
    <row r="14565" spans="35:39" x14ac:dyDescent="0.35">
      <c r="AI14565" s="84"/>
      <c r="AM14565" s="84"/>
    </row>
    <row r="14566" spans="35:39" x14ac:dyDescent="0.35">
      <c r="AI14566" s="84"/>
      <c r="AM14566" s="84"/>
    </row>
    <row r="14567" spans="35:39" x14ac:dyDescent="0.35">
      <c r="AI14567" s="84"/>
      <c r="AM14567" s="84"/>
    </row>
    <row r="14568" spans="35:39" x14ac:dyDescent="0.35">
      <c r="AI14568" s="84"/>
      <c r="AM14568" s="84"/>
    </row>
    <row r="14569" spans="35:39" x14ac:dyDescent="0.35">
      <c r="AI14569" s="84"/>
      <c r="AM14569" s="84"/>
    </row>
    <row r="14570" spans="35:39" x14ac:dyDescent="0.35">
      <c r="AI14570" s="84"/>
      <c r="AM14570" s="84"/>
    </row>
    <row r="14571" spans="35:39" x14ac:dyDescent="0.35">
      <c r="AI14571" s="84"/>
      <c r="AM14571" s="84"/>
    </row>
    <row r="14572" spans="35:39" x14ac:dyDescent="0.35">
      <c r="AI14572" s="84"/>
      <c r="AM14572" s="84"/>
    </row>
    <row r="14573" spans="35:39" x14ac:dyDescent="0.35">
      <c r="AI14573" s="84"/>
      <c r="AM14573" s="84"/>
    </row>
    <row r="14574" spans="35:39" x14ac:dyDescent="0.35">
      <c r="AI14574" s="84"/>
      <c r="AM14574" s="84"/>
    </row>
    <row r="14575" spans="35:39" x14ac:dyDescent="0.35">
      <c r="AI14575" s="84"/>
      <c r="AM14575" s="84"/>
    </row>
    <row r="14576" spans="35:39" x14ac:dyDescent="0.35">
      <c r="AI14576" s="84"/>
      <c r="AM14576" s="84"/>
    </row>
    <row r="14577" spans="35:39" x14ac:dyDescent="0.35">
      <c r="AI14577" s="84"/>
      <c r="AM14577" s="84"/>
    </row>
    <row r="14578" spans="35:39" x14ac:dyDescent="0.35">
      <c r="AI14578" s="84"/>
      <c r="AM14578" s="84"/>
    </row>
    <row r="14579" spans="35:39" x14ac:dyDescent="0.35">
      <c r="AI14579" s="84"/>
      <c r="AM14579" s="84"/>
    </row>
    <row r="14580" spans="35:39" x14ac:dyDescent="0.35">
      <c r="AI14580" s="84"/>
      <c r="AM14580" s="84"/>
    </row>
    <row r="14581" spans="35:39" x14ac:dyDescent="0.35">
      <c r="AI14581" s="84"/>
      <c r="AM14581" s="84"/>
    </row>
    <row r="14582" spans="35:39" x14ac:dyDescent="0.35">
      <c r="AI14582" s="84"/>
      <c r="AM14582" s="84"/>
    </row>
    <row r="14583" spans="35:39" x14ac:dyDescent="0.35">
      <c r="AI14583" s="84"/>
      <c r="AM14583" s="84"/>
    </row>
    <row r="14584" spans="35:39" x14ac:dyDescent="0.35">
      <c r="AI14584" s="84"/>
      <c r="AM14584" s="84"/>
    </row>
    <row r="14585" spans="35:39" x14ac:dyDescent="0.35">
      <c r="AI14585" s="84"/>
      <c r="AM14585" s="84"/>
    </row>
    <row r="14586" spans="35:39" x14ac:dyDescent="0.35">
      <c r="AI14586" s="84"/>
      <c r="AM14586" s="84"/>
    </row>
    <row r="14587" spans="35:39" x14ac:dyDescent="0.35">
      <c r="AI14587" s="84"/>
      <c r="AM14587" s="84"/>
    </row>
    <row r="14588" spans="35:39" x14ac:dyDescent="0.35">
      <c r="AI14588" s="84"/>
      <c r="AM14588" s="84"/>
    </row>
    <row r="14589" spans="35:39" x14ac:dyDescent="0.35">
      <c r="AI14589" s="84"/>
      <c r="AM14589" s="84"/>
    </row>
    <row r="14590" spans="35:39" x14ac:dyDescent="0.35">
      <c r="AI14590" s="84"/>
      <c r="AM14590" s="84"/>
    </row>
    <row r="14591" spans="35:39" x14ac:dyDescent="0.35">
      <c r="AI14591" s="84"/>
      <c r="AM14591" s="84"/>
    </row>
    <row r="14592" spans="35:39" x14ac:dyDescent="0.35">
      <c r="AI14592" s="84"/>
      <c r="AM14592" s="84"/>
    </row>
    <row r="14593" spans="35:39" x14ac:dyDescent="0.35">
      <c r="AI14593" s="84"/>
      <c r="AM14593" s="84"/>
    </row>
    <row r="14594" spans="35:39" x14ac:dyDescent="0.35">
      <c r="AI14594" s="84"/>
      <c r="AM14594" s="84"/>
    </row>
    <row r="14595" spans="35:39" x14ac:dyDescent="0.35">
      <c r="AI14595" s="84"/>
      <c r="AM14595" s="84"/>
    </row>
    <row r="14596" spans="35:39" x14ac:dyDescent="0.35">
      <c r="AI14596" s="84"/>
      <c r="AM14596" s="84"/>
    </row>
    <row r="14597" spans="35:39" x14ac:dyDescent="0.35">
      <c r="AI14597" s="84"/>
      <c r="AM14597" s="84"/>
    </row>
    <row r="14598" spans="35:39" x14ac:dyDescent="0.35">
      <c r="AI14598" s="84"/>
      <c r="AM14598" s="84"/>
    </row>
    <row r="14599" spans="35:39" x14ac:dyDescent="0.35">
      <c r="AI14599" s="84"/>
      <c r="AM14599" s="84"/>
    </row>
    <row r="14600" spans="35:39" x14ac:dyDescent="0.35">
      <c r="AI14600" s="84"/>
      <c r="AM14600" s="84"/>
    </row>
    <row r="14601" spans="35:39" x14ac:dyDescent="0.35">
      <c r="AI14601" s="84"/>
      <c r="AM14601" s="84"/>
    </row>
    <row r="14602" spans="35:39" x14ac:dyDescent="0.35">
      <c r="AI14602" s="84"/>
      <c r="AM14602" s="84"/>
    </row>
    <row r="14603" spans="35:39" x14ac:dyDescent="0.35">
      <c r="AI14603" s="84"/>
      <c r="AM14603" s="84"/>
    </row>
    <row r="14604" spans="35:39" x14ac:dyDescent="0.35">
      <c r="AI14604" s="84"/>
      <c r="AM14604" s="84"/>
    </row>
    <row r="14605" spans="35:39" x14ac:dyDescent="0.35">
      <c r="AI14605" s="84"/>
      <c r="AM14605" s="84"/>
    </row>
    <row r="14606" spans="35:39" x14ac:dyDescent="0.35">
      <c r="AI14606" s="84"/>
      <c r="AM14606" s="84"/>
    </row>
    <row r="14607" spans="35:39" x14ac:dyDescent="0.35">
      <c r="AI14607" s="84"/>
      <c r="AM14607" s="84"/>
    </row>
    <row r="14608" spans="35:39" x14ac:dyDescent="0.35">
      <c r="AI14608" s="84"/>
      <c r="AM14608" s="84"/>
    </row>
    <row r="14609" spans="35:39" x14ac:dyDescent="0.35">
      <c r="AI14609" s="84"/>
      <c r="AM14609" s="84"/>
    </row>
    <row r="14610" spans="35:39" x14ac:dyDescent="0.35">
      <c r="AI14610" s="84"/>
      <c r="AM14610" s="84"/>
    </row>
    <row r="14611" spans="35:39" x14ac:dyDescent="0.35">
      <c r="AI14611" s="84"/>
      <c r="AM14611" s="84"/>
    </row>
    <row r="14612" spans="35:39" x14ac:dyDescent="0.35">
      <c r="AI14612" s="84"/>
      <c r="AM14612" s="84"/>
    </row>
    <row r="14613" spans="35:39" x14ac:dyDescent="0.35">
      <c r="AI14613" s="84"/>
      <c r="AM14613" s="84"/>
    </row>
    <row r="14614" spans="35:39" x14ac:dyDescent="0.35">
      <c r="AI14614" s="84"/>
      <c r="AM14614" s="84"/>
    </row>
    <row r="14615" spans="35:39" x14ac:dyDescent="0.35">
      <c r="AI14615" s="84"/>
      <c r="AM14615" s="84"/>
    </row>
    <row r="14616" spans="35:39" x14ac:dyDescent="0.35">
      <c r="AI14616" s="84"/>
      <c r="AM14616" s="84"/>
    </row>
    <row r="14617" spans="35:39" x14ac:dyDescent="0.35">
      <c r="AI14617" s="84"/>
      <c r="AM14617" s="84"/>
    </row>
    <row r="14618" spans="35:39" x14ac:dyDescent="0.35">
      <c r="AI14618" s="84"/>
      <c r="AM14618" s="84"/>
    </row>
    <row r="14619" spans="35:39" x14ac:dyDescent="0.35">
      <c r="AI14619" s="84"/>
      <c r="AM14619" s="84"/>
    </row>
    <row r="14620" spans="35:39" x14ac:dyDescent="0.35">
      <c r="AI14620" s="84"/>
      <c r="AM14620" s="84"/>
    </row>
    <row r="14621" spans="35:39" x14ac:dyDescent="0.35">
      <c r="AI14621" s="84"/>
      <c r="AM14621" s="84"/>
    </row>
    <row r="14622" spans="35:39" x14ac:dyDescent="0.35">
      <c r="AI14622" s="84"/>
      <c r="AM14622" s="84"/>
    </row>
    <row r="14623" spans="35:39" x14ac:dyDescent="0.35">
      <c r="AI14623" s="84"/>
      <c r="AM14623" s="84"/>
    </row>
    <row r="14624" spans="35:39" x14ac:dyDescent="0.35">
      <c r="AI14624" s="84"/>
      <c r="AM14624" s="84"/>
    </row>
    <row r="14625" spans="35:39" x14ac:dyDescent="0.35">
      <c r="AI14625" s="84"/>
      <c r="AM14625" s="84"/>
    </row>
    <row r="14626" spans="35:39" x14ac:dyDescent="0.35">
      <c r="AI14626" s="84"/>
      <c r="AM14626" s="84"/>
    </row>
    <row r="14627" spans="35:39" x14ac:dyDescent="0.35">
      <c r="AI14627" s="84"/>
      <c r="AM14627" s="84"/>
    </row>
    <row r="14628" spans="35:39" x14ac:dyDescent="0.35">
      <c r="AI14628" s="84"/>
      <c r="AM14628" s="84"/>
    </row>
    <row r="14629" spans="35:39" x14ac:dyDescent="0.35">
      <c r="AI14629" s="84"/>
      <c r="AM14629" s="84"/>
    </row>
    <row r="14630" spans="35:39" x14ac:dyDescent="0.35">
      <c r="AI14630" s="84"/>
      <c r="AM14630" s="84"/>
    </row>
    <row r="14631" spans="35:39" x14ac:dyDescent="0.35">
      <c r="AI14631" s="84"/>
      <c r="AM14631" s="84"/>
    </row>
    <row r="14632" spans="35:39" x14ac:dyDescent="0.35">
      <c r="AI14632" s="84"/>
      <c r="AM14632" s="84"/>
    </row>
    <row r="14633" spans="35:39" x14ac:dyDescent="0.35">
      <c r="AI14633" s="84"/>
      <c r="AM14633" s="84"/>
    </row>
    <row r="14634" spans="35:39" x14ac:dyDescent="0.35">
      <c r="AI14634" s="84"/>
      <c r="AM14634" s="84"/>
    </row>
    <row r="14635" spans="35:39" x14ac:dyDescent="0.35">
      <c r="AI14635" s="84"/>
      <c r="AM14635" s="84"/>
    </row>
    <row r="14636" spans="35:39" x14ac:dyDescent="0.35">
      <c r="AI14636" s="84"/>
      <c r="AM14636" s="84"/>
    </row>
    <row r="14637" spans="35:39" x14ac:dyDescent="0.35">
      <c r="AI14637" s="84"/>
      <c r="AM14637" s="84"/>
    </row>
    <row r="14638" spans="35:39" x14ac:dyDescent="0.35">
      <c r="AI14638" s="84"/>
      <c r="AM14638" s="84"/>
    </row>
    <row r="14639" spans="35:39" x14ac:dyDescent="0.35">
      <c r="AI14639" s="84"/>
      <c r="AM14639" s="84"/>
    </row>
    <row r="14640" spans="35:39" x14ac:dyDescent="0.35">
      <c r="AI14640" s="84"/>
      <c r="AM14640" s="84"/>
    </row>
    <row r="14641" spans="35:39" x14ac:dyDescent="0.35">
      <c r="AI14641" s="84"/>
      <c r="AM14641" s="84"/>
    </row>
    <row r="14642" spans="35:39" x14ac:dyDescent="0.35">
      <c r="AI14642" s="84"/>
      <c r="AM14642" s="84"/>
    </row>
    <row r="14643" spans="35:39" x14ac:dyDescent="0.35">
      <c r="AI14643" s="84"/>
      <c r="AM14643" s="84"/>
    </row>
    <row r="14644" spans="35:39" x14ac:dyDescent="0.35">
      <c r="AI14644" s="84"/>
      <c r="AM14644" s="84"/>
    </row>
    <row r="14645" spans="35:39" x14ac:dyDescent="0.35">
      <c r="AI14645" s="84"/>
      <c r="AM14645" s="84"/>
    </row>
    <row r="14646" spans="35:39" x14ac:dyDescent="0.35">
      <c r="AI14646" s="84"/>
      <c r="AM14646" s="84"/>
    </row>
    <row r="14647" spans="35:39" x14ac:dyDescent="0.35">
      <c r="AI14647" s="84"/>
      <c r="AM14647" s="84"/>
    </row>
    <row r="14648" spans="35:39" x14ac:dyDescent="0.35">
      <c r="AI14648" s="84"/>
      <c r="AM14648" s="84"/>
    </row>
    <row r="14649" spans="35:39" x14ac:dyDescent="0.35">
      <c r="AI14649" s="84"/>
      <c r="AM14649" s="84"/>
    </row>
    <row r="14650" spans="35:39" x14ac:dyDescent="0.35">
      <c r="AI14650" s="84"/>
      <c r="AM14650" s="84"/>
    </row>
    <row r="14651" spans="35:39" x14ac:dyDescent="0.35">
      <c r="AI14651" s="84"/>
      <c r="AM14651" s="84"/>
    </row>
    <row r="14652" spans="35:39" x14ac:dyDescent="0.35">
      <c r="AI14652" s="84"/>
      <c r="AM14652" s="84"/>
    </row>
    <row r="14653" spans="35:39" x14ac:dyDescent="0.35">
      <c r="AI14653" s="84"/>
      <c r="AM14653" s="84"/>
    </row>
    <row r="14654" spans="35:39" x14ac:dyDescent="0.35">
      <c r="AI14654" s="84"/>
      <c r="AM14654" s="84"/>
    </row>
    <row r="14655" spans="35:39" x14ac:dyDescent="0.35">
      <c r="AI14655" s="84"/>
      <c r="AM14655" s="84"/>
    </row>
    <row r="14656" spans="35:39" x14ac:dyDescent="0.35">
      <c r="AI14656" s="84"/>
      <c r="AM14656" s="84"/>
    </row>
    <row r="14657" spans="35:39" x14ac:dyDescent="0.35">
      <c r="AI14657" s="84"/>
      <c r="AM14657" s="84"/>
    </row>
    <row r="14658" spans="35:39" x14ac:dyDescent="0.35">
      <c r="AI14658" s="84"/>
      <c r="AM14658" s="84"/>
    </row>
    <row r="14659" spans="35:39" x14ac:dyDescent="0.35">
      <c r="AI14659" s="84"/>
      <c r="AM14659" s="84"/>
    </row>
    <row r="14660" spans="35:39" x14ac:dyDescent="0.35">
      <c r="AI14660" s="84"/>
      <c r="AM14660" s="84"/>
    </row>
    <row r="14661" spans="35:39" x14ac:dyDescent="0.35">
      <c r="AI14661" s="84"/>
      <c r="AM14661" s="84"/>
    </row>
    <row r="14662" spans="35:39" x14ac:dyDescent="0.35">
      <c r="AI14662" s="84"/>
      <c r="AM14662" s="84"/>
    </row>
    <row r="14663" spans="35:39" x14ac:dyDescent="0.35">
      <c r="AI14663" s="84"/>
      <c r="AM14663" s="84"/>
    </row>
    <row r="14664" spans="35:39" x14ac:dyDescent="0.35">
      <c r="AI14664" s="84"/>
      <c r="AM14664" s="84"/>
    </row>
    <row r="14665" spans="35:39" x14ac:dyDescent="0.35">
      <c r="AI14665" s="84"/>
      <c r="AM14665" s="84"/>
    </row>
    <row r="14666" spans="35:39" x14ac:dyDescent="0.35">
      <c r="AI14666" s="84"/>
      <c r="AM14666" s="84"/>
    </row>
    <row r="14667" spans="35:39" x14ac:dyDescent="0.35">
      <c r="AI14667" s="84"/>
      <c r="AM14667" s="84"/>
    </row>
    <row r="14668" spans="35:39" x14ac:dyDescent="0.35">
      <c r="AI14668" s="84"/>
      <c r="AM14668" s="84"/>
    </row>
    <row r="14669" spans="35:39" x14ac:dyDescent="0.35">
      <c r="AI14669" s="84"/>
      <c r="AM14669" s="84"/>
    </row>
    <row r="14670" spans="35:39" x14ac:dyDescent="0.35">
      <c r="AI14670" s="84"/>
      <c r="AM14670" s="84"/>
    </row>
    <row r="14671" spans="35:39" x14ac:dyDescent="0.35">
      <c r="AI14671" s="84"/>
      <c r="AM14671" s="84"/>
    </row>
    <row r="14672" spans="35:39" x14ac:dyDescent="0.35">
      <c r="AI14672" s="84"/>
      <c r="AM14672" s="84"/>
    </row>
    <row r="14673" spans="35:39" x14ac:dyDescent="0.35">
      <c r="AI14673" s="84"/>
      <c r="AM14673" s="84"/>
    </row>
    <row r="14674" spans="35:39" x14ac:dyDescent="0.35">
      <c r="AI14674" s="84"/>
      <c r="AM14674" s="84"/>
    </row>
    <row r="14675" spans="35:39" x14ac:dyDescent="0.35">
      <c r="AI14675" s="84"/>
      <c r="AM14675" s="84"/>
    </row>
    <row r="14676" spans="35:39" x14ac:dyDescent="0.35">
      <c r="AI14676" s="84"/>
      <c r="AM14676" s="84"/>
    </row>
    <row r="14677" spans="35:39" x14ac:dyDescent="0.35">
      <c r="AI14677" s="84"/>
      <c r="AM14677" s="84"/>
    </row>
    <row r="14678" spans="35:39" x14ac:dyDescent="0.35">
      <c r="AI14678" s="84"/>
      <c r="AM14678" s="84"/>
    </row>
    <row r="14679" spans="35:39" x14ac:dyDescent="0.35">
      <c r="AI14679" s="84"/>
      <c r="AM14679" s="84"/>
    </row>
    <row r="14680" spans="35:39" x14ac:dyDescent="0.35">
      <c r="AI14680" s="84"/>
      <c r="AM14680" s="84"/>
    </row>
    <row r="14681" spans="35:39" x14ac:dyDescent="0.35">
      <c r="AI14681" s="84"/>
      <c r="AM14681" s="84"/>
    </row>
    <row r="14682" spans="35:39" x14ac:dyDescent="0.35">
      <c r="AI14682" s="84"/>
      <c r="AM14682" s="84"/>
    </row>
    <row r="14683" spans="35:39" x14ac:dyDescent="0.35">
      <c r="AI14683" s="84"/>
      <c r="AM14683" s="84"/>
    </row>
    <row r="14684" spans="35:39" x14ac:dyDescent="0.35">
      <c r="AI14684" s="84"/>
      <c r="AM14684" s="84"/>
    </row>
    <row r="14685" spans="35:39" x14ac:dyDescent="0.35">
      <c r="AI14685" s="84"/>
      <c r="AM14685" s="84"/>
    </row>
    <row r="14686" spans="35:39" x14ac:dyDescent="0.35">
      <c r="AI14686" s="84"/>
      <c r="AM14686" s="84"/>
    </row>
    <row r="14687" spans="35:39" x14ac:dyDescent="0.35">
      <c r="AI14687" s="84"/>
      <c r="AM14687" s="84"/>
    </row>
    <row r="14688" spans="35:39" x14ac:dyDescent="0.35">
      <c r="AI14688" s="84"/>
      <c r="AM14688" s="84"/>
    </row>
    <row r="14689" spans="35:39" x14ac:dyDescent="0.35">
      <c r="AI14689" s="84"/>
      <c r="AM14689" s="84"/>
    </row>
    <row r="14690" spans="35:39" x14ac:dyDescent="0.35">
      <c r="AI14690" s="84"/>
      <c r="AM14690" s="84"/>
    </row>
    <row r="14691" spans="35:39" x14ac:dyDescent="0.35">
      <c r="AI14691" s="84"/>
      <c r="AM14691" s="84"/>
    </row>
    <row r="14692" spans="35:39" x14ac:dyDescent="0.35">
      <c r="AI14692" s="84"/>
      <c r="AM14692" s="84"/>
    </row>
    <row r="14693" spans="35:39" x14ac:dyDescent="0.35">
      <c r="AI14693" s="84"/>
      <c r="AM14693" s="84"/>
    </row>
    <row r="14694" spans="35:39" x14ac:dyDescent="0.35">
      <c r="AI14694" s="84"/>
      <c r="AM14694" s="84"/>
    </row>
    <row r="14695" spans="35:39" x14ac:dyDescent="0.35">
      <c r="AI14695" s="84"/>
      <c r="AM14695" s="84"/>
    </row>
    <row r="14696" spans="35:39" x14ac:dyDescent="0.35">
      <c r="AI14696" s="84"/>
      <c r="AM14696" s="84"/>
    </row>
    <row r="14697" spans="35:39" x14ac:dyDescent="0.35">
      <c r="AI14697" s="84"/>
      <c r="AM14697" s="84"/>
    </row>
    <row r="14698" spans="35:39" x14ac:dyDescent="0.35">
      <c r="AI14698" s="84"/>
      <c r="AM14698" s="84"/>
    </row>
    <row r="14699" spans="35:39" x14ac:dyDescent="0.35">
      <c r="AI14699" s="84"/>
      <c r="AM14699" s="84"/>
    </row>
    <row r="14700" spans="35:39" x14ac:dyDescent="0.35">
      <c r="AI14700" s="84"/>
      <c r="AM14700" s="84"/>
    </row>
    <row r="14701" spans="35:39" x14ac:dyDescent="0.35">
      <c r="AI14701" s="84"/>
      <c r="AM14701" s="84"/>
    </row>
    <row r="14702" spans="35:39" x14ac:dyDescent="0.35">
      <c r="AI14702" s="84"/>
      <c r="AM14702" s="84"/>
    </row>
    <row r="14703" spans="35:39" x14ac:dyDescent="0.35">
      <c r="AI14703" s="84"/>
      <c r="AM14703" s="84"/>
    </row>
    <row r="14704" spans="35:39" x14ac:dyDescent="0.35">
      <c r="AI14704" s="84"/>
      <c r="AM14704" s="84"/>
    </row>
    <row r="14705" spans="35:39" x14ac:dyDescent="0.35">
      <c r="AI14705" s="84"/>
      <c r="AM14705" s="84"/>
    </row>
    <row r="14706" spans="35:39" x14ac:dyDescent="0.35">
      <c r="AI14706" s="84"/>
      <c r="AM14706" s="84"/>
    </row>
    <row r="14707" spans="35:39" x14ac:dyDescent="0.35">
      <c r="AI14707" s="84"/>
      <c r="AM14707" s="84"/>
    </row>
    <row r="14708" spans="35:39" x14ac:dyDescent="0.35">
      <c r="AI14708" s="84"/>
      <c r="AM14708" s="84"/>
    </row>
    <row r="14709" spans="35:39" x14ac:dyDescent="0.35">
      <c r="AI14709" s="84"/>
      <c r="AM14709" s="84"/>
    </row>
    <row r="14710" spans="35:39" x14ac:dyDescent="0.35">
      <c r="AI14710" s="84"/>
      <c r="AM14710" s="84"/>
    </row>
    <row r="14711" spans="35:39" x14ac:dyDescent="0.35">
      <c r="AI14711" s="84"/>
      <c r="AM14711" s="84"/>
    </row>
    <row r="14712" spans="35:39" x14ac:dyDescent="0.35">
      <c r="AI14712" s="84"/>
      <c r="AM14712" s="84"/>
    </row>
    <row r="14713" spans="35:39" x14ac:dyDescent="0.35">
      <c r="AI14713" s="84"/>
      <c r="AM14713" s="84"/>
    </row>
    <row r="14714" spans="35:39" x14ac:dyDescent="0.35">
      <c r="AI14714" s="84"/>
      <c r="AM14714" s="84"/>
    </row>
    <row r="14715" spans="35:39" x14ac:dyDescent="0.35">
      <c r="AI14715" s="84"/>
      <c r="AM14715" s="84"/>
    </row>
    <row r="14716" spans="35:39" x14ac:dyDescent="0.35">
      <c r="AI14716" s="84"/>
      <c r="AM14716" s="84"/>
    </row>
    <row r="14717" spans="35:39" x14ac:dyDescent="0.35">
      <c r="AI14717" s="84"/>
      <c r="AM14717" s="84"/>
    </row>
    <row r="14718" spans="35:39" x14ac:dyDescent="0.35">
      <c r="AI14718" s="84"/>
      <c r="AM14718" s="84"/>
    </row>
    <row r="14719" spans="35:39" x14ac:dyDescent="0.35">
      <c r="AI14719" s="84"/>
      <c r="AM14719" s="84"/>
    </row>
    <row r="14720" spans="35:39" x14ac:dyDescent="0.35">
      <c r="AI14720" s="84"/>
      <c r="AM14720" s="84"/>
    </row>
    <row r="14721" spans="35:39" x14ac:dyDescent="0.35">
      <c r="AI14721" s="84"/>
      <c r="AM14721" s="84"/>
    </row>
    <row r="14722" spans="35:39" x14ac:dyDescent="0.35">
      <c r="AI14722" s="84"/>
      <c r="AM14722" s="84"/>
    </row>
    <row r="14723" spans="35:39" x14ac:dyDescent="0.35">
      <c r="AI14723" s="84"/>
      <c r="AM14723" s="84"/>
    </row>
    <row r="14724" spans="35:39" x14ac:dyDescent="0.35">
      <c r="AI14724" s="84"/>
      <c r="AM14724" s="84"/>
    </row>
    <row r="14725" spans="35:39" x14ac:dyDescent="0.35">
      <c r="AI14725" s="84"/>
      <c r="AM14725" s="84"/>
    </row>
    <row r="14726" spans="35:39" x14ac:dyDescent="0.35">
      <c r="AI14726" s="84"/>
      <c r="AM14726" s="84"/>
    </row>
    <row r="14727" spans="35:39" x14ac:dyDescent="0.35">
      <c r="AI14727" s="84"/>
      <c r="AM14727" s="84"/>
    </row>
    <row r="14728" spans="35:39" x14ac:dyDescent="0.35">
      <c r="AI14728" s="84"/>
      <c r="AM14728" s="84"/>
    </row>
    <row r="14729" spans="35:39" x14ac:dyDescent="0.35">
      <c r="AI14729" s="84"/>
      <c r="AM14729" s="84"/>
    </row>
    <row r="14730" spans="35:39" x14ac:dyDescent="0.35">
      <c r="AI14730" s="84"/>
      <c r="AM14730" s="84"/>
    </row>
    <row r="14731" spans="35:39" x14ac:dyDescent="0.35">
      <c r="AI14731" s="84"/>
      <c r="AM14731" s="84"/>
    </row>
    <row r="14732" spans="35:39" x14ac:dyDescent="0.35">
      <c r="AI14732" s="84"/>
      <c r="AM14732" s="84"/>
    </row>
    <row r="14733" spans="35:39" x14ac:dyDescent="0.35">
      <c r="AI14733" s="84"/>
      <c r="AM14733" s="84"/>
    </row>
    <row r="14734" spans="35:39" x14ac:dyDescent="0.35">
      <c r="AI14734" s="84"/>
      <c r="AM14734" s="84"/>
    </row>
    <row r="14735" spans="35:39" x14ac:dyDescent="0.35">
      <c r="AI14735" s="84"/>
      <c r="AM14735" s="84"/>
    </row>
    <row r="14736" spans="35:39" x14ac:dyDescent="0.35">
      <c r="AI14736" s="84"/>
      <c r="AM14736" s="84"/>
    </row>
    <row r="14737" spans="35:39" x14ac:dyDescent="0.35">
      <c r="AI14737" s="84"/>
      <c r="AM14737" s="84"/>
    </row>
    <row r="14738" spans="35:39" x14ac:dyDescent="0.35">
      <c r="AI14738" s="84"/>
      <c r="AM14738" s="84"/>
    </row>
    <row r="14739" spans="35:39" x14ac:dyDescent="0.35">
      <c r="AI14739" s="84"/>
      <c r="AM14739" s="84"/>
    </row>
    <row r="14740" spans="35:39" x14ac:dyDescent="0.35">
      <c r="AI14740" s="84"/>
      <c r="AM14740" s="84"/>
    </row>
    <row r="14741" spans="35:39" x14ac:dyDescent="0.35">
      <c r="AI14741" s="84"/>
      <c r="AM14741" s="84"/>
    </row>
    <row r="14742" spans="35:39" x14ac:dyDescent="0.35">
      <c r="AI14742" s="84"/>
      <c r="AM14742" s="84"/>
    </row>
    <row r="14743" spans="35:39" x14ac:dyDescent="0.35">
      <c r="AI14743" s="84"/>
      <c r="AM14743" s="84"/>
    </row>
    <row r="14744" spans="35:39" x14ac:dyDescent="0.35">
      <c r="AI14744" s="84"/>
      <c r="AM14744" s="84"/>
    </row>
    <row r="14745" spans="35:39" x14ac:dyDescent="0.35">
      <c r="AI14745" s="84"/>
      <c r="AM14745" s="84"/>
    </row>
    <row r="14746" spans="35:39" x14ac:dyDescent="0.35">
      <c r="AI14746" s="84"/>
      <c r="AM14746" s="84"/>
    </row>
    <row r="14747" spans="35:39" x14ac:dyDescent="0.35">
      <c r="AI14747" s="84"/>
      <c r="AM14747" s="84"/>
    </row>
    <row r="14748" spans="35:39" x14ac:dyDescent="0.35">
      <c r="AI14748" s="84"/>
      <c r="AM14748" s="84"/>
    </row>
    <row r="14749" spans="35:39" x14ac:dyDescent="0.35">
      <c r="AI14749" s="84"/>
      <c r="AM14749" s="84"/>
    </row>
    <row r="14750" spans="35:39" x14ac:dyDescent="0.35">
      <c r="AI14750" s="84"/>
      <c r="AM14750" s="84"/>
    </row>
    <row r="14751" spans="35:39" x14ac:dyDescent="0.35">
      <c r="AI14751" s="84"/>
      <c r="AM14751" s="84"/>
    </row>
    <row r="14752" spans="35:39" x14ac:dyDescent="0.35">
      <c r="AI14752" s="84"/>
      <c r="AM14752" s="84"/>
    </row>
    <row r="14753" spans="35:39" x14ac:dyDescent="0.35">
      <c r="AI14753" s="84"/>
      <c r="AM14753" s="84"/>
    </row>
    <row r="14754" spans="35:39" x14ac:dyDescent="0.35">
      <c r="AI14754" s="84"/>
      <c r="AM14754" s="84"/>
    </row>
    <row r="14755" spans="35:39" x14ac:dyDescent="0.35">
      <c r="AI14755" s="84"/>
      <c r="AM14755" s="84"/>
    </row>
    <row r="14756" spans="35:39" x14ac:dyDescent="0.35">
      <c r="AI14756" s="84"/>
      <c r="AM14756" s="84"/>
    </row>
    <row r="14757" spans="35:39" x14ac:dyDescent="0.35">
      <c r="AI14757" s="84"/>
      <c r="AM14757" s="84"/>
    </row>
    <row r="14758" spans="35:39" x14ac:dyDescent="0.35">
      <c r="AI14758" s="84"/>
      <c r="AM14758" s="84"/>
    </row>
    <row r="14759" spans="35:39" x14ac:dyDescent="0.35">
      <c r="AI14759" s="84"/>
      <c r="AM14759" s="84"/>
    </row>
    <row r="14760" spans="35:39" x14ac:dyDescent="0.35">
      <c r="AI14760" s="84"/>
      <c r="AM14760" s="84"/>
    </row>
    <row r="14761" spans="35:39" x14ac:dyDescent="0.35">
      <c r="AI14761" s="84"/>
      <c r="AM14761" s="84"/>
    </row>
    <row r="14762" spans="35:39" x14ac:dyDescent="0.35">
      <c r="AI14762" s="84"/>
      <c r="AM14762" s="84"/>
    </row>
    <row r="14763" spans="35:39" x14ac:dyDescent="0.35">
      <c r="AI14763" s="84"/>
      <c r="AM14763" s="84"/>
    </row>
    <row r="14764" spans="35:39" x14ac:dyDescent="0.35">
      <c r="AI14764" s="84"/>
      <c r="AM14764" s="84"/>
    </row>
    <row r="14765" spans="35:39" x14ac:dyDescent="0.35">
      <c r="AI14765" s="84"/>
      <c r="AM14765" s="84"/>
    </row>
    <row r="14766" spans="35:39" x14ac:dyDescent="0.35">
      <c r="AI14766" s="84"/>
      <c r="AM14766" s="84"/>
    </row>
    <row r="14767" spans="35:39" x14ac:dyDescent="0.35">
      <c r="AI14767" s="84"/>
      <c r="AM14767" s="84"/>
    </row>
    <row r="14768" spans="35:39" x14ac:dyDescent="0.35">
      <c r="AI14768" s="84"/>
      <c r="AM14768" s="84"/>
    </row>
    <row r="14769" spans="35:39" x14ac:dyDescent="0.35">
      <c r="AI14769" s="84"/>
      <c r="AM14769" s="84"/>
    </row>
    <row r="14770" spans="35:39" x14ac:dyDescent="0.35">
      <c r="AI14770" s="84"/>
      <c r="AM14770" s="84"/>
    </row>
    <row r="14771" spans="35:39" x14ac:dyDescent="0.35">
      <c r="AI14771" s="84"/>
      <c r="AM14771" s="84"/>
    </row>
    <row r="14772" spans="35:39" x14ac:dyDescent="0.35">
      <c r="AI14772" s="84"/>
      <c r="AM14772" s="84"/>
    </row>
    <row r="14773" spans="35:39" x14ac:dyDescent="0.35">
      <c r="AI14773" s="84"/>
      <c r="AM14773" s="84"/>
    </row>
    <row r="14774" spans="35:39" x14ac:dyDescent="0.35">
      <c r="AI14774" s="84"/>
      <c r="AM14774" s="84"/>
    </row>
    <row r="14775" spans="35:39" x14ac:dyDescent="0.35">
      <c r="AI14775" s="84"/>
      <c r="AM14775" s="84"/>
    </row>
    <row r="14776" spans="35:39" x14ac:dyDescent="0.35">
      <c r="AI14776" s="84"/>
      <c r="AM14776" s="84"/>
    </row>
    <row r="14777" spans="35:39" x14ac:dyDescent="0.35">
      <c r="AI14777" s="84"/>
      <c r="AM14777" s="84"/>
    </row>
    <row r="14778" spans="35:39" x14ac:dyDescent="0.35">
      <c r="AI14778" s="84"/>
      <c r="AM14778" s="84"/>
    </row>
    <row r="14779" spans="35:39" x14ac:dyDescent="0.35">
      <c r="AI14779" s="84"/>
      <c r="AM14779" s="84"/>
    </row>
    <row r="14780" spans="35:39" x14ac:dyDescent="0.35">
      <c r="AI14780" s="84"/>
      <c r="AM14780" s="84"/>
    </row>
    <row r="14781" spans="35:39" x14ac:dyDescent="0.35">
      <c r="AI14781" s="84"/>
      <c r="AM14781" s="84"/>
    </row>
    <row r="14782" spans="35:39" x14ac:dyDescent="0.35">
      <c r="AI14782" s="84"/>
      <c r="AM14782" s="84"/>
    </row>
    <row r="14783" spans="35:39" x14ac:dyDescent="0.35">
      <c r="AI14783" s="84"/>
      <c r="AM14783" s="84"/>
    </row>
    <row r="14784" spans="35:39" x14ac:dyDescent="0.35">
      <c r="AI14784" s="84"/>
      <c r="AM14784" s="84"/>
    </row>
    <row r="14785" spans="35:39" x14ac:dyDescent="0.35">
      <c r="AI14785" s="84"/>
      <c r="AM14785" s="84"/>
    </row>
    <row r="14786" spans="35:39" x14ac:dyDescent="0.35">
      <c r="AI14786" s="84"/>
      <c r="AM14786" s="84"/>
    </row>
    <row r="14787" spans="35:39" x14ac:dyDescent="0.35">
      <c r="AI14787" s="84"/>
      <c r="AM14787" s="84"/>
    </row>
    <row r="14788" spans="35:39" x14ac:dyDescent="0.35">
      <c r="AI14788" s="84"/>
      <c r="AM14788" s="84"/>
    </row>
    <row r="14789" spans="35:39" x14ac:dyDescent="0.35">
      <c r="AI14789" s="84"/>
      <c r="AM14789" s="84"/>
    </row>
    <row r="14790" spans="35:39" x14ac:dyDescent="0.35">
      <c r="AI14790" s="84"/>
      <c r="AM14790" s="84"/>
    </row>
    <row r="14791" spans="35:39" x14ac:dyDescent="0.35">
      <c r="AI14791" s="84"/>
      <c r="AM14791" s="84"/>
    </row>
    <row r="14792" spans="35:39" x14ac:dyDescent="0.35">
      <c r="AI14792" s="84"/>
      <c r="AM14792" s="84"/>
    </row>
    <row r="14793" spans="35:39" x14ac:dyDescent="0.35">
      <c r="AI14793" s="84"/>
      <c r="AM14793" s="84"/>
    </row>
    <row r="14794" spans="35:39" x14ac:dyDescent="0.35">
      <c r="AI14794" s="84"/>
      <c r="AM14794" s="84"/>
    </row>
    <row r="14795" spans="35:39" x14ac:dyDescent="0.35">
      <c r="AI14795" s="84"/>
      <c r="AM14795" s="84"/>
    </row>
    <row r="14796" spans="35:39" x14ac:dyDescent="0.35">
      <c r="AI14796" s="84"/>
      <c r="AM14796" s="84"/>
    </row>
    <row r="14797" spans="35:39" x14ac:dyDescent="0.35">
      <c r="AI14797" s="84"/>
      <c r="AM14797" s="84"/>
    </row>
    <row r="14798" spans="35:39" x14ac:dyDescent="0.35">
      <c r="AI14798" s="84"/>
      <c r="AM14798" s="84"/>
    </row>
    <row r="14799" spans="35:39" x14ac:dyDescent="0.35">
      <c r="AI14799" s="84"/>
      <c r="AM14799" s="84"/>
    </row>
    <row r="14800" spans="35:39" x14ac:dyDescent="0.35">
      <c r="AI14800" s="84"/>
      <c r="AM14800" s="84"/>
    </row>
    <row r="14801" spans="35:39" x14ac:dyDescent="0.35">
      <c r="AI14801" s="84"/>
      <c r="AM14801" s="84"/>
    </row>
    <row r="14802" spans="35:39" x14ac:dyDescent="0.35">
      <c r="AI14802" s="84"/>
      <c r="AM14802" s="84"/>
    </row>
    <row r="14803" spans="35:39" x14ac:dyDescent="0.35">
      <c r="AI14803" s="84"/>
      <c r="AM14803" s="84"/>
    </row>
    <row r="14804" spans="35:39" x14ac:dyDescent="0.35">
      <c r="AI14804" s="84"/>
      <c r="AM14804" s="84"/>
    </row>
    <row r="14805" spans="35:39" x14ac:dyDescent="0.35">
      <c r="AI14805" s="84"/>
      <c r="AM14805" s="84"/>
    </row>
    <row r="14806" spans="35:39" x14ac:dyDescent="0.35">
      <c r="AI14806" s="84"/>
      <c r="AM14806" s="84"/>
    </row>
    <row r="14807" spans="35:39" x14ac:dyDescent="0.35">
      <c r="AI14807" s="84"/>
      <c r="AM14807" s="84"/>
    </row>
    <row r="14808" spans="35:39" x14ac:dyDescent="0.35">
      <c r="AI14808" s="84"/>
      <c r="AM14808" s="84"/>
    </row>
    <row r="14809" spans="35:39" x14ac:dyDescent="0.35">
      <c r="AI14809" s="84"/>
      <c r="AM14809" s="84"/>
    </row>
    <row r="14810" spans="35:39" x14ac:dyDescent="0.35">
      <c r="AI14810" s="84"/>
      <c r="AM14810" s="84"/>
    </row>
    <row r="14811" spans="35:39" x14ac:dyDescent="0.35">
      <c r="AI14811" s="84"/>
      <c r="AM14811" s="84"/>
    </row>
    <row r="14812" spans="35:39" x14ac:dyDescent="0.35">
      <c r="AI14812" s="84"/>
      <c r="AM14812" s="84"/>
    </row>
    <row r="14813" spans="35:39" x14ac:dyDescent="0.35">
      <c r="AI14813" s="84"/>
      <c r="AM14813" s="84"/>
    </row>
    <row r="14814" spans="35:39" x14ac:dyDescent="0.35">
      <c r="AI14814" s="84"/>
      <c r="AM14814" s="84"/>
    </row>
    <row r="14815" spans="35:39" x14ac:dyDescent="0.35">
      <c r="AI14815" s="84"/>
      <c r="AM14815" s="84"/>
    </row>
    <row r="14816" spans="35:39" x14ac:dyDescent="0.35">
      <c r="AI14816" s="84"/>
      <c r="AM14816" s="84"/>
    </row>
    <row r="14817" spans="35:39" x14ac:dyDescent="0.35">
      <c r="AI14817" s="84"/>
      <c r="AM14817" s="84"/>
    </row>
    <row r="14818" spans="35:39" x14ac:dyDescent="0.35">
      <c r="AI14818" s="84"/>
      <c r="AM14818" s="84"/>
    </row>
    <row r="14819" spans="35:39" x14ac:dyDescent="0.35">
      <c r="AI14819" s="84"/>
      <c r="AM14819" s="84"/>
    </row>
    <row r="14820" spans="35:39" x14ac:dyDescent="0.35">
      <c r="AI14820" s="84"/>
      <c r="AM14820" s="84"/>
    </row>
    <row r="14821" spans="35:39" x14ac:dyDescent="0.35">
      <c r="AI14821" s="84"/>
      <c r="AM14821" s="84"/>
    </row>
    <row r="14822" spans="35:39" x14ac:dyDescent="0.35">
      <c r="AI14822" s="84"/>
      <c r="AM14822" s="84"/>
    </row>
    <row r="14823" spans="35:39" x14ac:dyDescent="0.35">
      <c r="AI14823" s="84"/>
      <c r="AM14823" s="84"/>
    </row>
    <row r="14824" spans="35:39" x14ac:dyDescent="0.35">
      <c r="AI14824" s="84"/>
      <c r="AM14824" s="84"/>
    </row>
    <row r="14825" spans="35:39" x14ac:dyDescent="0.35">
      <c r="AI14825" s="84"/>
      <c r="AM14825" s="84"/>
    </row>
    <row r="14826" spans="35:39" x14ac:dyDescent="0.35">
      <c r="AI14826" s="84"/>
      <c r="AM14826" s="84"/>
    </row>
    <row r="14827" spans="35:39" x14ac:dyDescent="0.35">
      <c r="AI14827" s="84"/>
      <c r="AM14827" s="84"/>
    </row>
    <row r="14828" spans="35:39" x14ac:dyDescent="0.35">
      <c r="AI14828" s="84"/>
      <c r="AM14828" s="84"/>
    </row>
    <row r="14829" spans="35:39" x14ac:dyDescent="0.35">
      <c r="AI14829" s="84"/>
      <c r="AM14829" s="84"/>
    </row>
    <row r="14830" spans="35:39" x14ac:dyDescent="0.35">
      <c r="AI14830" s="84"/>
      <c r="AM14830" s="84"/>
    </row>
    <row r="14831" spans="35:39" x14ac:dyDescent="0.35">
      <c r="AI14831" s="84"/>
      <c r="AM14831" s="84"/>
    </row>
    <row r="14832" spans="35:39" x14ac:dyDescent="0.35">
      <c r="AI14832" s="84"/>
      <c r="AM14832" s="84"/>
    </row>
    <row r="14833" spans="35:39" x14ac:dyDescent="0.35">
      <c r="AI14833" s="84"/>
      <c r="AM14833" s="84"/>
    </row>
    <row r="14834" spans="35:39" x14ac:dyDescent="0.35">
      <c r="AI14834" s="84"/>
      <c r="AM14834" s="84"/>
    </row>
    <row r="14835" spans="35:39" x14ac:dyDescent="0.35">
      <c r="AI14835" s="84"/>
      <c r="AM14835" s="84"/>
    </row>
    <row r="14836" spans="35:39" x14ac:dyDescent="0.35">
      <c r="AI14836" s="84"/>
      <c r="AM14836" s="84"/>
    </row>
    <row r="14837" spans="35:39" x14ac:dyDescent="0.35">
      <c r="AI14837" s="84"/>
      <c r="AM14837" s="84"/>
    </row>
    <row r="14838" spans="35:39" x14ac:dyDescent="0.35">
      <c r="AI14838" s="84"/>
      <c r="AM14838" s="84"/>
    </row>
    <row r="14839" spans="35:39" x14ac:dyDescent="0.35">
      <c r="AI14839" s="84"/>
      <c r="AM14839" s="84"/>
    </row>
    <row r="14840" spans="35:39" x14ac:dyDescent="0.35">
      <c r="AI14840" s="84"/>
      <c r="AM14840" s="84"/>
    </row>
    <row r="14841" spans="35:39" x14ac:dyDescent="0.35">
      <c r="AI14841" s="84"/>
      <c r="AM14841" s="84"/>
    </row>
    <row r="14842" spans="35:39" x14ac:dyDescent="0.35">
      <c r="AI14842" s="84"/>
      <c r="AM14842" s="84"/>
    </row>
    <row r="14843" spans="35:39" x14ac:dyDescent="0.35">
      <c r="AI14843" s="84"/>
      <c r="AM14843" s="84"/>
    </row>
    <row r="14844" spans="35:39" x14ac:dyDescent="0.35">
      <c r="AI14844" s="84"/>
      <c r="AM14844" s="84"/>
    </row>
    <row r="14845" spans="35:39" x14ac:dyDescent="0.35">
      <c r="AI14845" s="84"/>
      <c r="AM14845" s="84"/>
    </row>
    <row r="14846" spans="35:39" x14ac:dyDescent="0.35">
      <c r="AI14846" s="84"/>
      <c r="AM14846" s="84"/>
    </row>
    <row r="14847" spans="35:39" x14ac:dyDescent="0.35">
      <c r="AI14847" s="84"/>
      <c r="AM14847" s="84"/>
    </row>
    <row r="14848" spans="35:39" x14ac:dyDescent="0.35">
      <c r="AI14848" s="84"/>
      <c r="AM14848" s="84"/>
    </row>
    <row r="14849" spans="35:39" x14ac:dyDescent="0.35">
      <c r="AI14849" s="84"/>
      <c r="AM14849" s="84"/>
    </row>
    <row r="14850" spans="35:39" x14ac:dyDescent="0.35">
      <c r="AI14850" s="84"/>
      <c r="AM14850" s="84"/>
    </row>
    <row r="14851" spans="35:39" x14ac:dyDescent="0.35">
      <c r="AI14851" s="84"/>
      <c r="AM14851" s="84"/>
    </row>
    <row r="14852" spans="35:39" x14ac:dyDescent="0.35">
      <c r="AI14852" s="84"/>
      <c r="AM14852" s="84"/>
    </row>
    <row r="14853" spans="35:39" x14ac:dyDescent="0.35">
      <c r="AI14853" s="84"/>
      <c r="AM14853" s="84"/>
    </row>
    <row r="14854" spans="35:39" x14ac:dyDescent="0.35">
      <c r="AI14854" s="84"/>
      <c r="AM14854" s="84"/>
    </row>
    <row r="14855" spans="35:39" x14ac:dyDescent="0.35">
      <c r="AI14855" s="84"/>
      <c r="AM14855" s="84"/>
    </row>
    <row r="14856" spans="35:39" x14ac:dyDescent="0.35">
      <c r="AI14856" s="84"/>
      <c r="AM14856" s="84"/>
    </row>
    <row r="14857" spans="35:39" x14ac:dyDescent="0.35">
      <c r="AI14857" s="84"/>
      <c r="AM14857" s="84"/>
    </row>
    <row r="14858" spans="35:39" x14ac:dyDescent="0.35">
      <c r="AI14858" s="84"/>
      <c r="AM14858" s="84"/>
    </row>
    <row r="14859" spans="35:39" x14ac:dyDescent="0.35">
      <c r="AI14859" s="84"/>
      <c r="AM14859" s="84"/>
    </row>
    <row r="14860" spans="35:39" x14ac:dyDescent="0.35">
      <c r="AI14860" s="84"/>
      <c r="AM14860" s="84"/>
    </row>
    <row r="14861" spans="35:39" x14ac:dyDescent="0.35">
      <c r="AI14861" s="84"/>
      <c r="AM14861" s="84"/>
    </row>
    <row r="14862" spans="35:39" x14ac:dyDescent="0.35">
      <c r="AI14862" s="84"/>
      <c r="AM14862" s="84"/>
    </row>
    <row r="14863" spans="35:39" x14ac:dyDescent="0.35">
      <c r="AI14863" s="84"/>
      <c r="AM14863" s="84"/>
    </row>
    <row r="14864" spans="35:39" x14ac:dyDescent="0.35">
      <c r="AI14864" s="84"/>
      <c r="AM14864" s="84"/>
    </row>
    <row r="14865" spans="35:39" x14ac:dyDescent="0.35">
      <c r="AI14865" s="84"/>
      <c r="AM14865" s="84"/>
    </row>
    <row r="14866" spans="35:39" x14ac:dyDescent="0.35">
      <c r="AI14866" s="84"/>
      <c r="AM14866" s="84"/>
    </row>
    <row r="14867" spans="35:39" x14ac:dyDescent="0.35">
      <c r="AI14867" s="84"/>
      <c r="AM14867" s="84"/>
    </row>
    <row r="14868" spans="35:39" x14ac:dyDescent="0.35">
      <c r="AI14868" s="84"/>
      <c r="AM14868" s="84"/>
    </row>
    <row r="14869" spans="35:39" x14ac:dyDescent="0.35">
      <c r="AI14869" s="84"/>
      <c r="AM14869" s="84"/>
    </row>
    <row r="14870" spans="35:39" x14ac:dyDescent="0.35">
      <c r="AI14870" s="84"/>
      <c r="AM14870" s="84"/>
    </row>
    <row r="14871" spans="35:39" x14ac:dyDescent="0.35">
      <c r="AI14871" s="84"/>
      <c r="AM14871" s="84"/>
    </row>
    <row r="14872" spans="35:39" x14ac:dyDescent="0.35">
      <c r="AI14872" s="84"/>
      <c r="AM14872" s="84"/>
    </row>
    <row r="14873" spans="35:39" x14ac:dyDescent="0.35">
      <c r="AI14873" s="84"/>
      <c r="AM14873" s="84"/>
    </row>
    <row r="14874" spans="35:39" x14ac:dyDescent="0.35">
      <c r="AI14874" s="84"/>
      <c r="AM14874" s="84"/>
    </row>
    <row r="14875" spans="35:39" x14ac:dyDescent="0.35">
      <c r="AI14875" s="84"/>
      <c r="AM14875" s="84"/>
    </row>
    <row r="14876" spans="35:39" x14ac:dyDescent="0.35">
      <c r="AI14876" s="84"/>
      <c r="AM14876" s="84"/>
    </row>
    <row r="14877" spans="35:39" x14ac:dyDescent="0.35">
      <c r="AI14877" s="84"/>
      <c r="AM14877" s="84"/>
    </row>
    <row r="14878" spans="35:39" x14ac:dyDescent="0.35">
      <c r="AI14878" s="84"/>
      <c r="AM14878" s="84"/>
    </row>
    <row r="14879" spans="35:39" x14ac:dyDescent="0.35">
      <c r="AI14879" s="84"/>
      <c r="AM14879" s="84"/>
    </row>
    <row r="14880" spans="35:39" x14ac:dyDescent="0.35">
      <c r="AI14880" s="84"/>
      <c r="AM14880" s="84"/>
    </row>
    <row r="14881" spans="35:39" x14ac:dyDescent="0.35">
      <c r="AI14881" s="84"/>
      <c r="AM14881" s="84"/>
    </row>
    <row r="14882" spans="35:39" x14ac:dyDescent="0.35">
      <c r="AI14882" s="84"/>
      <c r="AM14882" s="84"/>
    </row>
    <row r="14883" spans="35:39" x14ac:dyDescent="0.35">
      <c r="AI14883" s="84"/>
      <c r="AM14883" s="84"/>
    </row>
    <row r="14884" spans="35:39" x14ac:dyDescent="0.35">
      <c r="AI14884" s="84"/>
      <c r="AM14884" s="84"/>
    </row>
    <row r="14885" spans="35:39" x14ac:dyDescent="0.35">
      <c r="AI14885" s="84"/>
      <c r="AM14885" s="84"/>
    </row>
    <row r="14886" spans="35:39" x14ac:dyDescent="0.35">
      <c r="AI14886" s="84"/>
      <c r="AM14886" s="84"/>
    </row>
    <row r="14887" spans="35:39" x14ac:dyDescent="0.35">
      <c r="AI14887" s="84"/>
      <c r="AM14887" s="84"/>
    </row>
    <row r="14888" spans="35:39" x14ac:dyDescent="0.35">
      <c r="AI14888" s="84"/>
      <c r="AM14888" s="84"/>
    </row>
    <row r="14889" spans="35:39" x14ac:dyDescent="0.35">
      <c r="AI14889" s="84"/>
      <c r="AM14889" s="84"/>
    </row>
    <row r="14890" spans="35:39" x14ac:dyDescent="0.35">
      <c r="AI14890" s="84"/>
      <c r="AM14890" s="84"/>
    </row>
    <row r="14891" spans="35:39" x14ac:dyDescent="0.35">
      <c r="AI14891" s="84"/>
      <c r="AM14891" s="84"/>
    </row>
    <row r="14892" spans="35:39" x14ac:dyDescent="0.35">
      <c r="AI14892" s="84"/>
      <c r="AM14892" s="84"/>
    </row>
    <row r="14893" spans="35:39" x14ac:dyDescent="0.35">
      <c r="AI14893" s="84"/>
      <c r="AM14893" s="84"/>
    </row>
    <row r="14894" spans="35:39" x14ac:dyDescent="0.35">
      <c r="AI14894" s="84"/>
      <c r="AM14894" s="84"/>
    </row>
    <row r="14895" spans="35:39" x14ac:dyDescent="0.35">
      <c r="AI14895" s="84"/>
      <c r="AM14895" s="84"/>
    </row>
    <row r="14896" spans="35:39" x14ac:dyDescent="0.35">
      <c r="AI14896" s="84"/>
      <c r="AM14896" s="84"/>
    </row>
    <row r="14897" spans="35:39" x14ac:dyDescent="0.35">
      <c r="AI14897" s="84"/>
      <c r="AM14897" s="84"/>
    </row>
    <row r="14898" spans="35:39" x14ac:dyDescent="0.35">
      <c r="AI14898" s="84"/>
      <c r="AM14898" s="84"/>
    </row>
    <row r="14899" spans="35:39" x14ac:dyDescent="0.35">
      <c r="AI14899" s="84"/>
      <c r="AM14899" s="84"/>
    </row>
    <row r="14900" spans="35:39" x14ac:dyDescent="0.35">
      <c r="AI14900" s="84"/>
      <c r="AM14900" s="84"/>
    </row>
    <row r="14901" spans="35:39" x14ac:dyDescent="0.35">
      <c r="AI14901" s="84"/>
      <c r="AM14901" s="84"/>
    </row>
    <row r="14902" spans="35:39" x14ac:dyDescent="0.35">
      <c r="AI14902" s="84"/>
      <c r="AM14902" s="84"/>
    </row>
    <row r="14903" spans="35:39" x14ac:dyDescent="0.35">
      <c r="AI14903" s="84"/>
      <c r="AM14903" s="84"/>
    </row>
    <row r="14904" spans="35:39" x14ac:dyDescent="0.35">
      <c r="AI14904" s="84"/>
      <c r="AM14904" s="84"/>
    </row>
    <row r="14905" spans="35:39" x14ac:dyDescent="0.35">
      <c r="AI14905" s="84"/>
      <c r="AM14905" s="84"/>
    </row>
    <row r="14906" spans="35:39" x14ac:dyDescent="0.35">
      <c r="AI14906" s="84"/>
      <c r="AM14906" s="84"/>
    </row>
    <row r="14907" spans="35:39" x14ac:dyDescent="0.35">
      <c r="AI14907" s="84"/>
      <c r="AM14907" s="84"/>
    </row>
    <row r="14908" spans="35:39" x14ac:dyDescent="0.35">
      <c r="AI14908" s="84"/>
      <c r="AM14908" s="84"/>
    </row>
    <row r="14909" spans="35:39" x14ac:dyDescent="0.35">
      <c r="AI14909" s="84"/>
      <c r="AM14909" s="84"/>
    </row>
    <row r="14910" spans="35:39" x14ac:dyDescent="0.35">
      <c r="AI14910" s="84"/>
      <c r="AM14910" s="84"/>
    </row>
    <row r="14911" spans="35:39" x14ac:dyDescent="0.35">
      <c r="AI14911" s="84"/>
      <c r="AM14911" s="84"/>
    </row>
    <row r="14912" spans="35:39" x14ac:dyDescent="0.35">
      <c r="AI14912" s="84"/>
      <c r="AM14912" s="84"/>
    </row>
    <row r="14913" spans="35:39" x14ac:dyDescent="0.35">
      <c r="AI14913" s="84"/>
      <c r="AM14913" s="84"/>
    </row>
    <row r="14914" spans="35:39" x14ac:dyDescent="0.35">
      <c r="AI14914" s="84"/>
      <c r="AM14914" s="84"/>
    </row>
    <row r="14915" spans="35:39" x14ac:dyDescent="0.35">
      <c r="AI14915" s="84"/>
      <c r="AM14915" s="84"/>
    </row>
    <row r="14916" spans="35:39" x14ac:dyDescent="0.35">
      <c r="AI14916" s="84"/>
      <c r="AM14916" s="84"/>
    </row>
    <row r="14917" spans="35:39" x14ac:dyDescent="0.35">
      <c r="AI14917" s="84"/>
      <c r="AM14917" s="84"/>
    </row>
    <row r="14918" spans="35:39" x14ac:dyDescent="0.35">
      <c r="AI14918" s="84"/>
      <c r="AM14918" s="84"/>
    </row>
    <row r="14919" spans="35:39" x14ac:dyDescent="0.35">
      <c r="AI14919" s="84"/>
      <c r="AM14919" s="84"/>
    </row>
    <row r="14920" spans="35:39" x14ac:dyDescent="0.35">
      <c r="AI14920" s="84"/>
      <c r="AM14920" s="84"/>
    </row>
    <row r="14921" spans="35:39" x14ac:dyDescent="0.35">
      <c r="AI14921" s="84"/>
      <c r="AM14921" s="84"/>
    </row>
    <row r="14922" spans="35:39" x14ac:dyDescent="0.35">
      <c r="AI14922" s="84"/>
      <c r="AM14922" s="84"/>
    </row>
    <row r="14923" spans="35:39" x14ac:dyDescent="0.35">
      <c r="AI14923" s="84"/>
      <c r="AM14923" s="84"/>
    </row>
    <row r="14924" spans="35:39" x14ac:dyDescent="0.35">
      <c r="AI14924" s="84"/>
      <c r="AM14924" s="84"/>
    </row>
    <row r="14925" spans="35:39" x14ac:dyDescent="0.35">
      <c r="AI14925" s="84"/>
      <c r="AM14925" s="84"/>
    </row>
    <row r="14926" spans="35:39" x14ac:dyDescent="0.35">
      <c r="AI14926" s="84"/>
      <c r="AM14926" s="84"/>
    </row>
    <row r="14927" spans="35:39" x14ac:dyDescent="0.35">
      <c r="AI14927" s="84"/>
      <c r="AM14927" s="84"/>
    </row>
    <row r="14928" spans="35:39" x14ac:dyDescent="0.35">
      <c r="AI14928" s="84"/>
      <c r="AM14928" s="84"/>
    </row>
    <row r="14929" spans="35:39" x14ac:dyDescent="0.35">
      <c r="AI14929" s="84"/>
      <c r="AM14929" s="84"/>
    </row>
    <row r="14930" spans="35:39" x14ac:dyDescent="0.35">
      <c r="AI14930" s="84"/>
      <c r="AM14930" s="84"/>
    </row>
    <row r="14931" spans="35:39" x14ac:dyDescent="0.35">
      <c r="AI14931" s="84"/>
      <c r="AM14931" s="84"/>
    </row>
    <row r="14932" spans="35:39" x14ac:dyDescent="0.35">
      <c r="AI14932" s="84"/>
      <c r="AM14932" s="84"/>
    </row>
    <row r="14933" spans="35:39" x14ac:dyDescent="0.35">
      <c r="AI14933" s="84"/>
      <c r="AM14933" s="84"/>
    </row>
    <row r="14934" spans="35:39" x14ac:dyDescent="0.35">
      <c r="AI14934" s="84"/>
      <c r="AM14934" s="84"/>
    </row>
    <row r="14935" spans="35:39" x14ac:dyDescent="0.35">
      <c r="AI14935" s="84"/>
      <c r="AM14935" s="84"/>
    </row>
    <row r="14936" spans="35:39" x14ac:dyDescent="0.35">
      <c r="AI14936" s="84"/>
      <c r="AM14936" s="84"/>
    </row>
    <row r="14937" spans="35:39" x14ac:dyDescent="0.35">
      <c r="AI14937" s="84"/>
      <c r="AM14937" s="84"/>
    </row>
    <row r="14938" spans="35:39" x14ac:dyDescent="0.35">
      <c r="AI14938" s="84"/>
      <c r="AM14938" s="84"/>
    </row>
    <row r="14939" spans="35:39" x14ac:dyDescent="0.35">
      <c r="AI14939" s="84"/>
      <c r="AM14939" s="84"/>
    </row>
    <row r="14940" spans="35:39" x14ac:dyDescent="0.35">
      <c r="AI14940" s="84"/>
      <c r="AM14940" s="84"/>
    </row>
    <row r="14941" spans="35:39" x14ac:dyDescent="0.35">
      <c r="AI14941" s="84"/>
      <c r="AM14941" s="84"/>
    </row>
    <row r="14942" spans="35:39" x14ac:dyDescent="0.35">
      <c r="AI14942" s="84"/>
      <c r="AM14942" s="84"/>
    </row>
    <row r="14943" spans="35:39" x14ac:dyDescent="0.35">
      <c r="AI14943" s="84"/>
      <c r="AM14943" s="84"/>
    </row>
    <row r="14944" spans="35:39" x14ac:dyDescent="0.35">
      <c r="AI14944" s="84"/>
      <c r="AM14944" s="84"/>
    </row>
    <row r="14945" spans="35:39" x14ac:dyDescent="0.35">
      <c r="AI14945" s="84"/>
      <c r="AM14945" s="84"/>
    </row>
    <row r="14946" spans="35:39" x14ac:dyDescent="0.35">
      <c r="AI14946" s="84"/>
      <c r="AM14946" s="84"/>
    </row>
    <row r="14947" spans="35:39" x14ac:dyDescent="0.35">
      <c r="AI14947" s="84"/>
      <c r="AM14947" s="84"/>
    </row>
    <row r="14948" spans="35:39" x14ac:dyDescent="0.35">
      <c r="AI14948" s="84"/>
      <c r="AM14948" s="84"/>
    </row>
    <row r="14949" spans="35:39" x14ac:dyDescent="0.35">
      <c r="AI14949" s="84"/>
      <c r="AM14949" s="84"/>
    </row>
    <row r="14950" spans="35:39" x14ac:dyDescent="0.35">
      <c r="AI14950" s="84"/>
      <c r="AM14950" s="84"/>
    </row>
    <row r="14951" spans="35:39" x14ac:dyDescent="0.35">
      <c r="AI14951" s="84"/>
      <c r="AM14951" s="84"/>
    </row>
    <row r="14952" spans="35:39" x14ac:dyDescent="0.35">
      <c r="AI14952" s="84"/>
      <c r="AM14952" s="84"/>
    </row>
    <row r="14953" spans="35:39" x14ac:dyDescent="0.35">
      <c r="AI14953" s="84"/>
      <c r="AM14953" s="84"/>
    </row>
    <row r="14954" spans="35:39" x14ac:dyDescent="0.35">
      <c r="AI14954" s="84"/>
      <c r="AM14954" s="84"/>
    </row>
    <row r="14955" spans="35:39" x14ac:dyDescent="0.35">
      <c r="AI14955" s="84"/>
      <c r="AM14955" s="84"/>
    </row>
    <row r="14956" spans="35:39" x14ac:dyDescent="0.35">
      <c r="AI14956" s="84"/>
      <c r="AM14956" s="84"/>
    </row>
    <row r="14957" spans="35:39" x14ac:dyDescent="0.35">
      <c r="AI14957" s="84"/>
      <c r="AM14957" s="84"/>
    </row>
    <row r="14958" spans="35:39" x14ac:dyDescent="0.35">
      <c r="AI14958" s="84"/>
      <c r="AM14958" s="84"/>
    </row>
    <row r="14959" spans="35:39" x14ac:dyDescent="0.35">
      <c r="AI14959" s="84"/>
      <c r="AM14959" s="84"/>
    </row>
    <row r="14960" spans="35:39" x14ac:dyDescent="0.35">
      <c r="AI14960" s="84"/>
      <c r="AM14960" s="84"/>
    </row>
    <row r="14961" spans="35:39" x14ac:dyDescent="0.35">
      <c r="AI14961" s="84"/>
      <c r="AM14961" s="84"/>
    </row>
    <row r="14962" spans="35:39" x14ac:dyDescent="0.35">
      <c r="AI14962" s="84"/>
      <c r="AM14962" s="84"/>
    </row>
    <row r="14963" spans="35:39" x14ac:dyDescent="0.35">
      <c r="AI14963" s="84"/>
      <c r="AM14963" s="84"/>
    </row>
    <row r="14964" spans="35:39" x14ac:dyDescent="0.35">
      <c r="AI14964" s="84"/>
      <c r="AM14964" s="84"/>
    </row>
    <row r="14965" spans="35:39" x14ac:dyDescent="0.35">
      <c r="AI14965" s="84"/>
      <c r="AM14965" s="84"/>
    </row>
    <row r="14966" spans="35:39" x14ac:dyDescent="0.35">
      <c r="AI14966" s="84"/>
      <c r="AM14966" s="84"/>
    </row>
    <row r="14967" spans="35:39" x14ac:dyDescent="0.35">
      <c r="AI14967" s="84"/>
      <c r="AM14967" s="84"/>
    </row>
    <row r="14968" spans="35:39" x14ac:dyDescent="0.35">
      <c r="AI14968" s="84"/>
      <c r="AM14968" s="84"/>
    </row>
    <row r="14969" spans="35:39" x14ac:dyDescent="0.35">
      <c r="AI14969" s="84"/>
      <c r="AM14969" s="84"/>
    </row>
    <row r="14970" spans="35:39" x14ac:dyDescent="0.35">
      <c r="AI14970" s="84"/>
      <c r="AM14970" s="84"/>
    </row>
    <row r="14971" spans="35:39" x14ac:dyDescent="0.35">
      <c r="AI14971" s="84"/>
      <c r="AM14971" s="84"/>
    </row>
    <row r="14972" spans="35:39" x14ac:dyDescent="0.35">
      <c r="AI14972" s="84"/>
      <c r="AM14972" s="84"/>
    </row>
    <row r="14973" spans="35:39" x14ac:dyDescent="0.35">
      <c r="AI14973" s="84"/>
      <c r="AM14973" s="84"/>
    </row>
    <row r="14974" spans="35:39" x14ac:dyDescent="0.35">
      <c r="AI14974" s="84"/>
      <c r="AM14974" s="84"/>
    </row>
    <row r="14975" spans="35:39" x14ac:dyDescent="0.35">
      <c r="AI14975" s="84"/>
      <c r="AM14975" s="84"/>
    </row>
    <row r="14976" spans="35:39" x14ac:dyDescent="0.35">
      <c r="AI14976" s="84"/>
      <c r="AM14976" s="84"/>
    </row>
    <row r="14977" spans="35:39" x14ac:dyDescent="0.35">
      <c r="AI14977" s="84"/>
      <c r="AM14977" s="84"/>
    </row>
    <row r="14978" spans="35:39" x14ac:dyDescent="0.35">
      <c r="AI14978" s="84"/>
      <c r="AM14978" s="84"/>
    </row>
    <row r="14979" spans="35:39" x14ac:dyDescent="0.35">
      <c r="AI14979" s="84"/>
      <c r="AM14979" s="84"/>
    </row>
    <row r="14980" spans="35:39" x14ac:dyDescent="0.35">
      <c r="AI14980" s="84"/>
      <c r="AM14980" s="84"/>
    </row>
    <row r="14981" spans="35:39" x14ac:dyDescent="0.35">
      <c r="AI14981" s="84"/>
      <c r="AM14981" s="84"/>
    </row>
    <row r="14982" spans="35:39" x14ac:dyDescent="0.35">
      <c r="AI14982" s="84"/>
      <c r="AM14982" s="84"/>
    </row>
    <row r="14983" spans="35:39" x14ac:dyDescent="0.35">
      <c r="AI14983" s="84"/>
      <c r="AM14983" s="84"/>
    </row>
    <row r="14984" spans="35:39" x14ac:dyDescent="0.35">
      <c r="AI14984" s="84"/>
      <c r="AM14984" s="84"/>
    </row>
    <row r="14985" spans="35:39" x14ac:dyDescent="0.35">
      <c r="AI14985" s="84"/>
      <c r="AM14985" s="84"/>
    </row>
    <row r="14986" spans="35:39" x14ac:dyDescent="0.35">
      <c r="AI14986" s="84"/>
      <c r="AM14986" s="84"/>
    </row>
    <row r="14987" spans="35:39" x14ac:dyDescent="0.35">
      <c r="AI14987" s="84"/>
      <c r="AM14987" s="84"/>
    </row>
    <row r="14988" spans="35:39" x14ac:dyDescent="0.35">
      <c r="AI14988" s="84"/>
      <c r="AM14988" s="84"/>
    </row>
    <row r="14989" spans="35:39" x14ac:dyDescent="0.35">
      <c r="AI14989" s="84"/>
      <c r="AM14989" s="84"/>
    </row>
    <row r="14990" spans="35:39" x14ac:dyDescent="0.35">
      <c r="AI14990" s="84"/>
      <c r="AM14990" s="84"/>
    </row>
    <row r="14991" spans="35:39" x14ac:dyDescent="0.35">
      <c r="AI14991" s="84"/>
      <c r="AM14991" s="84"/>
    </row>
    <row r="14992" spans="35:39" x14ac:dyDescent="0.35">
      <c r="AI14992" s="84"/>
      <c r="AM14992" s="84"/>
    </row>
    <row r="14993" spans="35:39" x14ac:dyDescent="0.35">
      <c r="AI14993" s="84"/>
      <c r="AM14993" s="84"/>
    </row>
    <row r="14994" spans="35:39" x14ac:dyDescent="0.35">
      <c r="AI14994" s="84"/>
      <c r="AM14994" s="84"/>
    </row>
    <row r="14995" spans="35:39" x14ac:dyDescent="0.35">
      <c r="AI14995" s="84"/>
      <c r="AM14995" s="84"/>
    </row>
    <row r="14996" spans="35:39" x14ac:dyDescent="0.35">
      <c r="AI14996" s="84"/>
      <c r="AM14996" s="84"/>
    </row>
    <row r="14997" spans="35:39" x14ac:dyDescent="0.35">
      <c r="AI14997" s="84"/>
      <c r="AM14997" s="84"/>
    </row>
    <row r="14998" spans="35:39" x14ac:dyDescent="0.35">
      <c r="AI14998" s="84"/>
      <c r="AM14998" s="84"/>
    </row>
    <row r="14999" spans="35:39" x14ac:dyDescent="0.35">
      <c r="AI14999" s="84"/>
      <c r="AM14999" s="84"/>
    </row>
    <row r="15000" spans="35:39" x14ac:dyDescent="0.35">
      <c r="AI15000" s="84"/>
      <c r="AM15000" s="84"/>
    </row>
    <row r="15001" spans="35:39" x14ac:dyDescent="0.35">
      <c r="AI15001" s="84"/>
      <c r="AM15001" s="84"/>
    </row>
    <row r="15002" spans="35:39" x14ac:dyDescent="0.35">
      <c r="AI15002" s="84"/>
      <c r="AM15002" s="84"/>
    </row>
    <row r="15003" spans="35:39" x14ac:dyDescent="0.35">
      <c r="AI15003" s="84"/>
      <c r="AM15003" s="84"/>
    </row>
    <row r="15004" spans="35:39" x14ac:dyDescent="0.35">
      <c r="AI15004" s="84"/>
      <c r="AM15004" s="84"/>
    </row>
    <row r="15005" spans="35:39" x14ac:dyDescent="0.35">
      <c r="AI15005" s="84"/>
      <c r="AM15005" s="84"/>
    </row>
    <row r="15006" spans="35:39" x14ac:dyDescent="0.35">
      <c r="AI15006" s="84"/>
      <c r="AM15006" s="84"/>
    </row>
    <row r="15007" spans="35:39" x14ac:dyDescent="0.35">
      <c r="AI15007" s="84"/>
      <c r="AM15007" s="84"/>
    </row>
    <row r="15008" spans="35:39" x14ac:dyDescent="0.35">
      <c r="AI15008" s="84"/>
      <c r="AM15008" s="84"/>
    </row>
    <row r="15009" spans="35:39" x14ac:dyDescent="0.35">
      <c r="AI15009" s="84"/>
      <c r="AM15009" s="84"/>
    </row>
    <row r="15010" spans="35:39" x14ac:dyDescent="0.35">
      <c r="AI15010" s="84"/>
      <c r="AM15010" s="84"/>
    </row>
    <row r="15011" spans="35:39" x14ac:dyDescent="0.35">
      <c r="AI15011" s="84"/>
      <c r="AM15011" s="84"/>
    </row>
    <row r="15012" spans="35:39" x14ac:dyDescent="0.35">
      <c r="AI15012" s="84"/>
      <c r="AM15012" s="84"/>
    </row>
    <row r="15013" spans="35:39" x14ac:dyDescent="0.35">
      <c r="AI15013" s="84"/>
      <c r="AM15013" s="84"/>
    </row>
    <row r="15014" spans="35:39" x14ac:dyDescent="0.35">
      <c r="AI15014" s="84"/>
      <c r="AM15014" s="84"/>
    </row>
    <row r="15015" spans="35:39" x14ac:dyDescent="0.35">
      <c r="AI15015" s="84"/>
      <c r="AM15015" s="84"/>
    </row>
    <row r="15016" spans="35:39" x14ac:dyDescent="0.35">
      <c r="AI15016" s="84"/>
      <c r="AM15016" s="84"/>
    </row>
    <row r="15017" spans="35:39" x14ac:dyDescent="0.35">
      <c r="AI15017" s="84"/>
      <c r="AM15017" s="84"/>
    </row>
    <row r="15018" spans="35:39" x14ac:dyDescent="0.35">
      <c r="AI15018" s="84"/>
      <c r="AM15018" s="84"/>
    </row>
    <row r="15019" spans="35:39" x14ac:dyDescent="0.35">
      <c r="AI15019" s="84"/>
      <c r="AM15019" s="84"/>
    </row>
    <row r="15020" spans="35:39" x14ac:dyDescent="0.35">
      <c r="AI15020" s="84"/>
      <c r="AM15020" s="84"/>
    </row>
    <row r="15021" spans="35:39" x14ac:dyDescent="0.35">
      <c r="AI15021" s="84"/>
      <c r="AM15021" s="84"/>
    </row>
    <row r="15022" spans="35:39" x14ac:dyDescent="0.35">
      <c r="AI15022" s="84"/>
      <c r="AM15022" s="84"/>
    </row>
    <row r="15023" spans="35:39" x14ac:dyDescent="0.35">
      <c r="AI15023" s="84"/>
      <c r="AM15023" s="84"/>
    </row>
    <row r="15024" spans="35:39" x14ac:dyDescent="0.35">
      <c r="AI15024" s="84"/>
      <c r="AM15024" s="84"/>
    </row>
    <row r="15025" spans="35:39" x14ac:dyDescent="0.35">
      <c r="AI15025" s="84"/>
      <c r="AM15025" s="84"/>
    </row>
    <row r="15026" spans="35:39" x14ac:dyDescent="0.35">
      <c r="AI15026" s="84"/>
      <c r="AM15026" s="84"/>
    </row>
    <row r="15027" spans="35:39" x14ac:dyDescent="0.35">
      <c r="AI15027" s="84"/>
      <c r="AM15027" s="84"/>
    </row>
    <row r="15028" spans="35:39" x14ac:dyDescent="0.35">
      <c r="AI15028" s="84"/>
      <c r="AM15028" s="84"/>
    </row>
    <row r="15029" spans="35:39" x14ac:dyDescent="0.35">
      <c r="AI15029" s="84"/>
      <c r="AM15029" s="84"/>
    </row>
    <row r="15030" spans="35:39" x14ac:dyDescent="0.35">
      <c r="AI15030" s="84"/>
      <c r="AM15030" s="84"/>
    </row>
    <row r="15031" spans="35:39" x14ac:dyDescent="0.35">
      <c r="AI15031" s="84"/>
      <c r="AM15031" s="84"/>
    </row>
    <row r="15032" spans="35:39" x14ac:dyDescent="0.35">
      <c r="AI15032" s="84"/>
      <c r="AM15032" s="84"/>
    </row>
    <row r="15033" spans="35:39" x14ac:dyDescent="0.35">
      <c r="AI15033" s="84"/>
      <c r="AM15033" s="84"/>
    </row>
    <row r="15034" spans="35:39" x14ac:dyDescent="0.35">
      <c r="AI15034" s="84"/>
      <c r="AM15034" s="84"/>
    </row>
    <row r="15035" spans="35:39" x14ac:dyDescent="0.35">
      <c r="AI15035" s="84"/>
      <c r="AM15035" s="84"/>
    </row>
    <row r="15036" spans="35:39" x14ac:dyDescent="0.35">
      <c r="AI15036" s="84"/>
      <c r="AM15036" s="84"/>
    </row>
    <row r="15037" spans="35:39" x14ac:dyDescent="0.35">
      <c r="AI15037" s="84"/>
      <c r="AM15037" s="84"/>
    </row>
    <row r="15038" spans="35:39" x14ac:dyDescent="0.35">
      <c r="AI15038" s="84"/>
      <c r="AM15038" s="84"/>
    </row>
    <row r="15039" spans="35:39" x14ac:dyDescent="0.35">
      <c r="AI15039" s="84"/>
      <c r="AM15039" s="84"/>
    </row>
    <row r="15040" spans="35:39" x14ac:dyDescent="0.35">
      <c r="AI15040" s="84"/>
      <c r="AM15040" s="84"/>
    </row>
    <row r="15041" spans="35:39" x14ac:dyDescent="0.35">
      <c r="AI15041" s="84"/>
      <c r="AM15041" s="84"/>
    </row>
    <row r="15042" spans="35:39" x14ac:dyDescent="0.35">
      <c r="AI15042" s="84"/>
      <c r="AM15042" s="84"/>
    </row>
    <row r="15043" spans="35:39" x14ac:dyDescent="0.35">
      <c r="AI15043" s="84"/>
      <c r="AM15043" s="84"/>
    </row>
    <row r="15044" spans="35:39" x14ac:dyDescent="0.35">
      <c r="AI15044" s="84"/>
      <c r="AM15044" s="84"/>
    </row>
    <row r="15045" spans="35:39" x14ac:dyDescent="0.35">
      <c r="AI15045" s="84"/>
      <c r="AM15045" s="84"/>
    </row>
    <row r="15046" spans="35:39" x14ac:dyDescent="0.35">
      <c r="AI15046" s="84"/>
      <c r="AM15046" s="84"/>
    </row>
    <row r="15047" spans="35:39" x14ac:dyDescent="0.35">
      <c r="AI15047" s="84"/>
      <c r="AM15047" s="84"/>
    </row>
    <row r="15048" spans="35:39" x14ac:dyDescent="0.35">
      <c r="AI15048" s="84"/>
      <c r="AM15048" s="84"/>
    </row>
    <row r="15049" spans="35:39" x14ac:dyDescent="0.35">
      <c r="AI15049" s="84"/>
      <c r="AM15049" s="84"/>
    </row>
    <row r="15050" spans="35:39" x14ac:dyDescent="0.35">
      <c r="AI15050" s="84"/>
      <c r="AM15050" s="84"/>
    </row>
    <row r="15051" spans="35:39" x14ac:dyDescent="0.35">
      <c r="AI15051" s="84"/>
      <c r="AM15051" s="84"/>
    </row>
    <row r="15052" spans="35:39" x14ac:dyDescent="0.35">
      <c r="AI15052" s="84"/>
      <c r="AM15052" s="84"/>
    </row>
    <row r="15053" spans="35:39" x14ac:dyDescent="0.35">
      <c r="AI15053" s="84"/>
      <c r="AM15053" s="84"/>
    </row>
    <row r="15054" spans="35:39" x14ac:dyDescent="0.35">
      <c r="AI15054" s="84"/>
      <c r="AM15054" s="84"/>
    </row>
    <row r="15055" spans="35:39" x14ac:dyDescent="0.35">
      <c r="AI15055" s="84"/>
      <c r="AM15055" s="84"/>
    </row>
    <row r="15056" spans="35:39" x14ac:dyDescent="0.35">
      <c r="AI15056" s="84"/>
      <c r="AM15056" s="84"/>
    </row>
    <row r="15057" spans="35:39" x14ac:dyDescent="0.35">
      <c r="AI15057" s="84"/>
      <c r="AM15057" s="84"/>
    </row>
    <row r="15058" spans="35:39" x14ac:dyDescent="0.35">
      <c r="AI15058" s="84"/>
      <c r="AM15058" s="84"/>
    </row>
    <row r="15059" spans="35:39" x14ac:dyDescent="0.35">
      <c r="AI15059" s="84"/>
      <c r="AM15059" s="84"/>
    </row>
    <row r="15060" spans="35:39" x14ac:dyDescent="0.35">
      <c r="AI15060" s="84"/>
      <c r="AM15060" s="84"/>
    </row>
    <row r="15061" spans="35:39" x14ac:dyDescent="0.35">
      <c r="AI15061" s="84"/>
      <c r="AM15061" s="84"/>
    </row>
    <row r="15062" spans="35:39" x14ac:dyDescent="0.35">
      <c r="AI15062" s="84"/>
      <c r="AM15062" s="84"/>
    </row>
    <row r="15063" spans="35:39" x14ac:dyDescent="0.35">
      <c r="AI15063" s="84"/>
      <c r="AM15063" s="84"/>
    </row>
    <row r="15064" spans="35:39" x14ac:dyDescent="0.35">
      <c r="AI15064" s="84"/>
      <c r="AM15064" s="84"/>
    </row>
    <row r="15065" spans="35:39" x14ac:dyDescent="0.35">
      <c r="AI15065" s="84"/>
      <c r="AM15065" s="84"/>
    </row>
    <row r="15066" spans="35:39" x14ac:dyDescent="0.35">
      <c r="AI15066" s="84"/>
      <c r="AM15066" s="84"/>
    </row>
    <row r="15067" spans="35:39" x14ac:dyDescent="0.35">
      <c r="AI15067" s="84"/>
      <c r="AM15067" s="84"/>
    </row>
    <row r="15068" spans="35:39" x14ac:dyDescent="0.35">
      <c r="AI15068" s="84"/>
      <c r="AM15068" s="84"/>
    </row>
    <row r="15069" spans="35:39" x14ac:dyDescent="0.35">
      <c r="AI15069" s="84"/>
      <c r="AM15069" s="84"/>
    </row>
    <row r="15070" spans="35:39" x14ac:dyDescent="0.35">
      <c r="AI15070" s="84"/>
      <c r="AM15070" s="84"/>
    </row>
    <row r="15071" spans="35:39" x14ac:dyDescent="0.35">
      <c r="AI15071" s="84"/>
      <c r="AM15071" s="84"/>
    </row>
    <row r="15072" spans="35:39" x14ac:dyDescent="0.35">
      <c r="AI15072" s="84"/>
      <c r="AM15072" s="84"/>
    </row>
    <row r="15073" spans="35:39" x14ac:dyDescent="0.35">
      <c r="AI15073" s="84"/>
      <c r="AM15073" s="84"/>
    </row>
    <row r="15074" spans="35:39" x14ac:dyDescent="0.35">
      <c r="AI15074" s="84"/>
      <c r="AM15074" s="84"/>
    </row>
    <row r="15075" spans="35:39" x14ac:dyDescent="0.35">
      <c r="AI15075" s="84"/>
      <c r="AM15075" s="84"/>
    </row>
    <row r="15076" spans="35:39" x14ac:dyDescent="0.35">
      <c r="AI15076" s="84"/>
      <c r="AM15076" s="84"/>
    </row>
    <row r="15077" spans="35:39" x14ac:dyDescent="0.35">
      <c r="AI15077" s="84"/>
      <c r="AM15077" s="84"/>
    </row>
    <row r="15078" spans="35:39" x14ac:dyDescent="0.35">
      <c r="AI15078" s="84"/>
      <c r="AM15078" s="84"/>
    </row>
    <row r="15079" spans="35:39" x14ac:dyDescent="0.35">
      <c r="AI15079" s="84"/>
      <c r="AM15079" s="84"/>
    </row>
    <row r="15080" spans="35:39" x14ac:dyDescent="0.35">
      <c r="AI15080" s="84"/>
      <c r="AM15080" s="84"/>
    </row>
    <row r="15081" spans="35:39" x14ac:dyDescent="0.35">
      <c r="AI15081" s="84"/>
      <c r="AM15081" s="84"/>
    </row>
    <row r="15082" spans="35:39" x14ac:dyDescent="0.35">
      <c r="AI15082" s="84"/>
      <c r="AM15082" s="84"/>
    </row>
    <row r="15083" spans="35:39" x14ac:dyDescent="0.35">
      <c r="AI15083" s="84"/>
      <c r="AM15083" s="84"/>
    </row>
    <row r="15084" spans="35:39" x14ac:dyDescent="0.35">
      <c r="AI15084" s="84"/>
      <c r="AM15084" s="84"/>
    </row>
    <row r="15085" spans="35:39" x14ac:dyDescent="0.35">
      <c r="AI15085" s="84"/>
      <c r="AM15085" s="84"/>
    </row>
    <row r="15086" spans="35:39" x14ac:dyDescent="0.35">
      <c r="AI15086" s="84"/>
      <c r="AM15086" s="84"/>
    </row>
    <row r="15087" spans="35:39" x14ac:dyDescent="0.35">
      <c r="AI15087" s="84"/>
      <c r="AM15087" s="84"/>
    </row>
    <row r="15088" spans="35:39" x14ac:dyDescent="0.35">
      <c r="AI15088" s="84"/>
      <c r="AM15088" s="84"/>
    </row>
    <row r="15089" spans="35:39" x14ac:dyDescent="0.35">
      <c r="AI15089" s="84"/>
      <c r="AM15089" s="84"/>
    </row>
    <row r="15090" spans="35:39" x14ac:dyDescent="0.35">
      <c r="AI15090" s="84"/>
      <c r="AM15090" s="84"/>
    </row>
    <row r="15091" spans="35:39" x14ac:dyDescent="0.35">
      <c r="AI15091" s="84"/>
      <c r="AM15091" s="84"/>
    </row>
    <row r="15092" spans="35:39" x14ac:dyDescent="0.35">
      <c r="AI15092" s="84"/>
      <c r="AM15092" s="84"/>
    </row>
    <row r="15093" spans="35:39" x14ac:dyDescent="0.35">
      <c r="AI15093" s="84"/>
      <c r="AM15093" s="84"/>
    </row>
    <row r="15094" spans="35:39" x14ac:dyDescent="0.35">
      <c r="AI15094" s="84"/>
      <c r="AM15094" s="84"/>
    </row>
    <row r="15095" spans="35:39" x14ac:dyDescent="0.35">
      <c r="AI15095" s="84"/>
      <c r="AM15095" s="84"/>
    </row>
    <row r="15096" spans="35:39" x14ac:dyDescent="0.35">
      <c r="AI15096" s="84"/>
      <c r="AM15096" s="84"/>
    </row>
    <row r="15097" spans="35:39" x14ac:dyDescent="0.35">
      <c r="AI15097" s="84"/>
      <c r="AM15097" s="84"/>
    </row>
    <row r="15098" spans="35:39" x14ac:dyDescent="0.35">
      <c r="AI15098" s="84"/>
      <c r="AM15098" s="84"/>
    </row>
    <row r="15099" spans="35:39" x14ac:dyDescent="0.35">
      <c r="AI15099" s="84"/>
      <c r="AM15099" s="84"/>
    </row>
    <row r="15100" spans="35:39" x14ac:dyDescent="0.35">
      <c r="AI15100" s="84"/>
      <c r="AM15100" s="84"/>
    </row>
    <row r="15101" spans="35:39" x14ac:dyDescent="0.35">
      <c r="AI15101" s="84"/>
      <c r="AM15101" s="84"/>
    </row>
    <row r="15102" spans="35:39" x14ac:dyDescent="0.35">
      <c r="AI15102" s="84"/>
      <c r="AM15102" s="84"/>
    </row>
    <row r="15103" spans="35:39" x14ac:dyDescent="0.35">
      <c r="AI15103" s="84"/>
      <c r="AM15103" s="84"/>
    </row>
    <row r="15104" spans="35:39" x14ac:dyDescent="0.35">
      <c r="AI15104" s="84"/>
      <c r="AM15104" s="84"/>
    </row>
    <row r="15105" spans="35:39" x14ac:dyDescent="0.35">
      <c r="AI15105" s="84"/>
      <c r="AM15105" s="84"/>
    </row>
    <row r="15106" spans="35:39" x14ac:dyDescent="0.35">
      <c r="AI15106" s="84"/>
      <c r="AM15106" s="84"/>
    </row>
    <row r="15107" spans="35:39" x14ac:dyDescent="0.35">
      <c r="AI15107" s="84"/>
      <c r="AM15107" s="84"/>
    </row>
    <row r="15108" spans="35:39" x14ac:dyDescent="0.35">
      <c r="AI15108" s="84"/>
      <c r="AM15108" s="84"/>
    </row>
    <row r="15109" spans="35:39" x14ac:dyDescent="0.35">
      <c r="AI15109" s="84"/>
      <c r="AM15109" s="84"/>
    </row>
    <row r="15110" spans="35:39" x14ac:dyDescent="0.35">
      <c r="AI15110" s="84"/>
      <c r="AM15110" s="84"/>
    </row>
    <row r="15111" spans="35:39" x14ac:dyDescent="0.35">
      <c r="AI15111" s="84"/>
      <c r="AM15111" s="84"/>
    </row>
    <row r="15112" spans="35:39" x14ac:dyDescent="0.35">
      <c r="AI15112" s="84"/>
      <c r="AM15112" s="84"/>
    </row>
    <row r="15113" spans="35:39" x14ac:dyDescent="0.35">
      <c r="AI15113" s="84"/>
      <c r="AM15113" s="84"/>
    </row>
    <row r="15114" spans="35:39" x14ac:dyDescent="0.35">
      <c r="AI15114" s="84"/>
      <c r="AM15114" s="84"/>
    </row>
    <row r="15115" spans="35:39" x14ac:dyDescent="0.35">
      <c r="AI15115" s="84"/>
      <c r="AM15115" s="84"/>
    </row>
    <row r="15116" spans="35:39" x14ac:dyDescent="0.35">
      <c r="AI15116" s="84"/>
      <c r="AM15116" s="84"/>
    </row>
    <row r="15117" spans="35:39" x14ac:dyDescent="0.35">
      <c r="AI15117" s="84"/>
      <c r="AM15117" s="84"/>
    </row>
    <row r="15118" spans="35:39" x14ac:dyDescent="0.35">
      <c r="AI15118" s="84"/>
      <c r="AM15118" s="84"/>
    </row>
    <row r="15119" spans="35:39" x14ac:dyDescent="0.35">
      <c r="AI15119" s="84"/>
      <c r="AM15119" s="84"/>
    </row>
    <row r="15120" spans="35:39" x14ac:dyDescent="0.35">
      <c r="AI15120" s="84"/>
      <c r="AM15120" s="84"/>
    </row>
    <row r="15121" spans="35:39" x14ac:dyDescent="0.35">
      <c r="AI15121" s="84"/>
      <c r="AM15121" s="84"/>
    </row>
    <row r="15122" spans="35:39" x14ac:dyDescent="0.35">
      <c r="AI15122" s="84"/>
      <c r="AM15122" s="84"/>
    </row>
    <row r="15123" spans="35:39" x14ac:dyDescent="0.35">
      <c r="AI15123" s="84"/>
      <c r="AM15123" s="84"/>
    </row>
    <row r="15124" spans="35:39" x14ac:dyDescent="0.35">
      <c r="AI15124" s="84"/>
      <c r="AM15124" s="84"/>
    </row>
    <row r="15125" spans="35:39" x14ac:dyDescent="0.35">
      <c r="AI15125" s="84"/>
      <c r="AM15125" s="84"/>
    </row>
    <row r="15126" spans="35:39" x14ac:dyDescent="0.35">
      <c r="AI15126" s="84"/>
      <c r="AM15126" s="84"/>
    </row>
    <row r="15127" spans="35:39" x14ac:dyDescent="0.35">
      <c r="AI15127" s="84"/>
      <c r="AM15127" s="84"/>
    </row>
    <row r="15128" spans="35:39" x14ac:dyDescent="0.35">
      <c r="AI15128" s="84"/>
      <c r="AM15128" s="84"/>
    </row>
    <row r="15129" spans="35:39" x14ac:dyDescent="0.35">
      <c r="AI15129" s="84"/>
      <c r="AM15129" s="84"/>
    </row>
    <row r="15130" spans="35:39" x14ac:dyDescent="0.35">
      <c r="AI15130" s="84"/>
      <c r="AM15130" s="84"/>
    </row>
    <row r="15131" spans="35:39" x14ac:dyDescent="0.35">
      <c r="AI15131" s="84"/>
      <c r="AM15131" s="84"/>
    </row>
    <row r="15132" spans="35:39" x14ac:dyDescent="0.35">
      <c r="AI15132" s="84"/>
      <c r="AM15132" s="84"/>
    </row>
    <row r="15133" spans="35:39" x14ac:dyDescent="0.35">
      <c r="AI15133" s="84"/>
      <c r="AM15133" s="84"/>
    </row>
    <row r="15134" spans="35:39" x14ac:dyDescent="0.35">
      <c r="AI15134" s="84"/>
      <c r="AM15134" s="84"/>
    </row>
    <row r="15135" spans="35:39" x14ac:dyDescent="0.35">
      <c r="AI15135" s="84"/>
      <c r="AM15135" s="84"/>
    </row>
    <row r="15136" spans="35:39" x14ac:dyDescent="0.35">
      <c r="AI15136" s="84"/>
      <c r="AM15136" s="84"/>
    </row>
    <row r="15137" spans="35:39" x14ac:dyDescent="0.35">
      <c r="AI15137" s="84"/>
      <c r="AM15137" s="84"/>
    </row>
    <row r="15138" spans="35:39" x14ac:dyDescent="0.35">
      <c r="AI15138" s="84"/>
      <c r="AM15138" s="84"/>
    </row>
    <row r="15139" spans="35:39" x14ac:dyDescent="0.35">
      <c r="AI15139" s="84"/>
      <c r="AM15139" s="84"/>
    </row>
    <row r="15140" spans="35:39" x14ac:dyDescent="0.35">
      <c r="AI15140" s="84"/>
      <c r="AM15140" s="84"/>
    </row>
    <row r="15141" spans="35:39" x14ac:dyDescent="0.35">
      <c r="AI15141" s="84"/>
      <c r="AM15141" s="84"/>
    </row>
    <row r="15142" spans="35:39" x14ac:dyDescent="0.35">
      <c r="AI15142" s="84"/>
      <c r="AM15142" s="84"/>
    </row>
    <row r="15143" spans="35:39" x14ac:dyDescent="0.35">
      <c r="AI15143" s="84"/>
      <c r="AM15143" s="84"/>
    </row>
    <row r="15144" spans="35:39" x14ac:dyDescent="0.35">
      <c r="AI15144" s="84"/>
      <c r="AM15144" s="84"/>
    </row>
    <row r="15145" spans="35:39" x14ac:dyDescent="0.35">
      <c r="AI15145" s="84"/>
      <c r="AM15145" s="84"/>
    </row>
    <row r="15146" spans="35:39" x14ac:dyDescent="0.35">
      <c r="AI15146" s="84"/>
      <c r="AM15146" s="84"/>
    </row>
    <row r="15147" spans="35:39" x14ac:dyDescent="0.35">
      <c r="AI15147" s="84"/>
      <c r="AM15147" s="84"/>
    </row>
    <row r="15148" spans="35:39" x14ac:dyDescent="0.35">
      <c r="AI15148" s="84"/>
      <c r="AM15148" s="84"/>
    </row>
    <row r="15149" spans="35:39" x14ac:dyDescent="0.35">
      <c r="AI15149" s="84"/>
      <c r="AM15149" s="84"/>
    </row>
    <row r="15150" spans="35:39" x14ac:dyDescent="0.35">
      <c r="AI15150" s="84"/>
      <c r="AM15150" s="84"/>
    </row>
    <row r="15151" spans="35:39" x14ac:dyDescent="0.35">
      <c r="AI15151" s="84"/>
      <c r="AM15151" s="84"/>
    </row>
    <row r="15152" spans="35:39" x14ac:dyDescent="0.35">
      <c r="AI15152" s="84"/>
      <c r="AM15152" s="84"/>
    </row>
    <row r="15153" spans="35:39" x14ac:dyDescent="0.35">
      <c r="AI15153" s="84"/>
      <c r="AM15153" s="84"/>
    </row>
    <row r="15154" spans="35:39" x14ac:dyDescent="0.35">
      <c r="AI15154" s="84"/>
      <c r="AM15154" s="84"/>
    </row>
    <row r="15155" spans="35:39" x14ac:dyDescent="0.35">
      <c r="AI15155" s="84"/>
      <c r="AM15155" s="84"/>
    </row>
    <row r="15156" spans="35:39" x14ac:dyDescent="0.35">
      <c r="AI15156" s="84"/>
      <c r="AM15156" s="84"/>
    </row>
    <row r="15157" spans="35:39" x14ac:dyDescent="0.35">
      <c r="AI15157" s="84"/>
      <c r="AM15157" s="84"/>
    </row>
    <row r="15158" spans="35:39" x14ac:dyDescent="0.35">
      <c r="AI15158" s="84"/>
      <c r="AM15158" s="84"/>
    </row>
    <row r="15159" spans="35:39" x14ac:dyDescent="0.35">
      <c r="AI15159" s="84"/>
      <c r="AM15159" s="84"/>
    </row>
    <row r="15160" spans="35:39" x14ac:dyDescent="0.35">
      <c r="AI15160" s="84"/>
      <c r="AM15160" s="84"/>
    </row>
    <row r="15161" spans="35:39" x14ac:dyDescent="0.35">
      <c r="AI15161" s="84"/>
      <c r="AM15161" s="84"/>
    </row>
    <row r="15162" spans="35:39" x14ac:dyDescent="0.35">
      <c r="AI15162" s="84"/>
      <c r="AM15162" s="84"/>
    </row>
    <row r="15163" spans="35:39" x14ac:dyDescent="0.35">
      <c r="AI15163" s="84"/>
      <c r="AM15163" s="84"/>
    </row>
    <row r="15164" spans="35:39" x14ac:dyDescent="0.35">
      <c r="AI15164" s="84"/>
      <c r="AM15164" s="84"/>
    </row>
    <row r="15165" spans="35:39" x14ac:dyDescent="0.35">
      <c r="AI15165" s="84"/>
      <c r="AM15165" s="84"/>
    </row>
    <row r="15166" spans="35:39" x14ac:dyDescent="0.35">
      <c r="AI15166" s="84"/>
      <c r="AM15166" s="84"/>
    </row>
    <row r="15167" spans="35:39" x14ac:dyDescent="0.35">
      <c r="AI15167" s="84"/>
      <c r="AM15167" s="84"/>
    </row>
    <row r="15168" spans="35:39" x14ac:dyDescent="0.35">
      <c r="AI15168" s="84"/>
      <c r="AM15168" s="84"/>
    </row>
    <row r="15169" spans="35:39" x14ac:dyDescent="0.35">
      <c r="AI15169" s="84"/>
      <c r="AM15169" s="84"/>
    </row>
    <row r="15170" spans="35:39" x14ac:dyDescent="0.35">
      <c r="AI15170" s="84"/>
      <c r="AM15170" s="84"/>
    </row>
    <row r="15171" spans="35:39" x14ac:dyDescent="0.35">
      <c r="AI15171" s="84"/>
      <c r="AM15171" s="84"/>
    </row>
    <row r="15172" spans="35:39" x14ac:dyDescent="0.35">
      <c r="AI15172" s="84"/>
      <c r="AM15172" s="84"/>
    </row>
    <row r="15173" spans="35:39" x14ac:dyDescent="0.35">
      <c r="AI15173" s="84"/>
      <c r="AM15173" s="84"/>
    </row>
    <row r="15174" spans="35:39" x14ac:dyDescent="0.35">
      <c r="AI15174" s="84"/>
      <c r="AM15174" s="84"/>
    </row>
    <row r="15175" spans="35:39" x14ac:dyDescent="0.35">
      <c r="AI15175" s="84"/>
      <c r="AM15175" s="84"/>
    </row>
    <row r="15176" spans="35:39" x14ac:dyDescent="0.35">
      <c r="AI15176" s="84"/>
      <c r="AM15176" s="84"/>
    </row>
    <row r="15177" spans="35:39" x14ac:dyDescent="0.35">
      <c r="AI15177" s="84"/>
      <c r="AM15177" s="84"/>
    </row>
    <row r="15178" spans="35:39" x14ac:dyDescent="0.35">
      <c r="AI15178" s="84"/>
      <c r="AM15178" s="84"/>
    </row>
    <row r="15179" spans="35:39" x14ac:dyDescent="0.35">
      <c r="AI15179" s="84"/>
      <c r="AM15179" s="84"/>
    </row>
    <row r="15180" spans="35:39" x14ac:dyDescent="0.35">
      <c r="AI15180" s="84"/>
      <c r="AM15180" s="84"/>
    </row>
    <row r="15181" spans="35:39" x14ac:dyDescent="0.35">
      <c r="AI15181" s="84"/>
      <c r="AM15181" s="84"/>
    </row>
    <row r="15182" spans="35:39" x14ac:dyDescent="0.35">
      <c r="AI15182" s="84"/>
      <c r="AM15182" s="84"/>
    </row>
    <row r="15183" spans="35:39" x14ac:dyDescent="0.35">
      <c r="AI15183" s="84"/>
      <c r="AM15183" s="84"/>
    </row>
    <row r="15184" spans="35:39" x14ac:dyDescent="0.35">
      <c r="AI15184" s="84"/>
      <c r="AM15184" s="84"/>
    </row>
    <row r="15185" spans="35:39" x14ac:dyDescent="0.35">
      <c r="AI15185" s="84"/>
      <c r="AM15185" s="84"/>
    </row>
    <row r="15186" spans="35:39" x14ac:dyDescent="0.35">
      <c r="AI15186" s="84"/>
      <c r="AM15186" s="84"/>
    </row>
    <row r="15187" spans="35:39" x14ac:dyDescent="0.35">
      <c r="AI15187" s="84"/>
      <c r="AM15187" s="84"/>
    </row>
    <row r="15188" spans="35:39" x14ac:dyDescent="0.35">
      <c r="AI15188" s="84"/>
      <c r="AM15188" s="84"/>
    </row>
    <row r="15189" spans="35:39" x14ac:dyDescent="0.35">
      <c r="AI15189" s="84"/>
      <c r="AM15189" s="84"/>
    </row>
    <row r="15190" spans="35:39" x14ac:dyDescent="0.35">
      <c r="AI15190" s="84"/>
      <c r="AM15190" s="84"/>
    </row>
    <row r="15191" spans="35:39" x14ac:dyDescent="0.35">
      <c r="AI15191" s="84"/>
      <c r="AM15191" s="84"/>
    </row>
    <row r="15192" spans="35:39" x14ac:dyDescent="0.35">
      <c r="AI15192" s="84"/>
      <c r="AM15192" s="84"/>
    </row>
    <row r="15193" spans="35:39" x14ac:dyDescent="0.35">
      <c r="AI15193" s="84"/>
      <c r="AM15193" s="84"/>
    </row>
    <row r="15194" spans="35:39" x14ac:dyDescent="0.35">
      <c r="AI15194" s="84"/>
      <c r="AM15194" s="84"/>
    </row>
    <row r="15195" spans="35:39" x14ac:dyDescent="0.35">
      <c r="AI15195" s="84"/>
      <c r="AM15195" s="84"/>
    </row>
    <row r="15196" spans="35:39" x14ac:dyDescent="0.35">
      <c r="AI15196" s="84"/>
      <c r="AM15196" s="84"/>
    </row>
    <row r="15197" spans="35:39" x14ac:dyDescent="0.35">
      <c r="AI15197" s="84"/>
      <c r="AM15197" s="84"/>
    </row>
    <row r="15198" spans="35:39" x14ac:dyDescent="0.35">
      <c r="AI15198" s="84"/>
      <c r="AM15198" s="84"/>
    </row>
    <row r="15199" spans="35:39" x14ac:dyDescent="0.35">
      <c r="AI15199" s="84"/>
      <c r="AM15199" s="84"/>
    </row>
    <row r="15200" spans="35:39" x14ac:dyDescent="0.35">
      <c r="AI15200" s="84"/>
      <c r="AM15200" s="84"/>
    </row>
    <row r="15201" spans="35:39" x14ac:dyDescent="0.35">
      <c r="AI15201" s="84"/>
      <c r="AM15201" s="84"/>
    </row>
    <row r="15202" spans="35:39" x14ac:dyDescent="0.35">
      <c r="AI15202" s="84"/>
      <c r="AM15202" s="84"/>
    </row>
    <row r="15203" spans="35:39" x14ac:dyDescent="0.35">
      <c r="AI15203" s="84"/>
      <c r="AM15203" s="84"/>
    </row>
    <row r="15204" spans="35:39" x14ac:dyDescent="0.35">
      <c r="AI15204" s="84"/>
      <c r="AM15204" s="84"/>
    </row>
    <row r="15205" spans="35:39" x14ac:dyDescent="0.35">
      <c r="AI15205" s="84"/>
      <c r="AM15205" s="84"/>
    </row>
    <row r="15206" spans="35:39" x14ac:dyDescent="0.35">
      <c r="AI15206" s="84"/>
      <c r="AM15206" s="84"/>
    </row>
    <row r="15207" spans="35:39" x14ac:dyDescent="0.35">
      <c r="AI15207" s="84"/>
      <c r="AM15207" s="84"/>
    </row>
    <row r="15208" spans="35:39" x14ac:dyDescent="0.35">
      <c r="AI15208" s="84"/>
      <c r="AM15208" s="84"/>
    </row>
    <row r="15209" spans="35:39" x14ac:dyDescent="0.35">
      <c r="AI15209" s="84"/>
      <c r="AM15209" s="84"/>
    </row>
    <row r="15210" spans="35:39" x14ac:dyDescent="0.35">
      <c r="AI15210" s="84"/>
      <c r="AM15210" s="84"/>
    </row>
    <row r="15211" spans="35:39" x14ac:dyDescent="0.35">
      <c r="AI15211" s="84"/>
      <c r="AM15211" s="84"/>
    </row>
    <row r="15212" spans="35:39" x14ac:dyDescent="0.35">
      <c r="AI15212" s="84"/>
      <c r="AM15212" s="84"/>
    </row>
    <row r="15213" spans="35:39" x14ac:dyDescent="0.35">
      <c r="AI15213" s="84"/>
      <c r="AM15213" s="84"/>
    </row>
    <row r="15214" spans="35:39" x14ac:dyDescent="0.35">
      <c r="AI15214" s="84"/>
      <c r="AM15214" s="84"/>
    </row>
    <row r="15215" spans="35:39" x14ac:dyDescent="0.35">
      <c r="AI15215" s="84"/>
      <c r="AM15215" s="84"/>
    </row>
    <row r="15216" spans="35:39" x14ac:dyDescent="0.35">
      <c r="AI15216" s="84"/>
      <c r="AM15216" s="84"/>
    </row>
    <row r="15217" spans="35:39" x14ac:dyDescent="0.35">
      <c r="AI15217" s="84"/>
      <c r="AM15217" s="84"/>
    </row>
    <row r="15218" spans="35:39" x14ac:dyDescent="0.35">
      <c r="AI15218" s="84"/>
      <c r="AM15218" s="84"/>
    </row>
    <row r="15219" spans="35:39" x14ac:dyDescent="0.35">
      <c r="AI15219" s="84"/>
      <c r="AM15219" s="84"/>
    </row>
    <row r="15220" spans="35:39" x14ac:dyDescent="0.35">
      <c r="AI15220" s="84"/>
      <c r="AM15220" s="84"/>
    </row>
    <row r="15221" spans="35:39" x14ac:dyDescent="0.35">
      <c r="AI15221" s="84"/>
      <c r="AM15221" s="84"/>
    </row>
    <row r="15222" spans="35:39" x14ac:dyDescent="0.35">
      <c r="AI15222" s="84"/>
      <c r="AM15222" s="84"/>
    </row>
    <row r="15223" spans="35:39" x14ac:dyDescent="0.35">
      <c r="AI15223" s="84"/>
      <c r="AM15223" s="84"/>
    </row>
    <row r="15224" spans="35:39" x14ac:dyDescent="0.35">
      <c r="AI15224" s="84"/>
      <c r="AM15224" s="84"/>
    </row>
    <row r="15225" spans="35:39" x14ac:dyDescent="0.35">
      <c r="AI15225" s="84"/>
      <c r="AM15225" s="84"/>
    </row>
    <row r="15226" spans="35:39" x14ac:dyDescent="0.35">
      <c r="AI15226" s="84"/>
      <c r="AM15226" s="84"/>
    </row>
    <row r="15227" spans="35:39" x14ac:dyDescent="0.35">
      <c r="AI15227" s="84"/>
      <c r="AM15227" s="84"/>
    </row>
    <row r="15228" spans="35:39" x14ac:dyDescent="0.35">
      <c r="AI15228" s="84"/>
      <c r="AM15228" s="84"/>
    </row>
    <row r="15229" spans="35:39" x14ac:dyDescent="0.35">
      <c r="AI15229" s="84"/>
      <c r="AM15229" s="84"/>
    </row>
    <row r="15230" spans="35:39" x14ac:dyDescent="0.35">
      <c r="AI15230" s="84"/>
      <c r="AM15230" s="84"/>
    </row>
    <row r="15231" spans="35:39" x14ac:dyDescent="0.35">
      <c r="AI15231" s="84"/>
      <c r="AM15231" s="84"/>
    </row>
    <row r="15232" spans="35:39" x14ac:dyDescent="0.35">
      <c r="AI15232" s="84"/>
      <c r="AM15232" s="84"/>
    </row>
    <row r="15233" spans="35:39" x14ac:dyDescent="0.35">
      <c r="AI15233" s="84"/>
      <c r="AM15233" s="84"/>
    </row>
    <row r="15234" spans="35:39" x14ac:dyDescent="0.35">
      <c r="AI15234" s="84"/>
      <c r="AM15234" s="84"/>
    </row>
    <row r="15235" spans="35:39" x14ac:dyDescent="0.35">
      <c r="AI15235" s="84"/>
      <c r="AM15235" s="84"/>
    </row>
    <row r="15236" spans="35:39" x14ac:dyDescent="0.35">
      <c r="AI15236" s="84"/>
      <c r="AM15236" s="84"/>
    </row>
    <row r="15237" spans="35:39" x14ac:dyDescent="0.35">
      <c r="AI15237" s="84"/>
      <c r="AM15237" s="84"/>
    </row>
    <row r="15238" spans="35:39" x14ac:dyDescent="0.35">
      <c r="AI15238" s="84"/>
      <c r="AM15238" s="84"/>
    </row>
    <row r="15239" spans="35:39" x14ac:dyDescent="0.35">
      <c r="AI15239" s="84"/>
      <c r="AM15239" s="84"/>
    </row>
    <row r="15240" spans="35:39" x14ac:dyDescent="0.35">
      <c r="AI15240" s="84"/>
      <c r="AM15240" s="84"/>
    </row>
    <row r="15241" spans="35:39" x14ac:dyDescent="0.35">
      <c r="AI15241" s="84"/>
      <c r="AM15241" s="84"/>
    </row>
    <row r="15242" spans="35:39" x14ac:dyDescent="0.35">
      <c r="AI15242" s="84"/>
      <c r="AM15242" s="84"/>
    </row>
    <row r="15243" spans="35:39" x14ac:dyDescent="0.35">
      <c r="AI15243" s="84"/>
      <c r="AM15243" s="84"/>
    </row>
    <row r="15244" spans="35:39" x14ac:dyDescent="0.35">
      <c r="AI15244" s="84"/>
      <c r="AM15244" s="84"/>
    </row>
    <row r="15245" spans="35:39" x14ac:dyDescent="0.35">
      <c r="AI15245" s="84"/>
      <c r="AM15245" s="84"/>
    </row>
    <row r="15246" spans="35:39" x14ac:dyDescent="0.35">
      <c r="AI15246" s="84"/>
      <c r="AM15246" s="84"/>
    </row>
    <row r="15247" spans="35:39" x14ac:dyDescent="0.35">
      <c r="AI15247" s="84"/>
      <c r="AM15247" s="84"/>
    </row>
    <row r="15248" spans="35:39" x14ac:dyDescent="0.35">
      <c r="AI15248" s="84"/>
      <c r="AM15248" s="84"/>
    </row>
    <row r="15249" spans="35:39" x14ac:dyDescent="0.35">
      <c r="AI15249" s="84"/>
      <c r="AM15249" s="84"/>
    </row>
    <row r="15250" spans="35:39" x14ac:dyDescent="0.35">
      <c r="AI15250" s="84"/>
      <c r="AM15250" s="84"/>
    </row>
    <row r="15251" spans="35:39" x14ac:dyDescent="0.35">
      <c r="AI15251" s="84"/>
      <c r="AM15251" s="84"/>
    </row>
    <row r="15252" spans="35:39" x14ac:dyDescent="0.35">
      <c r="AI15252" s="84"/>
      <c r="AM15252" s="84"/>
    </row>
    <row r="15253" spans="35:39" x14ac:dyDescent="0.35">
      <c r="AI15253" s="84"/>
      <c r="AM15253" s="84"/>
    </row>
    <row r="15254" spans="35:39" x14ac:dyDescent="0.35">
      <c r="AI15254" s="84"/>
      <c r="AM15254" s="84"/>
    </row>
    <row r="15255" spans="35:39" x14ac:dyDescent="0.35">
      <c r="AI15255" s="84"/>
      <c r="AM15255" s="84"/>
    </row>
    <row r="15256" spans="35:39" x14ac:dyDescent="0.35">
      <c r="AI15256" s="84"/>
      <c r="AM15256" s="84"/>
    </row>
    <row r="15257" spans="35:39" x14ac:dyDescent="0.35">
      <c r="AI15257" s="84"/>
      <c r="AM15257" s="84"/>
    </row>
    <row r="15258" spans="35:39" x14ac:dyDescent="0.35">
      <c r="AI15258" s="84"/>
      <c r="AM15258" s="84"/>
    </row>
    <row r="15259" spans="35:39" x14ac:dyDescent="0.35">
      <c r="AI15259" s="84"/>
      <c r="AM15259" s="84"/>
    </row>
    <row r="15260" spans="35:39" x14ac:dyDescent="0.35">
      <c r="AI15260" s="84"/>
      <c r="AM15260" s="84"/>
    </row>
    <row r="15261" spans="35:39" x14ac:dyDescent="0.35">
      <c r="AI15261" s="84"/>
      <c r="AM15261" s="84"/>
    </row>
    <row r="15262" spans="35:39" x14ac:dyDescent="0.35">
      <c r="AI15262" s="84"/>
      <c r="AM15262" s="84"/>
    </row>
    <row r="15263" spans="35:39" x14ac:dyDescent="0.35">
      <c r="AI15263" s="84"/>
      <c r="AM15263" s="84"/>
    </row>
    <row r="15264" spans="35:39" x14ac:dyDescent="0.35">
      <c r="AI15264" s="84"/>
      <c r="AM15264" s="84"/>
    </row>
    <row r="15265" spans="35:39" x14ac:dyDescent="0.35">
      <c r="AI15265" s="84"/>
      <c r="AM15265" s="84"/>
    </row>
    <row r="15266" spans="35:39" x14ac:dyDescent="0.35">
      <c r="AI15266" s="84"/>
      <c r="AM15266" s="84"/>
    </row>
    <row r="15267" spans="35:39" x14ac:dyDescent="0.35">
      <c r="AI15267" s="84"/>
      <c r="AM15267" s="84"/>
    </row>
    <row r="15268" spans="35:39" x14ac:dyDescent="0.35">
      <c r="AI15268" s="84"/>
      <c r="AM15268" s="84"/>
    </row>
    <row r="15269" spans="35:39" x14ac:dyDescent="0.35">
      <c r="AI15269" s="84"/>
      <c r="AM15269" s="84"/>
    </row>
    <row r="15270" spans="35:39" x14ac:dyDescent="0.35">
      <c r="AI15270" s="84"/>
      <c r="AM15270" s="84"/>
    </row>
    <row r="15271" spans="35:39" x14ac:dyDescent="0.35">
      <c r="AI15271" s="84"/>
      <c r="AM15271" s="84"/>
    </row>
    <row r="15272" spans="35:39" x14ac:dyDescent="0.35">
      <c r="AI15272" s="84"/>
      <c r="AM15272" s="84"/>
    </row>
    <row r="15273" spans="35:39" x14ac:dyDescent="0.35">
      <c r="AI15273" s="84"/>
      <c r="AM15273" s="84"/>
    </row>
    <row r="15274" spans="35:39" x14ac:dyDescent="0.35">
      <c r="AI15274" s="84"/>
      <c r="AM15274" s="84"/>
    </row>
    <row r="15275" spans="35:39" x14ac:dyDescent="0.35">
      <c r="AI15275" s="84"/>
      <c r="AM15275" s="84"/>
    </row>
    <row r="15276" spans="35:39" x14ac:dyDescent="0.35">
      <c r="AI15276" s="84"/>
      <c r="AM15276" s="84"/>
    </row>
    <row r="15277" spans="35:39" x14ac:dyDescent="0.35">
      <c r="AI15277" s="84"/>
      <c r="AM15277" s="84"/>
    </row>
    <row r="15278" spans="35:39" x14ac:dyDescent="0.35">
      <c r="AI15278" s="84"/>
      <c r="AM15278" s="84"/>
    </row>
    <row r="15279" spans="35:39" x14ac:dyDescent="0.35">
      <c r="AI15279" s="84"/>
      <c r="AM15279" s="84"/>
    </row>
    <row r="15280" spans="35:39" x14ac:dyDescent="0.35">
      <c r="AI15280" s="84"/>
      <c r="AM15280" s="84"/>
    </row>
    <row r="15281" spans="35:39" x14ac:dyDescent="0.35">
      <c r="AI15281" s="84"/>
      <c r="AM15281" s="84"/>
    </row>
    <row r="15282" spans="35:39" x14ac:dyDescent="0.35">
      <c r="AI15282" s="84"/>
      <c r="AM15282" s="84"/>
    </row>
    <row r="15283" spans="35:39" x14ac:dyDescent="0.35">
      <c r="AI15283" s="84"/>
      <c r="AM15283" s="84"/>
    </row>
    <row r="15284" spans="35:39" x14ac:dyDescent="0.35">
      <c r="AI15284" s="84"/>
      <c r="AM15284" s="84"/>
    </row>
    <row r="15285" spans="35:39" x14ac:dyDescent="0.35">
      <c r="AI15285" s="84"/>
      <c r="AM15285" s="84"/>
    </row>
    <row r="15286" spans="35:39" x14ac:dyDescent="0.35">
      <c r="AI15286" s="84"/>
      <c r="AM15286" s="84"/>
    </row>
    <row r="15287" spans="35:39" x14ac:dyDescent="0.35">
      <c r="AI15287" s="84"/>
      <c r="AM15287" s="84"/>
    </row>
    <row r="15288" spans="35:39" x14ac:dyDescent="0.35">
      <c r="AI15288" s="84"/>
      <c r="AM15288" s="84"/>
    </row>
    <row r="15289" spans="35:39" x14ac:dyDescent="0.35">
      <c r="AI15289" s="84"/>
      <c r="AM15289" s="84"/>
    </row>
    <row r="15290" spans="35:39" x14ac:dyDescent="0.35">
      <c r="AI15290" s="84"/>
      <c r="AM15290" s="84"/>
    </row>
    <row r="15291" spans="35:39" x14ac:dyDescent="0.35">
      <c r="AI15291" s="84"/>
      <c r="AM15291" s="84"/>
    </row>
    <row r="15292" spans="35:39" x14ac:dyDescent="0.35">
      <c r="AI15292" s="84"/>
      <c r="AM15292" s="84"/>
    </row>
    <row r="15293" spans="35:39" x14ac:dyDescent="0.35">
      <c r="AI15293" s="84"/>
      <c r="AM15293" s="84"/>
    </row>
    <row r="15294" spans="35:39" x14ac:dyDescent="0.35">
      <c r="AI15294" s="84"/>
      <c r="AM15294" s="84"/>
    </row>
    <row r="15295" spans="35:39" x14ac:dyDescent="0.35">
      <c r="AI15295" s="84"/>
      <c r="AM15295" s="84"/>
    </row>
    <row r="15296" spans="35:39" x14ac:dyDescent="0.35">
      <c r="AI15296" s="84"/>
      <c r="AM15296" s="84"/>
    </row>
    <row r="15297" spans="35:39" x14ac:dyDescent="0.35">
      <c r="AI15297" s="84"/>
      <c r="AM15297" s="84"/>
    </row>
    <row r="15298" spans="35:39" x14ac:dyDescent="0.35">
      <c r="AI15298" s="84"/>
      <c r="AM15298" s="84"/>
    </row>
    <row r="15299" spans="35:39" x14ac:dyDescent="0.35">
      <c r="AI15299" s="84"/>
      <c r="AM15299" s="84"/>
    </row>
    <row r="15300" spans="35:39" x14ac:dyDescent="0.35">
      <c r="AI15300" s="84"/>
      <c r="AM15300" s="84"/>
    </row>
    <row r="15301" spans="35:39" x14ac:dyDescent="0.35">
      <c r="AI15301" s="84"/>
      <c r="AM15301" s="84"/>
    </row>
    <row r="15302" spans="35:39" x14ac:dyDescent="0.35">
      <c r="AI15302" s="84"/>
      <c r="AM15302" s="84"/>
    </row>
    <row r="15303" spans="35:39" x14ac:dyDescent="0.35">
      <c r="AI15303" s="84"/>
      <c r="AM15303" s="84"/>
    </row>
    <row r="15304" spans="35:39" x14ac:dyDescent="0.35">
      <c r="AI15304" s="84"/>
      <c r="AM15304" s="84"/>
    </row>
    <row r="15305" spans="35:39" x14ac:dyDescent="0.35">
      <c r="AI15305" s="84"/>
      <c r="AM15305" s="84"/>
    </row>
    <row r="15306" spans="35:39" x14ac:dyDescent="0.35">
      <c r="AI15306" s="84"/>
      <c r="AM15306" s="84"/>
    </row>
    <row r="15307" spans="35:39" x14ac:dyDescent="0.35">
      <c r="AI15307" s="84"/>
      <c r="AM15307" s="84"/>
    </row>
    <row r="15308" spans="35:39" x14ac:dyDescent="0.35">
      <c r="AI15308" s="84"/>
      <c r="AM15308" s="84"/>
    </row>
    <row r="15309" spans="35:39" x14ac:dyDescent="0.35">
      <c r="AI15309" s="84"/>
      <c r="AM15309" s="84"/>
    </row>
    <row r="15310" spans="35:39" x14ac:dyDescent="0.35">
      <c r="AI15310" s="84"/>
      <c r="AM15310" s="84"/>
    </row>
    <row r="15311" spans="35:39" x14ac:dyDescent="0.35">
      <c r="AI15311" s="84"/>
      <c r="AM15311" s="84"/>
    </row>
    <row r="15312" spans="35:39" x14ac:dyDescent="0.35">
      <c r="AI15312" s="84"/>
      <c r="AM15312" s="84"/>
    </row>
    <row r="15313" spans="35:39" x14ac:dyDescent="0.35">
      <c r="AI15313" s="84"/>
      <c r="AM15313" s="84"/>
    </row>
    <row r="15314" spans="35:39" x14ac:dyDescent="0.35">
      <c r="AI15314" s="84"/>
      <c r="AM15314" s="84"/>
    </row>
    <row r="15315" spans="35:39" x14ac:dyDescent="0.35">
      <c r="AI15315" s="84"/>
      <c r="AM15315" s="84"/>
    </row>
    <row r="15316" spans="35:39" x14ac:dyDescent="0.35">
      <c r="AI15316" s="84"/>
      <c r="AM15316" s="84"/>
    </row>
    <row r="15317" spans="35:39" x14ac:dyDescent="0.35">
      <c r="AI15317" s="84"/>
      <c r="AM15317" s="84"/>
    </row>
    <row r="15318" spans="35:39" x14ac:dyDescent="0.35">
      <c r="AI15318" s="84"/>
      <c r="AM15318" s="84"/>
    </row>
    <row r="15319" spans="35:39" x14ac:dyDescent="0.35">
      <c r="AI15319" s="84"/>
      <c r="AM15319" s="84"/>
    </row>
    <row r="15320" spans="35:39" x14ac:dyDescent="0.35">
      <c r="AI15320" s="84"/>
      <c r="AM15320" s="84"/>
    </row>
    <row r="15321" spans="35:39" x14ac:dyDescent="0.35">
      <c r="AI15321" s="84"/>
      <c r="AM15321" s="84"/>
    </row>
    <row r="15322" spans="35:39" x14ac:dyDescent="0.35">
      <c r="AI15322" s="84"/>
      <c r="AM15322" s="84"/>
    </row>
    <row r="15323" spans="35:39" x14ac:dyDescent="0.35">
      <c r="AI15323" s="84"/>
      <c r="AM15323" s="84"/>
    </row>
    <row r="15324" spans="35:39" x14ac:dyDescent="0.35">
      <c r="AI15324" s="84"/>
      <c r="AM15324" s="84"/>
    </row>
    <row r="15325" spans="35:39" x14ac:dyDescent="0.35">
      <c r="AI15325" s="84"/>
      <c r="AM15325" s="84"/>
    </row>
    <row r="15326" spans="35:39" x14ac:dyDescent="0.35">
      <c r="AI15326" s="84"/>
      <c r="AM15326" s="84"/>
    </row>
    <row r="15327" spans="35:39" x14ac:dyDescent="0.35">
      <c r="AI15327" s="84"/>
      <c r="AM15327" s="84"/>
    </row>
    <row r="15328" spans="35:39" x14ac:dyDescent="0.35">
      <c r="AI15328" s="84"/>
      <c r="AM15328" s="84"/>
    </row>
    <row r="15329" spans="35:39" x14ac:dyDescent="0.35">
      <c r="AI15329" s="84"/>
      <c r="AM15329" s="84"/>
    </row>
    <row r="15330" spans="35:39" x14ac:dyDescent="0.35">
      <c r="AI15330" s="84"/>
      <c r="AM15330" s="84"/>
    </row>
    <row r="15331" spans="35:39" x14ac:dyDescent="0.35">
      <c r="AI15331" s="84"/>
      <c r="AM15331" s="84"/>
    </row>
    <row r="15332" spans="35:39" x14ac:dyDescent="0.35">
      <c r="AI15332" s="84"/>
      <c r="AM15332" s="84"/>
    </row>
    <row r="15333" spans="35:39" x14ac:dyDescent="0.35">
      <c r="AI15333" s="84"/>
      <c r="AM15333" s="84"/>
    </row>
    <row r="15334" spans="35:39" x14ac:dyDescent="0.35">
      <c r="AI15334" s="84"/>
      <c r="AM15334" s="84"/>
    </row>
    <row r="15335" spans="35:39" x14ac:dyDescent="0.35">
      <c r="AI15335" s="84"/>
      <c r="AM15335" s="84"/>
    </row>
    <row r="15336" spans="35:39" x14ac:dyDescent="0.35">
      <c r="AI15336" s="84"/>
      <c r="AM15336" s="84"/>
    </row>
    <row r="15337" spans="35:39" x14ac:dyDescent="0.35">
      <c r="AI15337" s="84"/>
      <c r="AM15337" s="84"/>
    </row>
    <row r="15338" spans="35:39" x14ac:dyDescent="0.35">
      <c r="AI15338" s="84"/>
      <c r="AM15338" s="84"/>
    </row>
    <row r="15339" spans="35:39" x14ac:dyDescent="0.35">
      <c r="AI15339" s="84"/>
      <c r="AM15339" s="84"/>
    </row>
    <row r="15340" spans="35:39" x14ac:dyDescent="0.35">
      <c r="AI15340" s="84"/>
      <c r="AM15340" s="84"/>
    </row>
    <row r="15341" spans="35:39" x14ac:dyDescent="0.35">
      <c r="AI15341" s="84"/>
      <c r="AM15341" s="84"/>
    </row>
    <row r="15342" spans="35:39" x14ac:dyDescent="0.35">
      <c r="AI15342" s="84"/>
      <c r="AM15342" s="84"/>
    </row>
    <row r="15343" spans="35:39" x14ac:dyDescent="0.35">
      <c r="AI15343" s="84"/>
      <c r="AM15343" s="84"/>
    </row>
    <row r="15344" spans="35:39" x14ac:dyDescent="0.35">
      <c r="AI15344" s="84"/>
      <c r="AM15344" s="84"/>
    </row>
    <row r="15345" spans="35:39" x14ac:dyDescent="0.35">
      <c r="AI15345" s="84"/>
      <c r="AM15345" s="84"/>
    </row>
    <row r="15346" spans="35:39" x14ac:dyDescent="0.35">
      <c r="AI15346" s="84"/>
      <c r="AM15346" s="84"/>
    </row>
    <row r="15347" spans="35:39" x14ac:dyDescent="0.35">
      <c r="AI15347" s="84"/>
      <c r="AM15347" s="84"/>
    </row>
    <row r="15348" spans="35:39" x14ac:dyDescent="0.35">
      <c r="AI15348" s="84"/>
      <c r="AM15348" s="84"/>
    </row>
    <row r="15349" spans="35:39" x14ac:dyDescent="0.35">
      <c r="AI15349" s="84"/>
      <c r="AM15349" s="84"/>
    </row>
    <row r="15350" spans="35:39" x14ac:dyDescent="0.35">
      <c r="AI15350" s="84"/>
      <c r="AM15350" s="84"/>
    </row>
    <row r="15351" spans="35:39" x14ac:dyDescent="0.35">
      <c r="AI15351" s="84"/>
      <c r="AM15351" s="84"/>
    </row>
    <row r="15352" spans="35:39" x14ac:dyDescent="0.35">
      <c r="AI15352" s="84"/>
      <c r="AM15352" s="84"/>
    </row>
    <row r="15353" spans="35:39" x14ac:dyDescent="0.35">
      <c r="AI15353" s="84"/>
      <c r="AM15353" s="84"/>
    </row>
    <row r="15354" spans="35:39" x14ac:dyDescent="0.35">
      <c r="AI15354" s="84"/>
      <c r="AM15354" s="84"/>
    </row>
    <row r="15355" spans="35:39" x14ac:dyDescent="0.35">
      <c r="AI15355" s="84"/>
      <c r="AM15355" s="84"/>
    </row>
    <row r="15356" spans="35:39" x14ac:dyDescent="0.35">
      <c r="AI15356" s="84"/>
      <c r="AM15356" s="84"/>
    </row>
    <row r="15357" spans="35:39" x14ac:dyDescent="0.35">
      <c r="AI15357" s="84"/>
      <c r="AM15357" s="84"/>
    </row>
    <row r="15358" spans="35:39" x14ac:dyDescent="0.35">
      <c r="AI15358" s="84"/>
      <c r="AM15358" s="84"/>
    </row>
    <row r="15359" spans="35:39" x14ac:dyDescent="0.35">
      <c r="AI15359" s="84"/>
      <c r="AM15359" s="84"/>
    </row>
    <row r="15360" spans="35:39" x14ac:dyDescent="0.35">
      <c r="AI15360" s="84"/>
      <c r="AM15360" s="84"/>
    </row>
    <row r="15361" spans="35:39" x14ac:dyDescent="0.35">
      <c r="AI15361" s="84"/>
      <c r="AM15361" s="84"/>
    </row>
    <row r="15362" spans="35:39" x14ac:dyDescent="0.35">
      <c r="AI15362" s="84"/>
      <c r="AM15362" s="84"/>
    </row>
    <row r="15363" spans="35:39" x14ac:dyDescent="0.35">
      <c r="AI15363" s="84"/>
      <c r="AM15363" s="84"/>
    </row>
    <row r="15364" spans="35:39" x14ac:dyDescent="0.35">
      <c r="AI15364" s="84"/>
      <c r="AM15364" s="84"/>
    </row>
    <row r="15365" spans="35:39" x14ac:dyDescent="0.35">
      <c r="AI15365" s="84"/>
      <c r="AM15365" s="84"/>
    </row>
    <row r="15366" spans="35:39" x14ac:dyDescent="0.35">
      <c r="AI15366" s="84"/>
      <c r="AM15366" s="84"/>
    </row>
    <row r="15367" spans="35:39" x14ac:dyDescent="0.35">
      <c r="AI15367" s="84"/>
      <c r="AM15367" s="84"/>
    </row>
    <row r="15368" spans="35:39" x14ac:dyDescent="0.35">
      <c r="AI15368" s="84"/>
      <c r="AM15368" s="84"/>
    </row>
    <row r="15369" spans="35:39" x14ac:dyDescent="0.35">
      <c r="AI15369" s="84"/>
      <c r="AM15369" s="84"/>
    </row>
    <row r="15370" spans="35:39" x14ac:dyDescent="0.35">
      <c r="AI15370" s="84"/>
      <c r="AM15370" s="84"/>
    </row>
    <row r="15371" spans="35:39" x14ac:dyDescent="0.35">
      <c r="AI15371" s="84"/>
      <c r="AM15371" s="84"/>
    </row>
    <row r="15372" spans="35:39" x14ac:dyDescent="0.35">
      <c r="AI15372" s="84"/>
      <c r="AM15372" s="84"/>
    </row>
    <row r="15373" spans="35:39" x14ac:dyDescent="0.35">
      <c r="AI15373" s="84"/>
      <c r="AM15373" s="84"/>
    </row>
    <row r="15374" spans="35:39" x14ac:dyDescent="0.35">
      <c r="AI15374" s="84"/>
      <c r="AM15374" s="84"/>
    </row>
    <row r="15375" spans="35:39" x14ac:dyDescent="0.35">
      <c r="AI15375" s="84"/>
      <c r="AM15375" s="84"/>
    </row>
    <row r="15376" spans="35:39" x14ac:dyDescent="0.35">
      <c r="AI15376" s="84"/>
      <c r="AM15376" s="84"/>
    </row>
    <row r="15377" spans="35:39" x14ac:dyDescent="0.35">
      <c r="AI15377" s="84"/>
      <c r="AM15377" s="84"/>
    </row>
    <row r="15378" spans="35:39" x14ac:dyDescent="0.35">
      <c r="AI15378" s="84"/>
      <c r="AM15378" s="84"/>
    </row>
    <row r="15379" spans="35:39" x14ac:dyDescent="0.35">
      <c r="AI15379" s="84"/>
      <c r="AM15379" s="84"/>
    </row>
    <row r="15380" spans="35:39" x14ac:dyDescent="0.35">
      <c r="AI15380" s="84"/>
      <c r="AM15380" s="84"/>
    </row>
    <row r="15381" spans="35:39" x14ac:dyDescent="0.35">
      <c r="AI15381" s="84"/>
      <c r="AM15381" s="84"/>
    </row>
    <row r="15382" spans="35:39" x14ac:dyDescent="0.35">
      <c r="AI15382" s="84"/>
      <c r="AM15382" s="84"/>
    </row>
    <row r="15383" spans="35:39" x14ac:dyDescent="0.35">
      <c r="AI15383" s="84"/>
      <c r="AM15383" s="84"/>
    </row>
    <row r="15384" spans="35:39" x14ac:dyDescent="0.35">
      <c r="AI15384" s="84"/>
      <c r="AM15384" s="84"/>
    </row>
    <row r="15385" spans="35:39" x14ac:dyDescent="0.35">
      <c r="AI15385" s="84"/>
      <c r="AM15385" s="84"/>
    </row>
    <row r="15386" spans="35:39" x14ac:dyDescent="0.35">
      <c r="AI15386" s="84"/>
      <c r="AM15386" s="84"/>
    </row>
    <row r="15387" spans="35:39" x14ac:dyDescent="0.35">
      <c r="AI15387" s="84"/>
      <c r="AM15387" s="84"/>
    </row>
    <row r="15388" spans="35:39" x14ac:dyDescent="0.35">
      <c r="AI15388" s="84"/>
      <c r="AM15388" s="84"/>
    </row>
    <row r="15389" spans="35:39" x14ac:dyDescent="0.35">
      <c r="AI15389" s="84"/>
      <c r="AM15389" s="84"/>
    </row>
    <row r="15390" spans="35:39" x14ac:dyDescent="0.35">
      <c r="AI15390" s="84"/>
      <c r="AM15390" s="84"/>
    </row>
    <row r="15391" spans="35:39" x14ac:dyDescent="0.35">
      <c r="AI15391" s="84"/>
      <c r="AM15391" s="84"/>
    </row>
    <row r="15392" spans="35:39" x14ac:dyDescent="0.35">
      <c r="AI15392" s="84"/>
      <c r="AM15392" s="84"/>
    </row>
    <row r="15393" spans="35:39" x14ac:dyDescent="0.35">
      <c r="AI15393" s="84"/>
      <c r="AM15393" s="84"/>
    </row>
    <row r="15394" spans="35:39" x14ac:dyDescent="0.35">
      <c r="AI15394" s="84"/>
      <c r="AM15394" s="84"/>
    </row>
    <row r="15395" spans="35:39" x14ac:dyDescent="0.35">
      <c r="AI15395" s="84"/>
      <c r="AM15395" s="84"/>
    </row>
    <row r="15396" spans="35:39" x14ac:dyDescent="0.35">
      <c r="AI15396" s="84"/>
      <c r="AM15396" s="84"/>
    </row>
    <row r="15397" spans="35:39" x14ac:dyDescent="0.35">
      <c r="AI15397" s="84"/>
      <c r="AM15397" s="84"/>
    </row>
    <row r="15398" spans="35:39" x14ac:dyDescent="0.35">
      <c r="AI15398" s="84"/>
      <c r="AM15398" s="84"/>
    </row>
    <row r="15399" spans="35:39" x14ac:dyDescent="0.35">
      <c r="AI15399" s="84"/>
      <c r="AM15399" s="84"/>
    </row>
    <row r="15400" spans="35:39" x14ac:dyDescent="0.35">
      <c r="AI15400" s="84"/>
      <c r="AM15400" s="84"/>
    </row>
    <row r="15401" spans="35:39" x14ac:dyDescent="0.35">
      <c r="AI15401" s="84"/>
      <c r="AM15401" s="84"/>
    </row>
    <row r="15402" spans="35:39" x14ac:dyDescent="0.35">
      <c r="AI15402" s="84"/>
      <c r="AM15402" s="84"/>
    </row>
    <row r="15403" spans="35:39" x14ac:dyDescent="0.35">
      <c r="AI15403" s="84"/>
      <c r="AM15403" s="84"/>
    </row>
    <row r="15404" spans="35:39" x14ac:dyDescent="0.35">
      <c r="AI15404" s="84"/>
      <c r="AM15404" s="84"/>
    </row>
    <row r="15405" spans="35:39" x14ac:dyDescent="0.35">
      <c r="AI15405" s="84"/>
      <c r="AM15405" s="84"/>
    </row>
    <row r="15406" spans="35:39" x14ac:dyDescent="0.35">
      <c r="AI15406" s="84"/>
      <c r="AM15406" s="84"/>
    </row>
    <row r="15407" spans="35:39" x14ac:dyDescent="0.35">
      <c r="AI15407" s="84"/>
      <c r="AM15407" s="84"/>
    </row>
    <row r="15408" spans="35:39" x14ac:dyDescent="0.35">
      <c r="AI15408" s="84"/>
      <c r="AM15408" s="84"/>
    </row>
    <row r="15409" spans="35:39" x14ac:dyDescent="0.35">
      <c r="AI15409" s="84"/>
      <c r="AM15409" s="84"/>
    </row>
    <row r="15410" spans="35:39" x14ac:dyDescent="0.35">
      <c r="AI15410" s="84"/>
      <c r="AM15410" s="84"/>
    </row>
    <row r="15411" spans="35:39" x14ac:dyDescent="0.35">
      <c r="AI15411" s="84"/>
      <c r="AM15411" s="84"/>
    </row>
    <row r="15412" spans="35:39" x14ac:dyDescent="0.35">
      <c r="AI15412" s="84"/>
      <c r="AM15412" s="84"/>
    </row>
    <row r="15413" spans="35:39" x14ac:dyDescent="0.35">
      <c r="AI15413" s="84"/>
      <c r="AM15413" s="84"/>
    </row>
    <row r="15414" spans="35:39" x14ac:dyDescent="0.35">
      <c r="AI15414" s="84"/>
      <c r="AM15414" s="84"/>
    </row>
    <row r="15415" spans="35:39" x14ac:dyDescent="0.35">
      <c r="AI15415" s="84"/>
      <c r="AM15415" s="84"/>
    </row>
    <row r="15416" spans="35:39" x14ac:dyDescent="0.35">
      <c r="AI15416" s="84"/>
      <c r="AM15416" s="84"/>
    </row>
    <row r="15417" spans="35:39" x14ac:dyDescent="0.35">
      <c r="AI15417" s="84"/>
      <c r="AM15417" s="84"/>
    </row>
    <row r="15418" spans="35:39" x14ac:dyDescent="0.35">
      <c r="AI15418" s="84"/>
      <c r="AM15418" s="84"/>
    </row>
    <row r="15419" spans="35:39" x14ac:dyDescent="0.35">
      <c r="AI15419" s="84"/>
      <c r="AM15419" s="84"/>
    </row>
    <row r="15420" spans="35:39" x14ac:dyDescent="0.35">
      <c r="AI15420" s="84"/>
      <c r="AM15420" s="84"/>
    </row>
    <row r="15421" spans="35:39" x14ac:dyDescent="0.35">
      <c r="AI15421" s="84"/>
      <c r="AM15421" s="84"/>
    </row>
    <row r="15422" spans="35:39" x14ac:dyDescent="0.35">
      <c r="AI15422" s="84"/>
      <c r="AM15422" s="84"/>
    </row>
    <row r="15423" spans="35:39" x14ac:dyDescent="0.35">
      <c r="AI15423" s="84"/>
      <c r="AM15423" s="84"/>
    </row>
    <row r="15424" spans="35:39" x14ac:dyDescent="0.35">
      <c r="AI15424" s="84"/>
      <c r="AM15424" s="84"/>
    </row>
    <row r="15425" spans="35:39" x14ac:dyDescent="0.35">
      <c r="AI15425" s="84"/>
      <c r="AM15425" s="84"/>
    </row>
    <row r="15426" spans="35:39" x14ac:dyDescent="0.35">
      <c r="AI15426" s="84"/>
      <c r="AM15426" s="84"/>
    </row>
    <row r="15427" spans="35:39" x14ac:dyDescent="0.35">
      <c r="AI15427" s="84"/>
      <c r="AM15427" s="84"/>
    </row>
    <row r="15428" spans="35:39" x14ac:dyDescent="0.35">
      <c r="AI15428" s="84"/>
      <c r="AM15428" s="84"/>
    </row>
    <row r="15429" spans="35:39" x14ac:dyDescent="0.35">
      <c r="AI15429" s="84"/>
      <c r="AM15429" s="84"/>
    </row>
    <row r="15430" spans="35:39" x14ac:dyDescent="0.35">
      <c r="AI15430" s="84"/>
      <c r="AM15430" s="84"/>
    </row>
    <row r="15431" spans="35:39" x14ac:dyDescent="0.35">
      <c r="AI15431" s="84"/>
      <c r="AM15431" s="84"/>
    </row>
    <row r="15432" spans="35:39" x14ac:dyDescent="0.35">
      <c r="AI15432" s="84"/>
      <c r="AM15432" s="84"/>
    </row>
    <row r="15433" spans="35:39" x14ac:dyDescent="0.35">
      <c r="AI15433" s="84"/>
      <c r="AM15433" s="84"/>
    </row>
    <row r="15434" spans="35:39" x14ac:dyDescent="0.35">
      <c r="AI15434" s="84"/>
      <c r="AM15434" s="84"/>
    </row>
    <row r="15435" spans="35:39" x14ac:dyDescent="0.35">
      <c r="AI15435" s="84"/>
      <c r="AM15435" s="84"/>
    </row>
    <row r="15436" spans="35:39" x14ac:dyDescent="0.35">
      <c r="AI15436" s="84"/>
      <c r="AM15436" s="84"/>
    </row>
    <row r="15437" spans="35:39" x14ac:dyDescent="0.35">
      <c r="AI15437" s="84"/>
      <c r="AM15437" s="84"/>
    </row>
    <row r="15438" spans="35:39" x14ac:dyDescent="0.35">
      <c r="AI15438" s="84"/>
      <c r="AM15438" s="84"/>
    </row>
    <row r="15439" spans="35:39" x14ac:dyDescent="0.35">
      <c r="AI15439" s="84"/>
      <c r="AM15439" s="84"/>
    </row>
    <row r="15440" spans="35:39" x14ac:dyDescent="0.35">
      <c r="AI15440" s="84"/>
      <c r="AM15440" s="84"/>
    </row>
    <row r="15441" spans="35:39" x14ac:dyDescent="0.35">
      <c r="AI15441" s="84"/>
      <c r="AM15441" s="84"/>
    </row>
    <row r="15442" spans="35:39" x14ac:dyDescent="0.35">
      <c r="AI15442" s="84"/>
      <c r="AM15442" s="84"/>
    </row>
    <row r="15443" spans="35:39" x14ac:dyDescent="0.35">
      <c r="AI15443" s="84"/>
      <c r="AM15443" s="84"/>
    </row>
    <row r="15444" spans="35:39" x14ac:dyDescent="0.35">
      <c r="AI15444" s="84"/>
      <c r="AM15444" s="84"/>
    </row>
    <row r="15445" spans="35:39" x14ac:dyDescent="0.35">
      <c r="AI15445" s="84"/>
      <c r="AM15445" s="84"/>
    </row>
    <row r="15446" spans="35:39" x14ac:dyDescent="0.35">
      <c r="AI15446" s="84"/>
      <c r="AM15446" s="84"/>
    </row>
    <row r="15447" spans="35:39" x14ac:dyDescent="0.35">
      <c r="AI15447" s="84"/>
      <c r="AM15447" s="84"/>
    </row>
    <row r="15448" spans="35:39" x14ac:dyDescent="0.35">
      <c r="AI15448" s="84"/>
      <c r="AM15448" s="84"/>
    </row>
    <row r="15449" spans="35:39" x14ac:dyDescent="0.35">
      <c r="AI15449" s="84"/>
      <c r="AM15449" s="84"/>
    </row>
    <row r="15450" spans="35:39" x14ac:dyDescent="0.35">
      <c r="AI15450" s="84"/>
      <c r="AM15450" s="84"/>
    </row>
    <row r="15451" spans="35:39" x14ac:dyDescent="0.35">
      <c r="AI15451" s="84"/>
      <c r="AM15451" s="84"/>
    </row>
    <row r="15452" spans="35:39" x14ac:dyDescent="0.35">
      <c r="AI15452" s="84"/>
      <c r="AM15452" s="84"/>
    </row>
    <row r="15453" spans="35:39" x14ac:dyDescent="0.35">
      <c r="AI15453" s="84"/>
      <c r="AM15453" s="84"/>
    </row>
    <row r="15454" spans="35:39" x14ac:dyDescent="0.35">
      <c r="AI15454" s="84"/>
      <c r="AM15454" s="84"/>
    </row>
    <row r="15455" spans="35:39" x14ac:dyDescent="0.35">
      <c r="AI15455" s="84"/>
      <c r="AM15455" s="84"/>
    </row>
    <row r="15456" spans="35:39" x14ac:dyDescent="0.35">
      <c r="AI15456" s="84"/>
      <c r="AM15456" s="84"/>
    </row>
    <row r="15457" spans="35:39" x14ac:dyDescent="0.35">
      <c r="AI15457" s="84"/>
      <c r="AM15457" s="84"/>
    </row>
    <row r="15458" spans="35:39" x14ac:dyDescent="0.35">
      <c r="AI15458" s="84"/>
      <c r="AM15458" s="84"/>
    </row>
    <row r="15459" spans="35:39" x14ac:dyDescent="0.35">
      <c r="AI15459" s="84"/>
      <c r="AM15459" s="84"/>
    </row>
    <row r="15460" spans="35:39" x14ac:dyDescent="0.35">
      <c r="AI15460" s="84"/>
      <c r="AM15460" s="84"/>
    </row>
    <row r="15461" spans="35:39" x14ac:dyDescent="0.35">
      <c r="AI15461" s="84"/>
      <c r="AM15461" s="84"/>
    </row>
    <row r="15462" spans="35:39" x14ac:dyDescent="0.35">
      <c r="AI15462" s="84"/>
      <c r="AM15462" s="84"/>
    </row>
    <row r="15463" spans="35:39" x14ac:dyDescent="0.35">
      <c r="AI15463" s="84"/>
      <c r="AM15463" s="84"/>
    </row>
    <row r="15464" spans="35:39" x14ac:dyDescent="0.35">
      <c r="AI15464" s="84"/>
      <c r="AM15464" s="84"/>
    </row>
    <row r="15465" spans="35:39" x14ac:dyDescent="0.35">
      <c r="AI15465" s="84"/>
      <c r="AM15465" s="84"/>
    </row>
    <row r="15466" spans="35:39" x14ac:dyDescent="0.35">
      <c r="AI15466" s="84"/>
      <c r="AM15466" s="84"/>
    </row>
    <row r="15467" spans="35:39" x14ac:dyDescent="0.35">
      <c r="AI15467" s="84"/>
      <c r="AM15467" s="84"/>
    </row>
    <row r="15468" spans="35:39" x14ac:dyDescent="0.35">
      <c r="AI15468" s="84"/>
      <c r="AM15468" s="84"/>
    </row>
    <row r="15469" spans="35:39" x14ac:dyDescent="0.35">
      <c r="AI15469" s="84"/>
      <c r="AM15469" s="84"/>
    </row>
    <row r="15470" spans="35:39" x14ac:dyDescent="0.35">
      <c r="AI15470" s="84"/>
      <c r="AM15470" s="84"/>
    </row>
    <row r="15471" spans="35:39" x14ac:dyDescent="0.35">
      <c r="AI15471" s="84"/>
      <c r="AM15471" s="84"/>
    </row>
    <row r="15472" spans="35:39" x14ac:dyDescent="0.35">
      <c r="AI15472" s="84"/>
      <c r="AM15472" s="84"/>
    </row>
    <row r="15473" spans="35:39" x14ac:dyDescent="0.35">
      <c r="AI15473" s="84"/>
      <c r="AM15473" s="84"/>
    </row>
    <row r="15474" spans="35:39" x14ac:dyDescent="0.35">
      <c r="AI15474" s="84"/>
      <c r="AM15474" s="84"/>
    </row>
    <row r="15475" spans="35:39" x14ac:dyDescent="0.35">
      <c r="AI15475" s="84"/>
      <c r="AM15475" s="84"/>
    </row>
    <row r="15476" spans="35:39" x14ac:dyDescent="0.35">
      <c r="AI15476" s="84"/>
      <c r="AM15476" s="84"/>
    </row>
    <row r="15477" spans="35:39" x14ac:dyDescent="0.35">
      <c r="AI15477" s="84"/>
      <c r="AM15477" s="84"/>
    </row>
    <row r="15478" spans="35:39" x14ac:dyDescent="0.35">
      <c r="AI15478" s="84"/>
      <c r="AM15478" s="84"/>
    </row>
    <row r="15479" spans="35:39" x14ac:dyDescent="0.35">
      <c r="AI15479" s="84"/>
      <c r="AM15479" s="84"/>
    </row>
    <row r="15480" spans="35:39" x14ac:dyDescent="0.35">
      <c r="AI15480" s="84"/>
      <c r="AM15480" s="84"/>
    </row>
    <row r="15481" spans="35:39" x14ac:dyDescent="0.35">
      <c r="AI15481" s="84"/>
      <c r="AM15481" s="84"/>
    </row>
    <row r="15482" spans="35:39" x14ac:dyDescent="0.35">
      <c r="AI15482" s="84"/>
      <c r="AM15482" s="84"/>
    </row>
    <row r="15483" spans="35:39" x14ac:dyDescent="0.35">
      <c r="AI15483" s="84"/>
      <c r="AM15483" s="84"/>
    </row>
    <row r="15484" spans="35:39" x14ac:dyDescent="0.35">
      <c r="AI15484" s="84"/>
      <c r="AM15484" s="84"/>
    </row>
    <row r="15485" spans="35:39" x14ac:dyDescent="0.35">
      <c r="AI15485" s="84"/>
      <c r="AM15485" s="84"/>
    </row>
    <row r="15486" spans="35:39" x14ac:dyDescent="0.35">
      <c r="AI15486" s="84"/>
      <c r="AM15486" s="84"/>
    </row>
    <row r="15487" spans="35:39" x14ac:dyDescent="0.35">
      <c r="AI15487" s="84"/>
      <c r="AM15487" s="84"/>
    </row>
    <row r="15488" spans="35:39" x14ac:dyDescent="0.35">
      <c r="AI15488" s="84"/>
      <c r="AM15488" s="84"/>
    </row>
    <row r="15489" spans="35:39" x14ac:dyDescent="0.35">
      <c r="AI15489" s="84"/>
      <c r="AM15489" s="84"/>
    </row>
    <row r="15490" spans="35:39" x14ac:dyDescent="0.35">
      <c r="AI15490" s="84"/>
      <c r="AM15490" s="84"/>
    </row>
    <row r="15491" spans="35:39" x14ac:dyDescent="0.35">
      <c r="AI15491" s="84"/>
      <c r="AM15491" s="84"/>
    </row>
    <row r="15492" spans="35:39" x14ac:dyDescent="0.35">
      <c r="AI15492" s="84"/>
      <c r="AM15492" s="84"/>
    </row>
    <row r="15493" spans="35:39" x14ac:dyDescent="0.35">
      <c r="AI15493" s="84"/>
      <c r="AM15493" s="84"/>
    </row>
    <row r="15494" spans="35:39" x14ac:dyDescent="0.35">
      <c r="AI15494" s="84"/>
      <c r="AM15494" s="84"/>
    </row>
    <row r="15495" spans="35:39" x14ac:dyDescent="0.35">
      <c r="AI15495" s="84"/>
      <c r="AM15495" s="84"/>
    </row>
    <row r="15496" spans="35:39" x14ac:dyDescent="0.35">
      <c r="AI15496" s="84"/>
      <c r="AM15496" s="84"/>
    </row>
    <row r="15497" spans="35:39" x14ac:dyDescent="0.35">
      <c r="AI15497" s="84"/>
      <c r="AM15497" s="84"/>
    </row>
    <row r="15498" spans="35:39" x14ac:dyDescent="0.35">
      <c r="AI15498" s="84"/>
      <c r="AM15498" s="84"/>
    </row>
    <row r="15499" spans="35:39" x14ac:dyDescent="0.35">
      <c r="AI15499" s="84"/>
      <c r="AM15499" s="84"/>
    </row>
    <row r="15500" spans="35:39" x14ac:dyDescent="0.35">
      <c r="AI15500" s="84"/>
      <c r="AM15500" s="84"/>
    </row>
    <row r="15501" spans="35:39" x14ac:dyDescent="0.35">
      <c r="AI15501" s="84"/>
      <c r="AM15501" s="84"/>
    </row>
    <row r="15502" spans="35:39" x14ac:dyDescent="0.35">
      <c r="AI15502" s="84"/>
      <c r="AM15502" s="84"/>
    </row>
    <row r="15503" spans="35:39" x14ac:dyDescent="0.35">
      <c r="AI15503" s="84"/>
      <c r="AM15503" s="84"/>
    </row>
    <row r="15504" spans="35:39" x14ac:dyDescent="0.35">
      <c r="AI15504" s="84"/>
      <c r="AM15504" s="84"/>
    </row>
    <row r="15505" spans="35:39" x14ac:dyDescent="0.35">
      <c r="AI15505" s="84"/>
      <c r="AM15505" s="84"/>
    </row>
    <row r="15506" spans="35:39" x14ac:dyDescent="0.35">
      <c r="AI15506" s="84"/>
      <c r="AM15506" s="84"/>
    </row>
    <row r="15507" spans="35:39" x14ac:dyDescent="0.35">
      <c r="AI15507" s="84"/>
      <c r="AM15507" s="84"/>
    </row>
    <row r="15508" spans="35:39" x14ac:dyDescent="0.35">
      <c r="AI15508" s="84"/>
      <c r="AM15508" s="84"/>
    </row>
    <row r="15509" spans="35:39" x14ac:dyDescent="0.35">
      <c r="AI15509" s="84"/>
      <c r="AM15509" s="84"/>
    </row>
    <row r="15510" spans="35:39" x14ac:dyDescent="0.35">
      <c r="AI15510" s="84"/>
      <c r="AM15510" s="84"/>
    </row>
    <row r="15511" spans="35:39" x14ac:dyDescent="0.35">
      <c r="AI15511" s="84"/>
      <c r="AM15511" s="84"/>
    </row>
    <row r="15512" spans="35:39" x14ac:dyDescent="0.35">
      <c r="AI15512" s="84"/>
      <c r="AM15512" s="84"/>
    </row>
    <row r="15513" spans="35:39" x14ac:dyDescent="0.35">
      <c r="AI15513" s="84"/>
      <c r="AM15513" s="84"/>
    </row>
    <row r="15514" spans="35:39" x14ac:dyDescent="0.35">
      <c r="AI15514" s="84"/>
      <c r="AM15514" s="84"/>
    </row>
    <row r="15515" spans="35:39" x14ac:dyDescent="0.35">
      <c r="AI15515" s="84"/>
      <c r="AM15515" s="84"/>
    </row>
    <row r="15516" spans="35:39" x14ac:dyDescent="0.35">
      <c r="AI15516" s="84"/>
      <c r="AM15516" s="84"/>
    </row>
    <row r="15517" spans="35:39" x14ac:dyDescent="0.35">
      <c r="AI15517" s="84"/>
      <c r="AM15517" s="84"/>
    </row>
    <row r="15518" spans="35:39" x14ac:dyDescent="0.35">
      <c r="AI15518" s="84"/>
      <c r="AM15518" s="84"/>
    </row>
    <row r="15519" spans="35:39" x14ac:dyDescent="0.35">
      <c r="AI15519" s="84"/>
      <c r="AM15519" s="84"/>
    </row>
    <row r="15520" spans="35:39" x14ac:dyDescent="0.35">
      <c r="AI15520" s="84"/>
      <c r="AM15520" s="84"/>
    </row>
    <row r="15521" spans="35:39" x14ac:dyDescent="0.35">
      <c r="AI15521" s="84"/>
      <c r="AM15521" s="84"/>
    </row>
    <row r="15522" spans="35:39" x14ac:dyDescent="0.35">
      <c r="AI15522" s="84"/>
      <c r="AM15522" s="84"/>
    </row>
    <row r="15523" spans="35:39" x14ac:dyDescent="0.35">
      <c r="AI15523" s="84"/>
      <c r="AM15523" s="84"/>
    </row>
    <row r="15524" spans="35:39" x14ac:dyDescent="0.35">
      <c r="AI15524" s="84"/>
      <c r="AM15524" s="84"/>
    </row>
    <row r="15525" spans="35:39" x14ac:dyDescent="0.35">
      <c r="AI15525" s="84"/>
      <c r="AM15525" s="84"/>
    </row>
    <row r="15526" spans="35:39" x14ac:dyDescent="0.35">
      <c r="AI15526" s="84"/>
      <c r="AM15526" s="84"/>
    </row>
    <row r="15527" spans="35:39" x14ac:dyDescent="0.35">
      <c r="AI15527" s="84"/>
      <c r="AM15527" s="84"/>
    </row>
    <row r="15528" spans="35:39" x14ac:dyDescent="0.35">
      <c r="AI15528" s="84"/>
      <c r="AM15528" s="84"/>
    </row>
    <row r="15529" spans="35:39" x14ac:dyDescent="0.35">
      <c r="AI15529" s="84"/>
      <c r="AM15529" s="84"/>
    </row>
    <row r="15530" spans="35:39" x14ac:dyDescent="0.35">
      <c r="AI15530" s="84"/>
      <c r="AM15530" s="84"/>
    </row>
    <row r="15531" spans="35:39" x14ac:dyDescent="0.35">
      <c r="AI15531" s="84"/>
      <c r="AM15531" s="84"/>
    </row>
    <row r="15532" spans="35:39" x14ac:dyDescent="0.35">
      <c r="AI15532" s="84"/>
      <c r="AM15532" s="84"/>
    </row>
    <row r="15533" spans="35:39" x14ac:dyDescent="0.35">
      <c r="AI15533" s="84"/>
      <c r="AM15533" s="84"/>
    </row>
    <row r="15534" spans="35:39" x14ac:dyDescent="0.35">
      <c r="AI15534" s="84"/>
      <c r="AM15534" s="84"/>
    </row>
    <row r="15535" spans="35:39" x14ac:dyDescent="0.35">
      <c r="AI15535" s="84"/>
      <c r="AM15535" s="84"/>
    </row>
    <row r="15536" spans="35:39" x14ac:dyDescent="0.35">
      <c r="AI15536" s="84"/>
      <c r="AM15536" s="84"/>
    </row>
    <row r="15537" spans="35:39" x14ac:dyDescent="0.35">
      <c r="AI15537" s="84"/>
      <c r="AM15537" s="84"/>
    </row>
    <row r="15538" spans="35:39" x14ac:dyDescent="0.35">
      <c r="AI15538" s="84"/>
      <c r="AM15538" s="84"/>
    </row>
    <row r="15539" spans="35:39" x14ac:dyDescent="0.35">
      <c r="AI15539" s="84"/>
      <c r="AM15539" s="84"/>
    </row>
    <row r="15540" spans="35:39" x14ac:dyDescent="0.35">
      <c r="AI15540" s="84"/>
      <c r="AM15540" s="84"/>
    </row>
    <row r="15541" spans="35:39" x14ac:dyDescent="0.35">
      <c r="AI15541" s="84"/>
      <c r="AM15541" s="84"/>
    </row>
    <row r="15542" spans="35:39" x14ac:dyDescent="0.35">
      <c r="AI15542" s="84"/>
      <c r="AM15542" s="84"/>
    </row>
    <row r="15543" spans="35:39" x14ac:dyDescent="0.35">
      <c r="AI15543" s="84"/>
      <c r="AM15543" s="84"/>
    </row>
    <row r="15544" spans="35:39" x14ac:dyDescent="0.35">
      <c r="AI15544" s="84"/>
      <c r="AM15544" s="84"/>
    </row>
    <row r="15545" spans="35:39" x14ac:dyDescent="0.35">
      <c r="AI15545" s="84"/>
      <c r="AM15545" s="84"/>
    </row>
    <row r="15546" spans="35:39" x14ac:dyDescent="0.35">
      <c r="AI15546" s="84"/>
      <c r="AM15546" s="84"/>
    </row>
    <row r="15547" spans="35:39" x14ac:dyDescent="0.35">
      <c r="AI15547" s="84"/>
      <c r="AM15547" s="84"/>
    </row>
    <row r="15548" spans="35:39" x14ac:dyDescent="0.35">
      <c r="AI15548" s="84"/>
      <c r="AM15548" s="84"/>
    </row>
    <row r="15549" spans="35:39" x14ac:dyDescent="0.35">
      <c r="AI15549" s="84"/>
      <c r="AM15549" s="84"/>
    </row>
    <row r="15550" spans="35:39" x14ac:dyDescent="0.35">
      <c r="AI15550" s="84"/>
      <c r="AM15550" s="84"/>
    </row>
    <row r="15551" spans="35:39" x14ac:dyDescent="0.35">
      <c r="AI15551" s="84"/>
      <c r="AM15551" s="84"/>
    </row>
    <row r="15552" spans="35:39" x14ac:dyDescent="0.35">
      <c r="AI15552" s="84"/>
      <c r="AM15552" s="84"/>
    </row>
    <row r="15553" spans="35:39" x14ac:dyDescent="0.35">
      <c r="AI15553" s="84"/>
      <c r="AM15553" s="84"/>
    </row>
    <row r="15554" spans="35:39" x14ac:dyDescent="0.35">
      <c r="AI15554" s="84"/>
      <c r="AM15554" s="84"/>
    </row>
    <row r="15555" spans="35:39" x14ac:dyDescent="0.35">
      <c r="AI15555" s="84"/>
      <c r="AM15555" s="84"/>
    </row>
    <row r="15556" spans="35:39" x14ac:dyDescent="0.35">
      <c r="AI15556" s="84"/>
      <c r="AM15556" s="84"/>
    </row>
    <row r="15557" spans="35:39" x14ac:dyDescent="0.35">
      <c r="AI15557" s="84"/>
      <c r="AM15557" s="84"/>
    </row>
    <row r="15558" spans="35:39" x14ac:dyDescent="0.35">
      <c r="AI15558" s="84"/>
      <c r="AM15558" s="84"/>
    </row>
    <row r="15559" spans="35:39" x14ac:dyDescent="0.35">
      <c r="AI15559" s="84"/>
      <c r="AM15559" s="84"/>
    </row>
    <row r="15560" spans="35:39" x14ac:dyDescent="0.35">
      <c r="AI15560" s="84"/>
      <c r="AM15560" s="84"/>
    </row>
    <row r="15561" spans="35:39" x14ac:dyDescent="0.35">
      <c r="AI15561" s="84"/>
      <c r="AM15561" s="84"/>
    </row>
    <row r="15562" spans="35:39" x14ac:dyDescent="0.35">
      <c r="AI15562" s="84"/>
      <c r="AM15562" s="84"/>
    </row>
    <row r="15563" spans="35:39" x14ac:dyDescent="0.35">
      <c r="AI15563" s="84"/>
      <c r="AM15563" s="84"/>
    </row>
    <row r="15564" spans="35:39" x14ac:dyDescent="0.35">
      <c r="AI15564" s="84"/>
      <c r="AM15564" s="84"/>
    </row>
    <row r="15565" spans="35:39" x14ac:dyDescent="0.35">
      <c r="AI15565" s="84"/>
      <c r="AM15565" s="84"/>
    </row>
    <row r="15566" spans="35:39" x14ac:dyDescent="0.35">
      <c r="AI15566" s="84"/>
      <c r="AM15566" s="84"/>
    </row>
    <row r="15567" spans="35:39" x14ac:dyDescent="0.35">
      <c r="AI15567" s="84"/>
      <c r="AM15567" s="84"/>
    </row>
    <row r="15568" spans="35:39" x14ac:dyDescent="0.35">
      <c r="AI15568" s="84"/>
      <c r="AM15568" s="84"/>
    </row>
    <row r="15569" spans="35:39" x14ac:dyDescent="0.35">
      <c r="AI15569" s="84"/>
      <c r="AM15569" s="84"/>
    </row>
    <row r="15570" spans="35:39" x14ac:dyDescent="0.35">
      <c r="AI15570" s="84"/>
      <c r="AM15570" s="84"/>
    </row>
    <row r="15571" spans="35:39" x14ac:dyDescent="0.35">
      <c r="AI15571" s="84"/>
      <c r="AM15571" s="84"/>
    </row>
    <row r="15572" spans="35:39" x14ac:dyDescent="0.35">
      <c r="AI15572" s="84"/>
      <c r="AM15572" s="84"/>
    </row>
    <row r="15573" spans="35:39" x14ac:dyDescent="0.35">
      <c r="AI15573" s="84"/>
      <c r="AM15573" s="84"/>
    </row>
    <row r="15574" spans="35:39" x14ac:dyDescent="0.35">
      <c r="AI15574" s="84"/>
      <c r="AM15574" s="84"/>
    </row>
    <row r="15575" spans="35:39" x14ac:dyDescent="0.35">
      <c r="AI15575" s="84"/>
      <c r="AM15575" s="84"/>
    </row>
    <row r="15576" spans="35:39" x14ac:dyDescent="0.35">
      <c r="AI15576" s="84"/>
      <c r="AM15576" s="84"/>
    </row>
    <row r="15577" spans="35:39" x14ac:dyDescent="0.35">
      <c r="AI15577" s="84"/>
      <c r="AM15577" s="84"/>
    </row>
    <row r="15578" spans="35:39" x14ac:dyDescent="0.35">
      <c r="AI15578" s="84"/>
      <c r="AM15578" s="84"/>
    </row>
    <row r="15579" spans="35:39" x14ac:dyDescent="0.35">
      <c r="AI15579" s="84"/>
      <c r="AM15579" s="84"/>
    </row>
    <row r="15580" spans="35:39" x14ac:dyDescent="0.35">
      <c r="AI15580" s="84"/>
      <c r="AM15580" s="84"/>
    </row>
    <row r="15581" spans="35:39" x14ac:dyDescent="0.35">
      <c r="AI15581" s="84"/>
      <c r="AM15581" s="84"/>
    </row>
    <row r="15582" spans="35:39" x14ac:dyDescent="0.35">
      <c r="AI15582" s="84"/>
      <c r="AM15582" s="84"/>
    </row>
    <row r="15583" spans="35:39" x14ac:dyDescent="0.35">
      <c r="AI15583" s="84"/>
      <c r="AM15583" s="84"/>
    </row>
    <row r="15584" spans="35:39" x14ac:dyDescent="0.35">
      <c r="AI15584" s="84"/>
      <c r="AM15584" s="84"/>
    </row>
    <row r="15585" spans="35:39" x14ac:dyDescent="0.35">
      <c r="AI15585" s="84"/>
      <c r="AM15585" s="84"/>
    </row>
    <row r="15586" spans="35:39" x14ac:dyDescent="0.35">
      <c r="AI15586" s="84"/>
      <c r="AM15586" s="84"/>
    </row>
    <row r="15587" spans="35:39" x14ac:dyDescent="0.35">
      <c r="AI15587" s="84"/>
      <c r="AM15587" s="84"/>
    </row>
    <row r="15588" spans="35:39" x14ac:dyDescent="0.35">
      <c r="AI15588" s="84"/>
      <c r="AM15588" s="84"/>
    </row>
    <row r="15589" spans="35:39" x14ac:dyDescent="0.35">
      <c r="AI15589" s="84"/>
      <c r="AM15589" s="84"/>
    </row>
    <row r="15590" spans="35:39" x14ac:dyDescent="0.35">
      <c r="AI15590" s="84"/>
      <c r="AM15590" s="84"/>
    </row>
    <row r="15591" spans="35:39" x14ac:dyDescent="0.35">
      <c r="AI15591" s="84"/>
      <c r="AM15591" s="84"/>
    </row>
    <row r="15592" spans="35:39" x14ac:dyDescent="0.35">
      <c r="AI15592" s="84"/>
      <c r="AM15592" s="84"/>
    </row>
    <row r="15593" spans="35:39" x14ac:dyDescent="0.35">
      <c r="AI15593" s="84"/>
      <c r="AM15593" s="84"/>
    </row>
    <row r="15594" spans="35:39" x14ac:dyDescent="0.35">
      <c r="AI15594" s="84"/>
      <c r="AM15594" s="84"/>
    </row>
    <row r="15595" spans="35:39" x14ac:dyDescent="0.35">
      <c r="AI15595" s="84"/>
      <c r="AM15595" s="84"/>
    </row>
    <row r="15596" spans="35:39" x14ac:dyDescent="0.35">
      <c r="AI15596" s="84"/>
      <c r="AM15596" s="84"/>
    </row>
    <row r="15597" spans="35:39" x14ac:dyDescent="0.35">
      <c r="AI15597" s="84"/>
      <c r="AM15597" s="84"/>
    </row>
    <row r="15598" spans="35:39" x14ac:dyDescent="0.35">
      <c r="AI15598" s="84"/>
      <c r="AM15598" s="84"/>
    </row>
    <row r="15599" spans="35:39" x14ac:dyDescent="0.35">
      <c r="AI15599" s="84"/>
      <c r="AM15599" s="84"/>
    </row>
    <row r="15600" spans="35:39" x14ac:dyDescent="0.35">
      <c r="AI15600" s="84"/>
      <c r="AM15600" s="84"/>
    </row>
    <row r="15601" spans="35:39" x14ac:dyDescent="0.35">
      <c r="AI15601" s="84"/>
      <c r="AM15601" s="84"/>
    </row>
    <row r="15602" spans="35:39" x14ac:dyDescent="0.35">
      <c r="AI15602" s="84"/>
      <c r="AM15602" s="84"/>
    </row>
    <row r="15603" spans="35:39" x14ac:dyDescent="0.35">
      <c r="AI15603" s="84"/>
      <c r="AM15603" s="84"/>
    </row>
    <row r="15604" spans="35:39" x14ac:dyDescent="0.35">
      <c r="AI15604" s="84"/>
      <c r="AM15604" s="84"/>
    </row>
    <row r="15605" spans="35:39" x14ac:dyDescent="0.35">
      <c r="AI15605" s="84"/>
      <c r="AM15605" s="84"/>
    </row>
    <row r="15606" spans="35:39" x14ac:dyDescent="0.35">
      <c r="AI15606" s="84"/>
      <c r="AM15606" s="84"/>
    </row>
    <row r="15607" spans="35:39" x14ac:dyDescent="0.35">
      <c r="AI15607" s="84"/>
      <c r="AM15607" s="84"/>
    </row>
    <row r="15608" spans="35:39" x14ac:dyDescent="0.35">
      <c r="AI15608" s="84"/>
      <c r="AM15608" s="84"/>
    </row>
    <row r="15609" spans="35:39" x14ac:dyDescent="0.35">
      <c r="AI15609" s="84"/>
      <c r="AM15609" s="84"/>
    </row>
    <row r="15610" spans="35:39" x14ac:dyDescent="0.35">
      <c r="AI15610" s="84"/>
      <c r="AM15610" s="84"/>
    </row>
    <row r="15611" spans="35:39" x14ac:dyDescent="0.35">
      <c r="AI15611" s="84"/>
      <c r="AM15611" s="84"/>
    </row>
    <row r="15612" spans="35:39" x14ac:dyDescent="0.35">
      <c r="AI15612" s="84"/>
      <c r="AM15612" s="84"/>
    </row>
    <row r="15613" spans="35:39" x14ac:dyDescent="0.35">
      <c r="AI15613" s="84"/>
      <c r="AM15613" s="84"/>
    </row>
    <row r="15614" spans="35:39" x14ac:dyDescent="0.35">
      <c r="AI15614" s="84"/>
      <c r="AM15614" s="84"/>
    </row>
    <row r="15615" spans="35:39" x14ac:dyDescent="0.35">
      <c r="AI15615" s="84"/>
      <c r="AM15615" s="84"/>
    </row>
    <row r="15616" spans="35:39" x14ac:dyDescent="0.35">
      <c r="AI15616" s="84"/>
      <c r="AM15616" s="84"/>
    </row>
    <row r="15617" spans="35:39" x14ac:dyDescent="0.35">
      <c r="AI15617" s="84"/>
      <c r="AM15617" s="84"/>
    </row>
    <row r="15618" spans="35:39" x14ac:dyDescent="0.35">
      <c r="AI15618" s="84"/>
      <c r="AM15618" s="84"/>
    </row>
    <row r="15619" spans="35:39" x14ac:dyDescent="0.35">
      <c r="AI15619" s="84"/>
      <c r="AM15619" s="84"/>
    </row>
    <row r="15620" spans="35:39" x14ac:dyDescent="0.35">
      <c r="AI15620" s="84"/>
      <c r="AM15620" s="84"/>
    </row>
    <row r="15621" spans="35:39" x14ac:dyDescent="0.35">
      <c r="AI15621" s="84"/>
      <c r="AM15621" s="84"/>
    </row>
    <row r="15622" spans="35:39" x14ac:dyDescent="0.35">
      <c r="AI15622" s="84"/>
      <c r="AM15622" s="84"/>
    </row>
    <row r="15623" spans="35:39" x14ac:dyDescent="0.35">
      <c r="AI15623" s="84"/>
      <c r="AM15623" s="84"/>
    </row>
    <row r="15624" spans="35:39" x14ac:dyDescent="0.35">
      <c r="AI15624" s="84"/>
      <c r="AM15624" s="84"/>
    </row>
    <row r="15625" spans="35:39" x14ac:dyDescent="0.35">
      <c r="AI15625" s="84"/>
      <c r="AM15625" s="84"/>
    </row>
    <row r="15626" spans="35:39" x14ac:dyDescent="0.35">
      <c r="AI15626" s="84"/>
      <c r="AM15626" s="84"/>
    </row>
    <row r="15627" spans="35:39" x14ac:dyDescent="0.35">
      <c r="AI15627" s="84"/>
      <c r="AM15627" s="84"/>
    </row>
    <row r="15628" spans="35:39" x14ac:dyDescent="0.35">
      <c r="AI15628" s="84"/>
      <c r="AM15628" s="84"/>
    </row>
    <row r="15629" spans="35:39" x14ac:dyDescent="0.35">
      <c r="AI15629" s="84"/>
      <c r="AM15629" s="84"/>
    </row>
    <row r="15630" spans="35:39" x14ac:dyDescent="0.35">
      <c r="AI15630" s="84"/>
      <c r="AM15630" s="84"/>
    </row>
    <row r="15631" spans="35:39" x14ac:dyDescent="0.35">
      <c r="AI15631" s="84"/>
      <c r="AM15631" s="84"/>
    </row>
    <row r="15632" spans="35:39" x14ac:dyDescent="0.35">
      <c r="AI15632" s="84"/>
      <c r="AM15632" s="84"/>
    </row>
    <row r="15633" spans="35:39" x14ac:dyDescent="0.35">
      <c r="AI15633" s="84"/>
      <c r="AM15633" s="84"/>
    </row>
    <row r="15634" spans="35:39" x14ac:dyDescent="0.35">
      <c r="AI15634" s="84"/>
      <c r="AM15634" s="84"/>
    </row>
    <row r="15635" spans="35:39" x14ac:dyDescent="0.35">
      <c r="AI15635" s="84"/>
      <c r="AM15635" s="84"/>
    </row>
    <row r="15636" spans="35:39" x14ac:dyDescent="0.35">
      <c r="AI15636" s="84"/>
      <c r="AM15636" s="84"/>
    </row>
    <row r="15637" spans="35:39" x14ac:dyDescent="0.35">
      <c r="AI15637" s="84"/>
      <c r="AM15637" s="84"/>
    </row>
    <row r="15638" spans="35:39" x14ac:dyDescent="0.35">
      <c r="AI15638" s="84"/>
      <c r="AM15638" s="84"/>
    </row>
    <row r="15639" spans="35:39" x14ac:dyDescent="0.35">
      <c r="AI15639" s="84"/>
      <c r="AM15639" s="84"/>
    </row>
    <row r="15640" spans="35:39" x14ac:dyDescent="0.35">
      <c r="AI15640" s="84"/>
      <c r="AM15640" s="84"/>
    </row>
    <row r="15641" spans="35:39" x14ac:dyDescent="0.35">
      <c r="AI15641" s="84"/>
      <c r="AM15641" s="84"/>
    </row>
    <row r="15642" spans="35:39" x14ac:dyDescent="0.35">
      <c r="AI15642" s="84"/>
      <c r="AM15642" s="84"/>
    </row>
    <row r="15643" spans="35:39" x14ac:dyDescent="0.35">
      <c r="AI15643" s="84"/>
      <c r="AM15643" s="84"/>
    </row>
    <row r="15644" spans="35:39" x14ac:dyDescent="0.35">
      <c r="AI15644" s="84"/>
      <c r="AM15644" s="84"/>
    </row>
    <row r="15645" spans="35:39" x14ac:dyDescent="0.35">
      <c r="AI15645" s="84"/>
      <c r="AM15645" s="84"/>
    </row>
    <row r="15646" spans="35:39" x14ac:dyDescent="0.35">
      <c r="AI15646" s="84"/>
      <c r="AM15646" s="84"/>
    </row>
    <row r="15647" spans="35:39" x14ac:dyDescent="0.35">
      <c r="AI15647" s="84"/>
      <c r="AM15647" s="84"/>
    </row>
    <row r="15648" spans="35:39" x14ac:dyDescent="0.35">
      <c r="AI15648" s="84"/>
      <c r="AM15648" s="84"/>
    </row>
    <row r="15649" spans="35:39" x14ac:dyDescent="0.35">
      <c r="AI15649" s="84"/>
      <c r="AM15649" s="84"/>
    </row>
    <row r="15650" spans="35:39" x14ac:dyDescent="0.35">
      <c r="AI15650" s="84"/>
      <c r="AM15650" s="84"/>
    </row>
    <row r="15651" spans="35:39" x14ac:dyDescent="0.35">
      <c r="AI15651" s="84"/>
      <c r="AM15651" s="84"/>
    </row>
    <row r="15652" spans="35:39" x14ac:dyDescent="0.35">
      <c r="AI15652" s="84"/>
      <c r="AM15652" s="84"/>
    </row>
    <row r="15653" spans="35:39" x14ac:dyDescent="0.35">
      <c r="AI15653" s="84"/>
      <c r="AM15653" s="84"/>
    </row>
    <row r="15654" spans="35:39" x14ac:dyDescent="0.35">
      <c r="AI15654" s="84"/>
      <c r="AM15654" s="84"/>
    </row>
    <row r="15655" spans="35:39" x14ac:dyDescent="0.35">
      <c r="AI15655" s="84"/>
      <c r="AM15655" s="84"/>
    </row>
    <row r="15656" spans="35:39" x14ac:dyDescent="0.35">
      <c r="AI15656" s="84"/>
      <c r="AM15656" s="84"/>
    </row>
    <row r="15657" spans="35:39" x14ac:dyDescent="0.35">
      <c r="AI15657" s="84"/>
      <c r="AM15657" s="84"/>
    </row>
    <row r="15658" spans="35:39" x14ac:dyDescent="0.35">
      <c r="AI15658" s="84"/>
      <c r="AM15658" s="84"/>
    </row>
    <row r="15659" spans="35:39" x14ac:dyDescent="0.35">
      <c r="AI15659" s="84"/>
      <c r="AM15659" s="84"/>
    </row>
    <row r="15660" spans="35:39" x14ac:dyDescent="0.35">
      <c r="AI15660" s="84"/>
      <c r="AM15660" s="84"/>
    </row>
    <row r="15661" spans="35:39" x14ac:dyDescent="0.35">
      <c r="AI15661" s="84"/>
      <c r="AM15661" s="84"/>
    </row>
    <row r="15662" spans="35:39" x14ac:dyDescent="0.35">
      <c r="AI15662" s="84"/>
      <c r="AM15662" s="84"/>
    </row>
    <row r="15663" spans="35:39" x14ac:dyDescent="0.35">
      <c r="AI15663" s="84"/>
      <c r="AM15663" s="84"/>
    </row>
    <row r="15664" spans="35:39" x14ac:dyDescent="0.35">
      <c r="AI15664" s="84"/>
      <c r="AM15664" s="84"/>
    </row>
    <row r="15665" spans="35:39" x14ac:dyDescent="0.35">
      <c r="AI15665" s="84"/>
      <c r="AM15665" s="84"/>
    </row>
    <row r="15666" spans="35:39" x14ac:dyDescent="0.35">
      <c r="AI15666" s="84"/>
      <c r="AM15666" s="84"/>
    </row>
    <row r="15667" spans="35:39" x14ac:dyDescent="0.35">
      <c r="AI15667" s="84"/>
      <c r="AM15667" s="84"/>
    </row>
    <row r="15668" spans="35:39" x14ac:dyDescent="0.35">
      <c r="AI15668" s="84"/>
      <c r="AM15668" s="84"/>
    </row>
    <row r="15669" spans="35:39" x14ac:dyDescent="0.35">
      <c r="AI15669" s="84"/>
      <c r="AM15669" s="84"/>
    </row>
    <row r="15670" spans="35:39" x14ac:dyDescent="0.35">
      <c r="AI15670" s="84"/>
      <c r="AM15670" s="84"/>
    </row>
    <row r="15671" spans="35:39" x14ac:dyDescent="0.35">
      <c r="AI15671" s="84"/>
      <c r="AM15671" s="84"/>
    </row>
    <row r="15672" spans="35:39" x14ac:dyDescent="0.35">
      <c r="AI15672" s="84"/>
      <c r="AM15672" s="84"/>
    </row>
    <row r="15673" spans="35:39" x14ac:dyDescent="0.35">
      <c r="AI15673" s="84"/>
      <c r="AM15673" s="84"/>
    </row>
    <row r="15674" spans="35:39" x14ac:dyDescent="0.35">
      <c r="AI15674" s="84"/>
      <c r="AM15674" s="84"/>
    </row>
    <row r="15675" spans="35:39" x14ac:dyDescent="0.35">
      <c r="AI15675" s="84"/>
      <c r="AM15675" s="84"/>
    </row>
    <row r="15676" spans="35:39" x14ac:dyDescent="0.35">
      <c r="AI15676" s="84"/>
      <c r="AM15676" s="84"/>
    </row>
    <row r="15677" spans="35:39" x14ac:dyDescent="0.35">
      <c r="AI15677" s="84"/>
      <c r="AM15677" s="84"/>
    </row>
    <row r="15678" spans="35:39" x14ac:dyDescent="0.35">
      <c r="AI15678" s="84"/>
      <c r="AM15678" s="84"/>
    </row>
    <row r="15679" spans="35:39" x14ac:dyDescent="0.35">
      <c r="AI15679" s="84"/>
      <c r="AM15679" s="84"/>
    </row>
    <row r="15680" spans="35:39" x14ac:dyDescent="0.35">
      <c r="AI15680" s="84"/>
      <c r="AM15680" s="84"/>
    </row>
    <row r="15681" spans="35:39" x14ac:dyDescent="0.35">
      <c r="AI15681" s="84"/>
      <c r="AM15681" s="84"/>
    </row>
    <row r="15682" spans="35:39" x14ac:dyDescent="0.35">
      <c r="AI15682" s="84"/>
      <c r="AM15682" s="84"/>
    </row>
    <row r="15683" spans="35:39" x14ac:dyDescent="0.35">
      <c r="AI15683" s="84"/>
      <c r="AM15683" s="84"/>
    </row>
    <row r="15684" spans="35:39" x14ac:dyDescent="0.35">
      <c r="AI15684" s="84"/>
      <c r="AM15684" s="84"/>
    </row>
    <row r="15685" spans="35:39" x14ac:dyDescent="0.35">
      <c r="AI15685" s="84"/>
      <c r="AM15685" s="84"/>
    </row>
    <row r="15686" spans="35:39" x14ac:dyDescent="0.35">
      <c r="AI15686" s="84"/>
      <c r="AM15686" s="84"/>
    </row>
    <row r="15687" spans="35:39" x14ac:dyDescent="0.35">
      <c r="AI15687" s="84"/>
      <c r="AM15687" s="84"/>
    </row>
    <row r="15688" spans="35:39" x14ac:dyDescent="0.35">
      <c r="AI15688" s="84"/>
      <c r="AM15688" s="84"/>
    </row>
    <row r="15689" spans="35:39" x14ac:dyDescent="0.35">
      <c r="AI15689" s="84"/>
      <c r="AM15689" s="84"/>
    </row>
    <row r="15690" spans="35:39" x14ac:dyDescent="0.35">
      <c r="AI15690" s="84"/>
      <c r="AM15690" s="84"/>
    </row>
    <row r="15691" spans="35:39" x14ac:dyDescent="0.35">
      <c r="AI15691" s="84"/>
      <c r="AM15691" s="84"/>
    </row>
    <row r="15692" spans="35:39" x14ac:dyDescent="0.35">
      <c r="AI15692" s="84"/>
      <c r="AM15692" s="84"/>
    </row>
    <row r="15693" spans="35:39" x14ac:dyDescent="0.35">
      <c r="AI15693" s="84"/>
      <c r="AM15693" s="84"/>
    </row>
    <row r="15694" spans="35:39" x14ac:dyDescent="0.35">
      <c r="AI15694" s="84"/>
      <c r="AM15694" s="84"/>
    </row>
    <row r="15695" spans="35:39" x14ac:dyDescent="0.35">
      <c r="AI15695" s="84"/>
      <c r="AM15695" s="84"/>
    </row>
    <row r="15696" spans="35:39" x14ac:dyDescent="0.35">
      <c r="AI15696" s="84"/>
      <c r="AM15696" s="84"/>
    </row>
    <row r="15697" spans="35:39" x14ac:dyDescent="0.35">
      <c r="AI15697" s="84"/>
      <c r="AM15697" s="84"/>
    </row>
    <row r="15698" spans="35:39" x14ac:dyDescent="0.35">
      <c r="AI15698" s="84"/>
      <c r="AM15698" s="84"/>
    </row>
    <row r="15699" spans="35:39" x14ac:dyDescent="0.35">
      <c r="AI15699" s="84"/>
      <c r="AM15699" s="84"/>
    </row>
    <row r="15700" spans="35:39" x14ac:dyDescent="0.35">
      <c r="AI15700" s="84"/>
      <c r="AM15700" s="84"/>
    </row>
    <row r="15701" spans="35:39" x14ac:dyDescent="0.35">
      <c r="AI15701" s="84"/>
      <c r="AM15701" s="84"/>
    </row>
    <row r="15702" spans="35:39" x14ac:dyDescent="0.35">
      <c r="AI15702" s="84"/>
      <c r="AM15702" s="84"/>
    </row>
    <row r="15703" spans="35:39" x14ac:dyDescent="0.35">
      <c r="AI15703" s="84"/>
      <c r="AM15703" s="84"/>
    </row>
    <row r="15704" spans="35:39" x14ac:dyDescent="0.35">
      <c r="AI15704" s="84"/>
      <c r="AM15704" s="84"/>
    </row>
    <row r="15705" spans="35:39" x14ac:dyDescent="0.35">
      <c r="AI15705" s="84"/>
      <c r="AM15705" s="84"/>
    </row>
    <row r="15706" spans="35:39" x14ac:dyDescent="0.35">
      <c r="AI15706" s="84"/>
      <c r="AM15706" s="84"/>
    </row>
    <row r="15707" spans="35:39" x14ac:dyDescent="0.35">
      <c r="AI15707" s="84"/>
      <c r="AM15707" s="84"/>
    </row>
    <row r="15708" spans="35:39" x14ac:dyDescent="0.35">
      <c r="AI15708" s="84"/>
      <c r="AM15708" s="84"/>
    </row>
    <row r="15709" spans="35:39" x14ac:dyDescent="0.35">
      <c r="AI15709" s="84"/>
      <c r="AM15709" s="84"/>
    </row>
    <row r="15710" spans="35:39" x14ac:dyDescent="0.35">
      <c r="AI15710" s="84"/>
      <c r="AM15710" s="84"/>
    </row>
    <row r="15711" spans="35:39" x14ac:dyDescent="0.35">
      <c r="AI15711" s="84"/>
      <c r="AM15711" s="84"/>
    </row>
    <row r="15712" spans="35:39" x14ac:dyDescent="0.35">
      <c r="AI15712" s="84"/>
      <c r="AM15712" s="84"/>
    </row>
    <row r="15713" spans="35:39" x14ac:dyDescent="0.35">
      <c r="AI15713" s="84"/>
      <c r="AM15713" s="84"/>
    </row>
    <row r="15714" spans="35:39" x14ac:dyDescent="0.35">
      <c r="AI15714" s="84"/>
      <c r="AM15714" s="84"/>
    </row>
    <row r="15715" spans="35:39" x14ac:dyDescent="0.35">
      <c r="AI15715" s="84"/>
      <c r="AM15715" s="84"/>
    </row>
    <row r="15716" spans="35:39" x14ac:dyDescent="0.35">
      <c r="AI15716" s="84"/>
      <c r="AM15716" s="84"/>
    </row>
    <row r="15717" spans="35:39" x14ac:dyDescent="0.35">
      <c r="AI15717" s="84"/>
      <c r="AM15717" s="84"/>
    </row>
    <row r="15718" spans="35:39" x14ac:dyDescent="0.35">
      <c r="AI15718" s="84"/>
      <c r="AM15718" s="84"/>
    </row>
    <row r="15719" spans="35:39" x14ac:dyDescent="0.35">
      <c r="AI15719" s="84"/>
      <c r="AM15719" s="84"/>
    </row>
    <row r="15720" spans="35:39" x14ac:dyDescent="0.35">
      <c r="AI15720" s="84"/>
      <c r="AM15720" s="84"/>
    </row>
    <row r="15721" spans="35:39" x14ac:dyDescent="0.35">
      <c r="AI15721" s="84"/>
      <c r="AM15721" s="84"/>
    </row>
    <row r="15722" spans="35:39" x14ac:dyDescent="0.35">
      <c r="AI15722" s="84"/>
      <c r="AM15722" s="84"/>
    </row>
    <row r="15723" spans="35:39" x14ac:dyDescent="0.35">
      <c r="AI15723" s="84"/>
      <c r="AM15723" s="84"/>
    </row>
    <row r="15724" spans="35:39" x14ac:dyDescent="0.35">
      <c r="AI15724" s="84"/>
      <c r="AM15724" s="84"/>
    </row>
    <row r="15725" spans="35:39" x14ac:dyDescent="0.35">
      <c r="AI15725" s="84"/>
      <c r="AM15725" s="84"/>
    </row>
    <row r="15726" spans="35:39" x14ac:dyDescent="0.35">
      <c r="AI15726" s="84"/>
      <c r="AM15726" s="84"/>
    </row>
    <row r="15727" spans="35:39" x14ac:dyDescent="0.35">
      <c r="AI15727" s="84"/>
      <c r="AM15727" s="84"/>
    </row>
    <row r="15728" spans="35:39" x14ac:dyDescent="0.35">
      <c r="AI15728" s="84"/>
      <c r="AM15728" s="84"/>
    </row>
    <row r="15729" spans="35:39" x14ac:dyDescent="0.35">
      <c r="AI15729" s="84"/>
      <c r="AM15729" s="84"/>
    </row>
    <row r="15730" spans="35:39" x14ac:dyDescent="0.35">
      <c r="AI15730" s="84"/>
      <c r="AM15730" s="84"/>
    </row>
    <row r="15731" spans="35:39" x14ac:dyDescent="0.35">
      <c r="AI15731" s="84"/>
      <c r="AM15731" s="84"/>
    </row>
    <row r="15732" spans="35:39" x14ac:dyDescent="0.35">
      <c r="AI15732" s="84"/>
      <c r="AM15732" s="84"/>
    </row>
    <row r="15733" spans="35:39" x14ac:dyDescent="0.35">
      <c r="AI15733" s="84"/>
      <c r="AM15733" s="84"/>
    </row>
    <row r="15734" spans="35:39" x14ac:dyDescent="0.35">
      <c r="AI15734" s="84"/>
      <c r="AM15734" s="84"/>
    </row>
    <row r="15735" spans="35:39" x14ac:dyDescent="0.35">
      <c r="AI15735" s="84"/>
      <c r="AM15735" s="84"/>
    </row>
    <row r="15736" spans="35:39" x14ac:dyDescent="0.35">
      <c r="AI15736" s="84"/>
      <c r="AM15736" s="84"/>
    </row>
    <row r="15737" spans="35:39" x14ac:dyDescent="0.35">
      <c r="AI15737" s="84"/>
      <c r="AM15737" s="84"/>
    </row>
    <row r="15738" spans="35:39" x14ac:dyDescent="0.35">
      <c r="AI15738" s="84"/>
      <c r="AM15738" s="84"/>
    </row>
    <row r="15739" spans="35:39" x14ac:dyDescent="0.35">
      <c r="AI15739" s="84"/>
      <c r="AM15739" s="84"/>
    </row>
    <row r="15740" spans="35:39" x14ac:dyDescent="0.35">
      <c r="AI15740" s="84"/>
      <c r="AM15740" s="84"/>
    </row>
    <row r="15741" spans="35:39" x14ac:dyDescent="0.35">
      <c r="AI15741" s="84"/>
      <c r="AM15741" s="84"/>
    </row>
    <row r="15742" spans="35:39" x14ac:dyDescent="0.35">
      <c r="AI15742" s="84"/>
      <c r="AM15742" s="84"/>
    </row>
    <row r="15743" spans="35:39" x14ac:dyDescent="0.35">
      <c r="AI15743" s="84"/>
      <c r="AM15743" s="84"/>
    </row>
    <row r="15744" spans="35:39" x14ac:dyDescent="0.35">
      <c r="AI15744" s="84"/>
      <c r="AM15744" s="84"/>
    </row>
    <row r="15745" spans="35:39" x14ac:dyDescent="0.35">
      <c r="AI15745" s="84"/>
      <c r="AM15745" s="84"/>
    </row>
    <row r="15746" spans="35:39" x14ac:dyDescent="0.35">
      <c r="AI15746" s="84"/>
      <c r="AM15746" s="84"/>
    </row>
    <row r="15747" spans="35:39" x14ac:dyDescent="0.35">
      <c r="AI15747" s="84"/>
      <c r="AM15747" s="84"/>
    </row>
    <row r="15748" spans="35:39" x14ac:dyDescent="0.35">
      <c r="AI15748" s="84"/>
      <c r="AM15748" s="84"/>
    </row>
    <row r="15749" spans="35:39" x14ac:dyDescent="0.35">
      <c r="AI15749" s="84"/>
      <c r="AM15749" s="84"/>
    </row>
    <row r="15750" spans="35:39" x14ac:dyDescent="0.35">
      <c r="AI15750" s="84"/>
      <c r="AM15750" s="84"/>
    </row>
    <row r="15751" spans="35:39" x14ac:dyDescent="0.35">
      <c r="AI15751" s="84"/>
      <c r="AM15751" s="84"/>
    </row>
    <row r="15752" spans="35:39" x14ac:dyDescent="0.35">
      <c r="AI15752" s="84"/>
      <c r="AM15752" s="84"/>
    </row>
    <row r="15753" spans="35:39" x14ac:dyDescent="0.35">
      <c r="AI15753" s="84"/>
      <c r="AM15753" s="84"/>
    </row>
    <row r="15754" spans="35:39" x14ac:dyDescent="0.35">
      <c r="AI15754" s="84"/>
      <c r="AM15754" s="84"/>
    </row>
    <row r="15755" spans="35:39" x14ac:dyDescent="0.35">
      <c r="AI15755" s="84"/>
      <c r="AM15755" s="84"/>
    </row>
    <row r="15756" spans="35:39" x14ac:dyDescent="0.35">
      <c r="AI15756" s="84"/>
      <c r="AM15756" s="84"/>
    </row>
    <row r="15757" spans="35:39" x14ac:dyDescent="0.35">
      <c r="AI15757" s="84"/>
      <c r="AM15757" s="84"/>
    </row>
    <row r="15758" spans="35:39" x14ac:dyDescent="0.35">
      <c r="AI15758" s="84"/>
      <c r="AM15758" s="84"/>
    </row>
    <row r="15759" spans="35:39" x14ac:dyDescent="0.35">
      <c r="AI15759" s="84"/>
      <c r="AM15759" s="84"/>
    </row>
    <row r="15760" spans="35:39" x14ac:dyDescent="0.35">
      <c r="AI15760" s="84"/>
      <c r="AM15760" s="84"/>
    </row>
    <row r="15761" spans="35:39" x14ac:dyDescent="0.35">
      <c r="AI15761" s="84"/>
      <c r="AM15761" s="84"/>
    </row>
    <row r="15762" spans="35:39" x14ac:dyDescent="0.35">
      <c r="AI15762" s="84"/>
      <c r="AM15762" s="84"/>
    </row>
    <row r="15763" spans="35:39" x14ac:dyDescent="0.35">
      <c r="AI15763" s="84"/>
      <c r="AM15763" s="84"/>
    </row>
    <row r="15764" spans="35:39" x14ac:dyDescent="0.35">
      <c r="AI15764" s="84"/>
      <c r="AM15764" s="84"/>
    </row>
    <row r="15765" spans="35:39" x14ac:dyDescent="0.35">
      <c r="AI15765" s="84"/>
      <c r="AM15765" s="84"/>
    </row>
    <row r="15766" spans="35:39" x14ac:dyDescent="0.35">
      <c r="AI15766" s="84"/>
      <c r="AM15766" s="84"/>
    </row>
    <row r="15767" spans="35:39" x14ac:dyDescent="0.35">
      <c r="AI15767" s="84"/>
      <c r="AM15767" s="84"/>
    </row>
    <row r="15768" spans="35:39" x14ac:dyDescent="0.35">
      <c r="AI15768" s="84"/>
      <c r="AM15768" s="84"/>
    </row>
    <row r="15769" spans="35:39" x14ac:dyDescent="0.35">
      <c r="AI15769" s="84"/>
      <c r="AM15769" s="84"/>
    </row>
    <row r="15770" spans="35:39" x14ac:dyDescent="0.35">
      <c r="AI15770" s="84"/>
      <c r="AM15770" s="84"/>
    </row>
    <row r="15771" spans="35:39" x14ac:dyDescent="0.35">
      <c r="AI15771" s="84"/>
      <c r="AM15771" s="84"/>
    </row>
    <row r="15772" spans="35:39" x14ac:dyDescent="0.35">
      <c r="AI15772" s="84"/>
      <c r="AM15772" s="84"/>
    </row>
    <row r="15773" spans="35:39" x14ac:dyDescent="0.35">
      <c r="AI15773" s="84"/>
      <c r="AM15773" s="84"/>
    </row>
    <row r="15774" spans="35:39" x14ac:dyDescent="0.35">
      <c r="AI15774" s="84"/>
      <c r="AM15774" s="84"/>
    </row>
    <row r="15775" spans="35:39" x14ac:dyDescent="0.35">
      <c r="AI15775" s="84"/>
      <c r="AM15775" s="84"/>
    </row>
    <row r="15776" spans="35:39" x14ac:dyDescent="0.35">
      <c r="AI15776" s="84"/>
      <c r="AM15776" s="84"/>
    </row>
    <row r="15777" spans="35:39" x14ac:dyDescent="0.35">
      <c r="AI15777" s="84"/>
      <c r="AM15777" s="84"/>
    </row>
    <row r="15778" spans="35:39" x14ac:dyDescent="0.35">
      <c r="AI15778" s="84"/>
      <c r="AM15778" s="84"/>
    </row>
    <row r="15779" spans="35:39" x14ac:dyDescent="0.35">
      <c r="AI15779" s="84"/>
      <c r="AM15779" s="84"/>
    </row>
    <row r="15780" spans="35:39" x14ac:dyDescent="0.35">
      <c r="AI15780" s="84"/>
      <c r="AM15780" s="84"/>
    </row>
    <row r="15781" spans="35:39" x14ac:dyDescent="0.35">
      <c r="AI15781" s="84"/>
      <c r="AM15781" s="84"/>
    </row>
    <row r="15782" spans="35:39" x14ac:dyDescent="0.35">
      <c r="AI15782" s="84"/>
      <c r="AM15782" s="84"/>
    </row>
    <row r="15783" spans="35:39" x14ac:dyDescent="0.35">
      <c r="AI15783" s="84"/>
      <c r="AM15783" s="84"/>
    </row>
    <row r="15784" spans="35:39" x14ac:dyDescent="0.35">
      <c r="AI15784" s="84"/>
      <c r="AM15784" s="84"/>
    </row>
    <row r="15785" spans="35:39" x14ac:dyDescent="0.35">
      <c r="AI15785" s="84"/>
      <c r="AM15785" s="84"/>
    </row>
    <row r="15786" spans="35:39" x14ac:dyDescent="0.35">
      <c r="AI15786" s="84"/>
      <c r="AM15786" s="84"/>
    </row>
    <row r="15787" spans="35:39" x14ac:dyDescent="0.35">
      <c r="AI15787" s="84"/>
      <c r="AM15787" s="84"/>
    </row>
    <row r="15788" spans="35:39" x14ac:dyDescent="0.35">
      <c r="AI15788" s="84"/>
      <c r="AM15788" s="84"/>
    </row>
    <row r="15789" spans="35:39" x14ac:dyDescent="0.35">
      <c r="AI15789" s="84"/>
      <c r="AM15789" s="84"/>
    </row>
    <row r="15790" spans="35:39" x14ac:dyDescent="0.35">
      <c r="AI15790" s="84"/>
      <c r="AM15790" s="84"/>
    </row>
    <row r="15791" spans="35:39" x14ac:dyDescent="0.35">
      <c r="AI15791" s="84"/>
      <c r="AM15791" s="84"/>
    </row>
    <row r="15792" spans="35:39" x14ac:dyDescent="0.35">
      <c r="AI15792" s="84"/>
      <c r="AM15792" s="84"/>
    </row>
    <row r="15793" spans="35:39" x14ac:dyDescent="0.35">
      <c r="AI15793" s="84"/>
      <c r="AM15793" s="84"/>
    </row>
    <row r="15794" spans="35:39" x14ac:dyDescent="0.35">
      <c r="AI15794" s="84"/>
      <c r="AM15794" s="84"/>
    </row>
    <row r="15795" spans="35:39" x14ac:dyDescent="0.35">
      <c r="AI15795" s="84"/>
      <c r="AM15795" s="84"/>
    </row>
    <row r="15796" spans="35:39" x14ac:dyDescent="0.35">
      <c r="AI15796" s="84"/>
      <c r="AM15796" s="84"/>
    </row>
    <row r="15797" spans="35:39" x14ac:dyDescent="0.35">
      <c r="AI15797" s="84"/>
      <c r="AM15797" s="84"/>
    </row>
    <row r="15798" spans="35:39" x14ac:dyDescent="0.35">
      <c r="AI15798" s="84"/>
      <c r="AM15798" s="84"/>
    </row>
    <row r="15799" spans="35:39" x14ac:dyDescent="0.35">
      <c r="AI15799" s="84"/>
      <c r="AM15799" s="84"/>
    </row>
    <row r="15800" spans="35:39" x14ac:dyDescent="0.35">
      <c r="AI15800" s="84"/>
      <c r="AM15800" s="84"/>
    </row>
    <row r="15801" spans="35:39" x14ac:dyDescent="0.35">
      <c r="AI15801" s="84"/>
      <c r="AM15801" s="84"/>
    </row>
    <row r="15802" spans="35:39" x14ac:dyDescent="0.35">
      <c r="AI15802" s="84"/>
      <c r="AM15802" s="84"/>
    </row>
    <row r="15803" spans="35:39" x14ac:dyDescent="0.35">
      <c r="AI15803" s="84"/>
      <c r="AM15803" s="84"/>
    </row>
    <row r="15804" spans="35:39" x14ac:dyDescent="0.35">
      <c r="AI15804" s="84"/>
      <c r="AM15804" s="84"/>
    </row>
    <row r="15805" spans="35:39" x14ac:dyDescent="0.35">
      <c r="AI15805" s="84"/>
      <c r="AM15805" s="84"/>
    </row>
    <row r="15806" spans="35:39" x14ac:dyDescent="0.35">
      <c r="AI15806" s="84"/>
      <c r="AM15806" s="84"/>
    </row>
    <row r="15807" spans="35:39" x14ac:dyDescent="0.35">
      <c r="AI15807" s="84"/>
      <c r="AM15807" s="84"/>
    </row>
    <row r="15808" spans="35:39" x14ac:dyDescent="0.35">
      <c r="AI15808" s="84"/>
      <c r="AM15808" s="84"/>
    </row>
    <row r="15809" spans="35:39" x14ac:dyDescent="0.35">
      <c r="AI15809" s="84"/>
      <c r="AM15809" s="84"/>
    </row>
    <row r="15810" spans="35:39" x14ac:dyDescent="0.35">
      <c r="AI15810" s="84"/>
      <c r="AM15810" s="84"/>
    </row>
    <row r="15811" spans="35:39" x14ac:dyDescent="0.35">
      <c r="AI15811" s="84"/>
      <c r="AM15811" s="84"/>
    </row>
    <row r="15812" spans="35:39" x14ac:dyDescent="0.35">
      <c r="AI15812" s="84"/>
      <c r="AM15812" s="84"/>
    </row>
    <row r="15813" spans="35:39" x14ac:dyDescent="0.35">
      <c r="AI15813" s="84"/>
      <c r="AM15813" s="84"/>
    </row>
    <row r="15814" spans="35:39" x14ac:dyDescent="0.35">
      <c r="AI15814" s="84"/>
      <c r="AM15814" s="84"/>
    </row>
    <row r="15815" spans="35:39" x14ac:dyDescent="0.35">
      <c r="AI15815" s="84"/>
      <c r="AM15815" s="84"/>
    </row>
    <row r="15816" spans="35:39" x14ac:dyDescent="0.35">
      <c r="AI15816" s="84"/>
      <c r="AM15816" s="84"/>
    </row>
    <row r="15817" spans="35:39" x14ac:dyDescent="0.35">
      <c r="AI15817" s="84"/>
      <c r="AM15817" s="84"/>
    </row>
    <row r="15818" spans="35:39" x14ac:dyDescent="0.35">
      <c r="AI15818" s="84"/>
      <c r="AM15818" s="84"/>
    </row>
    <row r="15819" spans="35:39" x14ac:dyDescent="0.35">
      <c r="AI15819" s="84"/>
      <c r="AM15819" s="84"/>
    </row>
    <row r="15820" spans="35:39" x14ac:dyDescent="0.35">
      <c r="AI15820" s="84"/>
      <c r="AM15820" s="84"/>
    </row>
    <row r="15821" spans="35:39" x14ac:dyDescent="0.35">
      <c r="AI15821" s="84"/>
      <c r="AM15821" s="84"/>
    </row>
    <row r="15822" spans="35:39" x14ac:dyDescent="0.35">
      <c r="AI15822" s="84"/>
      <c r="AM15822" s="84"/>
    </row>
    <row r="15823" spans="35:39" x14ac:dyDescent="0.35">
      <c r="AI15823" s="84"/>
      <c r="AM15823" s="84"/>
    </row>
    <row r="15824" spans="35:39" x14ac:dyDescent="0.35">
      <c r="AI15824" s="84"/>
      <c r="AM15824" s="84"/>
    </row>
    <row r="15825" spans="35:39" x14ac:dyDescent="0.35">
      <c r="AI15825" s="84"/>
      <c r="AM15825" s="84"/>
    </row>
    <row r="15826" spans="35:39" x14ac:dyDescent="0.35">
      <c r="AI15826" s="84"/>
      <c r="AM15826" s="84"/>
    </row>
    <row r="15827" spans="35:39" x14ac:dyDescent="0.35">
      <c r="AI15827" s="84"/>
      <c r="AM15827" s="84"/>
    </row>
    <row r="15828" spans="35:39" x14ac:dyDescent="0.35">
      <c r="AI15828" s="84"/>
      <c r="AM15828" s="84"/>
    </row>
    <row r="15829" spans="35:39" x14ac:dyDescent="0.35">
      <c r="AI15829" s="84"/>
      <c r="AM15829" s="84"/>
    </row>
    <row r="15830" spans="35:39" x14ac:dyDescent="0.35">
      <c r="AI15830" s="84"/>
      <c r="AM15830" s="84"/>
    </row>
    <row r="15831" spans="35:39" x14ac:dyDescent="0.35">
      <c r="AI15831" s="84"/>
      <c r="AM15831" s="84"/>
    </row>
    <row r="15832" spans="35:39" x14ac:dyDescent="0.35">
      <c r="AI15832" s="84"/>
      <c r="AM15832" s="84"/>
    </row>
    <row r="15833" spans="35:39" x14ac:dyDescent="0.35">
      <c r="AI15833" s="84"/>
      <c r="AM15833" s="84"/>
    </row>
    <row r="15834" spans="35:39" x14ac:dyDescent="0.35">
      <c r="AI15834" s="84"/>
      <c r="AM15834" s="84"/>
    </row>
    <row r="15835" spans="35:39" x14ac:dyDescent="0.35">
      <c r="AI15835" s="84"/>
      <c r="AM15835" s="84"/>
    </row>
    <row r="15836" spans="35:39" x14ac:dyDescent="0.35">
      <c r="AI15836" s="84"/>
      <c r="AM15836" s="84"/>
    </row>
    <row r="15837" spans="35:39" x14ac:dyDescent="0.35">
      <c r="AI15837" s="84"/>
      <c r="AM15837" s="84"/>
    </row>
    <row r="15838" spans="35:39" x14ac:dyDescent="0.35">
      <c r="AI15838" s="84"/>
      <c r="AM15838" s="84"/>
    </row>
    <row r="15839" spans="35:39" x14ac:dyDescent="0.35">
      <c r="AI15839" s="84"/>
      <c r="AM15839" s="84"/>
    </row>
    <row r="15840" spans="35:39" x14ac:dyDescent="0.35">
      <c r="AI15840" s="84"/>
      <c r="AM15840" s="84"/>
    </row>
    <row r="15841" spans="35:39" x14ac:dyDescent="0.35">
      <c r="AI15841" s="84"/>
      <c r="AM15841" s="84"/>
    </row>
    <row r="15842" spans="35:39" x14ac:dyDescent="0.35">
      <c r="AI15842" s="84"/>
      <c r="AM15842" s="84"/>
    </row>
    <row r="15843" spans="35:39" x14ac:dyDescent="0.35">
      <c r="AI15843" s="84"/>
      <c r="AM15843" s="84"/>
    </row>
    <row r="15844" spans="35:39" x14ac:dyDescent="0.35">
      <c r="AI15844" s="84"/>
      <c r="AM15844" s="84"/>
    </row>
    <row r="15845" spans="35:39" x14ac:dyDescent="0.35">
      <c r="AI15845" s="84"/>
      <c r="AM15845" s="84"/>
    </row>
    <row r="15846" spans="35:39" x14ac:dyDescent="0.35">
      <c r="AI15846" s="84"/>
      <c r="AM15846" s="84"/>
    </row>
    <row r="15847" spans="35:39" x14ac:dyDescent="0.35">
      <c r="AI15847" s="84"/>
      <c r="AM15847" s="84"/>
    </row>
    <row r="15848" spans="35:39" x14ac:dyDescent="0.35">
      <c r="AI15848" s="84"/>
      <c r="AM15848" s="84"/>
    </row>
    <row r="15849" spans="35:39" x14ac:dyDescent="0.35">
      <c r="AI15849" s="84"/>
      <c r="AM15849" s="84"/>
    </row>
    <row r="15850" spans="35:39" x14ac:dyDescent="0.35">
      <c r="AI15850" s="84"/>
      <c r="AM15850" s="84"/>
    </row>
    <row r="15851" spans="35:39" x14ac:dyDescent="0.35">
      <c r="AI15851" s="84"/>
      <c r="AM15851" s="84"/>
    </row>
    <row r="15852" spans="35:39" x14ac:dyDescent="0.35">
      <c r="AI15852" s="84"/>
      <c r="AM15852" s="84"/>
    </row>
    <row r="15853" spans="35:39" x14ac:dyDescent="0.35">
      <c r="AI15853" s="84"/>
      <c r="AM15853" s="84"/>
    </row>
    <row r="15854" spans="35:39" x14ac:dyDescent="0.35">
      <c r="AI15854" s="84"/>
      <c r="AM15854" s="84"/>
    </row>
    <row r="15855" spans="35:39" x14ac:dyDescent="0.35">
      <c r="AI15855" s="84"/>
      <c r="AM15855" s="84"/>
    </row>
    <row r="15856" spans="35:39" x14ac:dyDescent="0.35">
      <c r="AI15856" s="84"/>
      <c r="AM15856" s="84"/>
    </row>
    <row r="15857" spans="35:39" x14ac:dyDescent="0.35">
      <c r="AI15857" s="84"/>
      <c r="AM15857" s="84"/>
    </row>
    <row r="15858" spans="35:39" x14ac:dyDescent="0.35">
      <c r="AI15858" s="84"/>
      <c r="AM15858" s="84"/>
    </row>
    <row r="15859" spans="35:39" x14ac:dyDescent="0.35">
      <c r="AI15859" s="84"/>
      <c r="AM15859" s="84"/>
    </row>
    <row r="15860" spans="35:39" x14ac:dyDescent="0.35">
      <c r="AI15860" s="84"/>
      <c r="AM15860" s="84"/>
    </row>
    <row r="15861" spans="35:39" x14ac:dyDescent="0.35">
      <c r="AI15861" s="84"/>
      <c r="AM15861" s="84"/>
    </row>
    <row r="15862" spans="35:39" x14ac:dyDescent="0.35">
      <c r="AI15862" s="84"/>
      <c r="AM15862" s="84"/>
    </row>
    <row r="15863" spans="35:39" x14ac:dyDescent="0.35">
      <c r="AI15863" s="84"/>
      <c r="AM15863" s="84"/>
    </row>
    <row r="15864" spans="35:39" x14ac:dyDescent="0.35">
      <c r="AI15864" s="84"/>
      <c r="AM15864" s="84"/>
    </row>
    <row r="15865" spans="35:39" x14ac:dyDescent="0.35">
      <c r="AI15865" s="84"/>
      <c r="AM15865" s="84"/>
    </row>
    <row r="15866" spans="35:39" x14ac:dyDescent="0.35">
      <c r="AI15866" s="84"/>
      <c r="AM15866" s="84"/>
    </row>
    <row r="15867" spans="35:39" x14ac:dyDescent="0.35">
      <c r="AI15867" s="84"/>
      <c r="AM15867" s="84"/>
    </row>
    <row r="15868" spans="35:39" x14ac:dyDescent="0.35">
      <c r="AI15868" s="84"/>
      <c r="AM15868" s="84"/>
    </row>
    <row r="15869" spans="35:39" x14ac:dyDescent="0.35">
      <c r="AI15869" s="84"/>
      <c r="AM15869" s="84"/>
    </row>
    <row r="15870" spans="35:39" x14ac:dyDescent="0.35">
      <c r="AI15870" s="84"/>
      <c r="AM15870" s="84"/>
    </row>
    <row r="15871" spans="35:39" x14ac:dyDescent="0.35">
      <c r="AI15871" s="84"/>
      <c r="AM15871" s="84"/>
    </row>
    <row r="15872" spans="35:39" x14ac:dyDescent="0.35">
      <c r="AI15872" s="84"/>
      <c r="AM15872" s="84"/>
    </row>
    <row r="15873" spans="35:39" x14ac:dyDescent="0.35">
      <c r="AI15873" s="84"/>
      <c r="AM15873" s="84"/>
    </row>
    <row r="15874" spans="35:39" x14ac:dyDescent="0.35">
      <c r="AI15874" s="84"/>
      <c r="AM15874" s="84"/>
    </row>
    <row r="15875" spans="35:39" x14ac:dyDescent="0.35">
      <c r="AI15875" s="84"/>
      <c r="AM15875" s="84"/>
    </row>
    <row r="15876" spans="35:39" x14ac:dyDescent="0.35">
      <c r="AI15876" s="84"/>
      <c r="AM15876" s="84"/>
    </row>
    <row r="15877" spans="35:39" x14ac:dyDescent="0.35">
      <c r="AI15877" s="84"/>
      <c r="AM15877" s="84"/>
    </row>
    <row r="15878" spans="35:39" x14ac:dyDescent="0.35">
      <c r="AI15878" s="84"/>
      <c r="AM15878" s="84"/>
    </row>
    <row r="15879" spans="35:39" x14ac:dyDescent="0.35">
      <c r="AI15879" s="84"/>
      <c r="AM15879" s="84"/>
    </row>
    <row r="15880" spans="35:39" x14ac:dyDescent="0.35">
      <c r="AI15880" s="84"/>
      <c r="AM15880" s="84"/>
    </row>
    <row r="15881" spans="35:39" x14ac:dyDescent="0.35">
      <c r="AI15881" s="84"/>
      <c r="AM15881" s="84"/>
    </row>
    <row r="15882" spans="35:39" x14ac:dyDescent="0.35">
      <c r="AI15882" s="84"/>
      <c r="AM15882" s="84"/>
    </row>
    <row r="15883" spans="35:39" x14ac:dyDescent="0.35">
      <c r="AI15883" s="84"/>
      <c r="AM15883" s="84"/>
    </row>
    <row r="15884" spans="35:39" x14ac:dyDescent="0.35">
      <c r="AI15884" s="84"/>
      <c r="AM15884" s="84"/>
    </row>
    <row r="15885" spans="35:39" x14ac:dyDescent="0.35">
      <c r="AI15885" s="84"/>
      <c r="AM15885" s="84"/>
    </row>
    <row r="15886" spans="35:39" x14ac:dyDescent="0.35">
      <c r="AI15886" s="84"/>
      <c r="AM15886" s="84"/>
    </row>
    <row r="15887" spans="35:39" x14ac:dyDescent="0.35">
      <c r="AI15887" s="84"/>
      <c r="AM15887" s="84"/>
    </row>
    <row r="15888" spans="35:39" x14ac:dyDescent="0.35">
      <c r="AI15888" s="84"/>
      <c r="AM15888" s="84"/>
    </row>
    <row r="15889" spans="35:39" x14ac:dyDescent="0.35">
      <c r="AI15889" s="84"/>
      <c r="AM15889" s="84"/>
    </row>
    <row r="15890" spans="35:39" x14ac:dyDescent="0.35">
      <c r="AI15890" s="84"/>
      <c r="AM15890" s="84"/>
    </row>
    <row r="15891" spans="35:39" x14ac:dyDescent="0.35">
      <c r="AI15891" s="84"/>
      <c r="AM15891" s="84"/>
    </row>
    <row r="15892" spans="35:39" x14ac:dyDescent="0.35">
      <c r="AI15892" s="84"/>
      <c r="AM15892" s="84"/>
    </row>
    <row r="15893" spans="35:39" x14ac:dyDescent="0.35">
      <c r="AI15893" s="84"/>
      <c r="AM15893" s="84"/>
    </row>
    <row r="15894" spans="35:39" x14ac:dyDescent="0.35">
      <c r="AI15894" s="84"/>
      <c r="AM15894" s="84"/>
    </row>
    <row r="15895" spans="35:39" x14ac:dyDescent="0.35">
      <c r="AI15895" s="84"/>
      <c r="AM15895" s="84"/>
    </row>
    <row r="15896" spans="35:39" x14ac:dyDescent="0.35">
      <c r="AI15896" s="84"/>
      <c r="AM15896" s="84"/>
    </row>
    <row r="15897" spans="35:39" x14ac:dyDescent="0.35">
      <c r="AI15897" s="84"/>
      <c r="AM15897" s="84"/>
    </row>
    <row r="15898" spans="35:39" x14ac:dyDescent="0.35">
      <c r="AI15898" s="84"/>
      <c r="AM15898" s="84"/>
    </row>
    <row r="15899" spans="35:39" x14ac:dyDescent="0.35">
      <c r="AI15899" s="84"/>
      <c r="AM15899" s="84"/>
    </row>
    <row r="15900" spans="35:39" x14ac:dyDescent="0.35">
      <c r="AI15900" s="84"/>
      <c r="AM15900" s="84"/>
    </row>
    <row r="15901" spans="35:39" x14ac:dyDescent="0.35">
      <c r="AI15901" s="84"/>
      <c r="AM15901" s="84"/>
    </row>
    <row r="15902" spans="35:39" x14ac:dyDescent="0.35">
      <c r="AI15902" s="84"/>
      <c r="AM15902" s="84"/>
    </row>
    <row r="15903" spans="35:39" x14ac:dyDescent="0.35">
      <c r="AI15903" s="84"/>
      <c r="AM15903" s="84"/>
    </row>
    <row r="15904" spans="35:39" x14ac:dyDescent="0.35">
      <c r="AI15904" s="84"/>
      <c r="AM15904" s="84"/>
    </row>
    <row r="15905" spans="35:39" x14ac:dyDescent="0.35">
      <c r="AI15905" s="84"/>
      <c r="AM15905" s="84"/>
    </row>
    <row r="15906" spans="35:39" x14ac:dyDescent="0.35">
      <c r="AI15906" s="84"/>
      <c r="AM15906" s="84"/>
    </row>
    <row r="15907" spans="35:39" x14ac:dyDescent="0.35">
      <c r="AI15907" s="84"/>
      <c r="AM15907" s="84"/>
    </row>
    <row r="15908" spans="35:39" x14ac:dyDescent="0.35">
      <c r="AI15908" s="84"/>
      <c r="AM15908" s="84"/>
    </row>
    <row r="15909" spans="35:39" x14ac:dyDescent="0.35">
      <c r="AI15909" s="84"/>
      <c r="AM15909" s="84"/>
    </row>
    <row r="15910" spans="35:39" x14ac:dyDescent="0.35">
      <c r="AI15910" s="84"/>
      <c r="AM15910" s="84"/>
    </row>
    <row r="15911" spans="35:39" x14ac:dyDescent="0.35">
      <c r="AI15911" s="84"/>
      <c r="AM15911" s="84"/>
    </row>
    <row r="15912" spans="35:39" x14ac:dyDescent="0.35">
      <c r="AI15912" s="84"/>
      <c r="AM15912" s="84"/>
    </row>
    <row r="15913" spans="35:39" x14ac:dyDescent="0.35">
      <c r="AI15913" s="84"/>
      <c r="AM15913" s="84"/>
    </row>
    <row r="15914" spans="35:39" x14ac:dyDescent="0.35">
      <c r="AI15914" s="84"/>
      <c r="AM15914" s="84"/>
    </row>
    <row r="15915" spans="35:39" x14ac:dyDescent="0.35">
      <c r="AI15915" s="84"/>
      <c r="AM15915" s="84"/>
    </row>
    <row r="15916" spans="35:39" x14ac:dyDescent="0.35">
      <c r="AI15916" s="84"/>
      <c r="AM15916" s="84"/>
    </row>
    <row r="15917" spans="35:39" x14ac:dyDescent="0.35">
      <c r="AI15917" s="84"/>
      <c r="AM15917" s="84"/>
    </row>
    <row r="15918" spans="35:39" x14ac:dyDescent="0.35">
      <c r="AI15918" s="84"/>
      <c r="AM15918" s="84"/>
    </row>
    <row r="15919" spans="35:39" x14ac:dyDescent="0.35">
      <c r="AI15919" s="84"/>
      <c r="AM15919" s="84"/>
    </row>
    <row r="15920" spans="35:39" x14ac:dyDescent="0.35">
      <c r="AI15920" s="84"/>
      <c r="AM15920" s="84"/>
    </row>
    <row r="15921" spans="35:39" x14ac:dyDescent="0.35">
      <c r="AI15921" s="84"/>
      <c r="AM15921" s="84"/>
    </row>
    <row r="15922" spans="35:39" x14ac:dyDescent="0.35">
      <c r="AI15922" s="84"/>
      <c r="AM15922" s="84"/>
    </row>
    <row r="15923" spans="35:39" x14ac:dyDescent="0.35">
      <c r="AI15923" s="84"/>
      <c r="AM15923" s="84"/>
    </row>
    <row r="15924" spans="35:39" x14ac:dyDescent="0.35">
      <c r="AI15924" s="84"/>
      <c r="AM15924" s="84"/>
    </row>
    <row r="15925" spans="35:39" x14ac:dyDescent="0.35">
      <c r="AI15925" s="84"/>
      <c r="AM15925" s="84"/>
    </row>
    <row r="15926" spans="35:39" x14ac:dyDescent="0.35">
      <c r="AI15926" s="84"/>
      <c r="AM15926" s="84"/>
    </row>
    <row r="15927" spans="35:39" x14ac:dyDescent="0.35">
      <c r="AI15927" s="84"/>
      <c r="AM15927" s="84"/>
    </row>
    <row r="15928" spans="35:39" x14ac:dyDescent="0.35">
      <c r="AI15928" s="84"/>
      <c r="AM15928" s="84"/>
    </row>
    <row r="15929" spans="35:39" x14ac:dyDescent="0.35">
      <c r="AI15929" s="84"/>
      <c r="AM15929" s="84"/>
    </row>
    <row r="15930" spans="35:39" x14ac:dyDescent="0.35">
      <c r="AI15930" s="84"/>
      <c r="AM15930" s="84"/>
    </row>
    <row r="15931" spans="35:39" x14ac:dyDescent="0.35">
      <c r="AI15931" s="84"/>
      <c r="AM15931" s="84"/>
    </row>
    <row r="15932" spans="35:39" x14ac:dyDescent="0.35">
      <c r="AI15932" s="84"/>
      <c r="AM15932" s="84"/>
    </row>
    <row r="15933" spans="35:39" x14ac:dyDescent="0.35">
      <c r="AI15933" s="84"/>
      <c r="AM15933" s="84"/>
    </row>
    <row r="15934" spans="35:39" x14ac:dyDescent="0.35">
      <c r="AI15934" s="84"/>
      <c r="AM15934" s="84"/>
    </row>
    <row r="15935" spans="35:39" x14ac:dyDescent="0.35">
      <c r="AI15935" s="84"/>
      <c r="AM15935" s="84"/>
    </row>
    <row r="15936" spans="35:39" x14ac:dyDescent="0.35">
      <c r="AI15936" s="84"/>
      <c r="AM15936" s="84"/>
    </row>
    <row r="15937" spans="35:39" x14ac:dyDescent="0.35">
      <c r="AI15937" s="84"/>
      <c r="AM15937" s="84"/>
    </row>
    <row r="15938" spans="35:39" x14ac:dyDescent="0.35">
      <c r="AI15938" s="84"/>
      <c r="AM15938" s="84"/>
    </row>
    <row r="15939" spans="35:39" x14ac:dyDescent="0.35">
      <c r="AI15939" s="84"/>
      <c r="AM15939" s="84"/>
    </row>
    <row r="15940" spans="35:39" x14ac:dyDescent="0.35">
      <c r="AI15940" s="84"/>
      <c r="AM15940" s="84"/>
    </row>
    <row r="15941" spans="35:39" x14ac:dyDescent="0.35">
      <c r="AI15941" s="84"/>
      <c r="AM15941" s="84"/>
    </row>
    <row r="15942" spans="35:39" x14ac:dyDescent="0.35">
      <c r="AI15942" s="84"/>
      <c r="AM15942" s="84"/>
    </row>
    <row r="15943" spans="35:39" x14ac:dyDescent="0.35">
      <c r="AI15943" s="84"/>
      <c r="AM15943" s="84"/>
    </row>
    <row r="15944" spans="35:39" x14ac:dyDescent="0.35">
      <c r="AI15944" s="84"/>
      <c r="AM15944" s="84"/>
    </row>
    <row r="15945" spans="35:39" x14ac:dyDescent="0.35">
      <c r="AI15945" s="84"/>
      <c r="AM15945" s="84"/>
    </row>
    <row r="15946" spans="35:39" x14ac:dyDescent="0.35">
      <c r="AI15946" s="84"/>
      <c r="AM15946" s="84"/>
    </row>
    <row r="15947" spans="35:39" x14ac:dyDescent="0.35">
      <c r="AI15947" s="84"/>
      <c r="AM15947" s="84"/>
    </row>
    <row r="15948" spans="35:39" x14ac:dyDescent="0.35">
      <c r="AI15948" s="84"/>
      <c r="AM15948" s="84"/>
    </row>
    <row r="15949" spans="35:39" x14ac:dyDescent="0.35">
      <c r="AI15949" s="84"/>
      <c r="AM15949" s="84"/>
    </row>
    <row r="15950" spans="35:39" x14ac:dyDescent="0.35">
      <c r="AI15950" s="84"/>
      <c r="AM15950" s="84"/>
    </row>
    <row r="15951" spans="35:39" x14ac:dyDescent="0.35">
      <c r="AI15951" s="84"/>
      <c r="AM15951" s="84"/>
    </row>
    <row r="15952" spans="35:39" x14ac:dyDescent="0.35">
      <c r="AI15952" s="84"/>
      <c r="AM15952" s="84"/>
    </row>
    <row r="15953" spans="35:39" x14ac:dyDescent="0.35">
      <c r="AI15953" s="84"/>
      <c r="AM15953" s="84"/>
    </row>
    <row r="15954" spans="35:39" x14ac:dyDescent="0.35">
      <c r="AI15954" s="84"/>
      <c r="AM15954" s="84"/>
    </row>
    <row r="15955" spans="35:39" x14ac:dyDescent="0.35">
      <c r="AI15955" s="84"/>
      <c r="AM15955" s="84"/>
    </row>
    <row r="15956" spans="35:39" x14ac:dyDescent="0.35">
      <c r="AI15956" s="84"/>
      <c r="AM15956" s="84"/>
    </row>
    <row r="15957" spans="35:39" x14ac:dyDescent="0.35">
      <c r="AI15957" s="84"/>
      <c r="AM15957" s="84"/>
    </row>
    <row r="15958" spans="35:39" x14ac:dyDescent="0.35">
      <c r="AI15958" s="84"/>
      <c r="AM15958" s="84"/>
    </row>
    <row r="15959" spans="35:39" x14ac:dyDescent="0.35">
      <c r="AI15959" s="84"/>
      <c r="AM15959" s="84"/>
    </row>
    <row r="15960" spans="35:39" x14ac:dyDescent="0.35">
      <c r="AI15960" s="84"/>
      <c r="AM15960" s="84"/>
    </row>
    <row r="15961" spans="35:39" x14ac:dyDescent="0.35">
      <c r="AI15961" s="84"/>
      <c r="AM15961" s="84"/>
    </row>
    <row r="15962" spans="35:39" x14ac:dyDescent="0.35">
      <c r="AI15962" s="84"/>
      <c r="AM15962" s="84"/>
    </row>
    <row r="15963" spans="35:39" x14ac:dyDescent="0.35">
      <c r="AI15963" s="84"/>
      <c r="AM15963" s="84"/>
    </row>
    <row r="15964" spans="35:39" x14ac:dyDescent="0.35">
      <c r="AI15964" s="84"/>
      <c r="AM15964" s="84"/>
    </row>
    <row r="15965" spans="35:39" x14ac:dyDescent="0.35">
      <c r="AI15965" s="84"/>
      <c r="AM15965" s="84"/>
    </row>
    <row r="15966" spans="35:39" x14ac:dyDescent="0.35">
      <c r="AI15966" s="84"/>
      <c r="AM15966" s="84"/>
    </row>
    <row r="15967" spans="35:39" x14ac:dyDescent="0.35">
      <c r="AI15967" s="84"/>
      <c r="AM15967" s="84"/>
    </row>
    <row r="15968" spans="35:39" x14ac:dyDescent="0.35">
      <c r="AI15968" s="84"/>
      <c r="AM15968" s="84"/>
    </row>
    <row r="15969" spans="35:39" x14ac:dyDescent="0.35">
      <c r="AI15969" s="84"/>
      <c r="AM15969" s="84"/>
    </row>
    <row r="15970" spans="35:39" x14ac:dyDescent="0.35">
      <c r="AI15970" s="84"/>
      <c r="AM15970" s="84"/>
    </row>
    <row r="15971" spans="35:39" x14ac:dyDescent="0.35">
      <c r="AI15971" s="84"/>
      <c r="AM15971" s="84"/>
    </row>
    <row r="15972" spans="35:39" x14ac:dyDescent="0.35">
      <c r="AI15972" s="84"/>
      <c r="AM15972" s="84"/>
    </row>
    <row r="15973" spans="35:39" x14ac:dyDescent="0.35">
      <c r="AI15973" s="84"/>
      <c r="AM15973" s="84"/>
    </row>
    <row r="15974" spans="35:39" x14ac:dyDescent="0.35">
      <c r="AI15974" s="84"/>
      <c r="AM15974" s="84"/>
    </row>
    <row r="15975" spans="35:39" x14ac:dyDescent="0.35">
      <c r="AI15975" s="84"/>
      <c r="AM15975" s="84"/>
    </row>
    <row r="15976" spans="35:39" x14ac:dyDescent="0.35">
      <c r="AI15976" s="84"/>
      <c r="AM15976" s="84"/>
    </row>
    <row r="15977" spans="35:39" x14ac:dyDescent="0.35">
      <c r="AI15977" s="84"/>
      <c r="AM15977" s="84"/>
    </row>
    <row r="15978" spans="35:39" x14ac:dyDescent="0.35">
      <c r="AI15978" s="84"/>
      <c r="AM15978" s="84"/>
    </row>
    <row r="15979" spans="35:39" x14ac:dyDescent="0.35">
      <c r="AI15979" s="84"/>
      <c r="AM15979" s="84"/>
    </row>
    <row r="15980" spans="35:39" x14ac:dyDescent="0.35">
      <c r="AI15980" s="84"/>
      <c r="AM15980" s="84"/>
    </row>
    <row r="15981" spans="35:39" x14ac:dyDescent="0.35">
      <c r="AI15981" s="84"/>
      <c r="AM15981" s="84"/>
    </row>
    <row r="15982" spans="35:39" x14ac:dyDescent="0.35">
      <c r="AI15982" s="84"/>
      <c r="AM15982" s="84"/>
    </row>
    <row r="15983" spans="35:39" x14ac:dyDescent="0.35">
      <c r="AI15983" s="84"/>
      <c r="AM15983" s="84"/>
    </row>
    <row r="15984" spans="35:39" x14ac:dyDescent="0.35">
      <c r="AI15984" s="84"/>
      <c r="AM15984" s="84"/>
    </row>
    <row r="15985" spans="35:39" x14ac:dyDescent="0.35">
      <c r="AI15985" s="84"/>
      <c r="AM15985" s="84"/>
    </row>
    <row r="15986" spans="35:39" x14ac:dyDescent="0.35">
      <c r="AI15986" s="84"/>
      <c r="AM15986" s="84"/>
    </row>
    <row r="15987" spans="35:39" x14ac:dyDescent="0.35">
      <c r="AI15987" s="84"/>
      <c r="AM15987" s="84"/>
    </row>
    <row r="15988" spans="35:39" x14ac:dyDescent="0.35">
      <c r="AI15988" s="84"/>
      <c r="AM15988" s="84"/>
    </row>
    <row r="15989" spans="35:39" x14ac:dyDescent="0.35">
      <c r="AI15989" s="84"/>
      <c r="AM15989" s="84"/>
    </row>
    <row r="15990" spans="35:39" x14ac:dyDescent="0.35">
      <c r="AI15990" s="84"/>
      <c r="AM15990" s="84"/>
    </row>
    <row r="15991" spans="35:39" x14ac:dyDescent="0.35">
      <c r="AI15991" s="84"/>
      <c r="AM15991" s="84"/>
    </row>
    <row r="15992" spans="35:39" x14ac:dyDescent="0.35">
      <c r="AI15992" s="84"/>
      <c r="AM15992" s="84"/>
    </row>
    <row r="15993" spans="35:39" x14ac:dyDescent="0.35">
      <c r="AI15993" s="84"/>
      <c r="AM15993" s="84"/>
    </row>
    <row r="15994" spans="35:39" x14ac:dyDescent="0.35">
      <c r="AI15994" s="84"/>
      <c r="AM15994" s="84"/>
    </row>
    <row r="15995" spans="35:39" x14ac:dyDescent="0.35">
      <c r="AI15995" s="84"/>
      <c r="AM15995" s="84"/>
    </row>
    <row r="15996" spans="35:39" x14ac:dyDescent="0.35">
      <c r="AI15996" s="84"/>
      <c r="AM15996" s="84"/>
    </row>
    <row r="15997" spans="35:39" x14ac:dyDescent="0.35">
      <c r="AI15997" s="84"/>
      <c r="AM15997" s="84"/>
    </row>
    <row r="15998" spans="35:39" x14ac:dyDescent="0.35">
      <c r="AI15998" s="84"/>
      <c r="AM15998" s="84"/>
    </row>
    <row r="15999" spans="35:39" x14ac:dyDescent="0.35">
      <c r="AI15999" s="84"/>
      <c r="AM15999" s="84"/>
    </row>
    <row r="16000" spans="35:39" x14ac:dyDescent="0.35">
      <c r="AI16000" s="84"/>
      <c r="AM16000" s="84"/>
    </row>
    <row r="16001" spans="35:39" x14ac:dyDescent="0.35">
      <c r="AI16001" s="84"/>
      <c r="AM16001" s="84"/>
    </row>
    <row r="16002" spans="35:39" x14ac:dyDescent="0.35">
      <c r="AI16002" s="84"/>
      <c r="AM16002" s="84"/>
    </row>
    <row r="16003" spans="35:39" x14ac:dyDescent="0.35">
      <c r="AI16003" s="84"/>
      <c r="AM16003" s="84"/>
    </row>
    <row r="16004" spans="35:39" x14ac:dyDescent="0.35">
      <c r="AI16004" s="84"/>
      <c r="AM16004" s="84"/>
    </row>
    <row r="16005" spans="35:39" x14ac:dyDescent="0.35">
      <c r="AI16005" s="84"/>
      <c r="AM16005" s="84"/>
    </row>
    <row r="16006" spans="35:39" x14ac:dyDescent="0.35">
      <c r="AI16006" s="84"/>
      <c r="AM16006" s="84"/>
    </row>
    <row r="16007" spans="35:39" x14ac:dyDescent="0.35">
      <c r="AI16007" s="84"/>
      <c r="AM16007" s="84"/>
    </row>
    <row r="16008" spans="35:39" x14ac:dyDescent="0.35">
      <c r="AI16008" s="84"/>
      <c r="AM16008" s="84"/>
    </row>
    <row r="16009" spans="35:39" x14ac:dyDescent="0.35">
      <c r="AI16009" s="84"/>
      <c r="AM16009" s="84"/>
    </row>
    <row r="16010" spans="35:39" x14ac:dyDescent="0.35">
      <c r="AI16010" s="84"/>
      <c r="AM16010" s="84"/>
    </row>
    <row r="16011" spans="35:39" x14ac:dyDescent="0.35">
      <c r="AI16011" s="84"/>
      <c r="AM16011" s="84"/>
    </row>
    <row r="16012" spans="35:39" x14ac:dyDescent="0.35">
      <c r="AI16012" s="84"/>
      <c r="AM16012" s="84"/>
    </row>
    <row r="16013" spans="35:39" x14ac:dyDescent="0.35">
      <c r="AI16013" s="84"/>
      <c r="AM16013" s="84"/>
    </row>
    <row r="16014" spans="35:39" x14ac:dyDescent="0.35">
      <c r="AI16014" s="84"/>
      <c r="AM16014" s="84"/>
    </row>
    <row r="16015" spans="35:39" x14ac:dyDescent="0.35">
      <c r="AI16015" s="84"/>
      <c r="AM16015" s="84"/>
    </row>
    <row r="16016" spans="35:39" x14ac:dyDescent="0.35">
      <c r="AI16016" s="84"/>
      <c r="AM16016" s="84"/>
    </row>
    <row r="16017" spans="35:39" x14ac:dyDescent="0.35">
      <c r="AI16017" s="84"/>
      <c r="AM16017" s="84"/>
    </row>
    <row r="16018" spans="35:39" x14ac:dyDescent="0.35">
      <c r="AI16018" s="84"/>
      <c r="AM16018" s="84"/>
    </row>
    <row r="16019" spans="35:39" x14ac:dyDescent="0.35">
      <c r="AI16019" s="84"/>
      <c r="AM16019" s="84"/>
    </row>
    <row r="16020" spans="35:39" x14ac:dyDescent="0.35">
      <c r="AI16020" s="84"/>
      <c r="AM16020" s="84"/>
    </row>
    <row r="16021" spans="35:39" x14ac:dyDescent="0.35">
      <c r="AI16021" s="84"/>
      <c r="AM16021" s="84"/>
    </row>
    <row r="16022" spans="35:39" x14ac:dyDescent="0.35">
      <c r="AI16022" s="84"/>
      <c r="AM16022" s="84"/>
    </row>
    <row r="16023" spans="35:39" x14ac:dyDescent="0.35">
      <c r="AI16023" s="84"/>
      <c r="AM16023" s="84"/>
    </row>
    <row r="16024" spans="35:39" x14ac:dyDescent="0.35">
      <c r="AI16024" s="84"/>
      <c r="AM16024" s="84"/>
    </row>
    <row r="16025" spans="35:39" x14ac:dyDescent="0.35">
      <c r="AI16025" s="84"/>
      <c r="AM16025" s="84"/>
    </row>
    <row r="16026" spans="35:39" x14ac:dyDescent="0.35">
      <c r="AI16026" s="84"/>
      <c r="AM16026" s="84"/>
    </row>
    <row r="16027" spans="35:39" x14ac:dyDescent="0.35">
      <c r="AI16027" s="84"/>
      <c r="AM16027" s="84"/>
    </row>
    <row r="16028" spans="35:39" x14ac:dyDescent="0.35">
      <c r="AI16028" s="84"/>
      <c r="AM16028" s="84"/>
    </row>
    <row r="16029" spans="35:39" x14ac:dyDescent="0.35">
      <c r="AI16029" s="84"/>
      <c r="AM16029" s="84"/>
    </row>
    <row r="16030" spans="35:39" x14ac:dyDescent="0.35">
      <c r="AI16030" s="84"/>
      <c r="AM16030" s="84"/>
    </row>
    <row r="16031" spans="35:39" x14ac:dyDescent="0.35">
      <c r="AI16031" s="84"/>
      <c r="AM16031" s="84"/>
    </row>
    <row r="16032" spans="35:39" x14ac:dyDescent="0.35">
      <c r="AI16032" s="84"/>
      <c r="AM16032" s="84"/>
    </row>
    <row r="16033" spans="35:39" x14ac:dyDescent="0.35">
      <c r="AI16033" s="84"/>
      <c r="AM16033" s="84"/>
    </row>
    <row r="16034" spans="35:39" x14ac:dyDescent="0.35">
      <c r="AI16034" s="84"/>
      <c r="AM16034" s="84"/>
    </row>
    <row r="16035" spans="35:39" x14ac:dyDescent="0.35">
      <c r="AI16035" s="84"/>
      <c r="AM16035" s="84"/>
    </row>
    <row r="16036" spans="35:39" x14ac:dyDescent="0.35">
      <c r="AI16036" s="84"/>
      <c r="AM16036" s="84"/>
    </row>
    <row r="16037" spans="35:39" x14ac:dyDescent="0.35">
      <c r="AI16037" s="84"/>
      <c r="AM16037" s="84"/>
    </row>
    <row r="16038" spans="35:39" x14ac:dyDescent="0.35">
      <c r="AI16038" s="84"/>
      <c r="AM16038" s="84"/>
    </row>
    <row r="16039" spans="35:39" x14ac:dyDescent="0.35">
      <c r="AI16039" s="84"/>
      <c r="AM16039" s="84"/>
    </row>
    <row r="16040" spans="35:39" x14ac:dyDescent="0.35">
      <c r="AI16040" s="84"/>
      <c r="AM16040" s="84"/>
    </row>
    <row r="16041" spans="35:39" x14ac:dyDescent="0.35">
      <c r="AI16041" s="84"/>
      <c r="AM16041" s="84"/>
    </row>
    <row r="16042" spans="35:39" x14ac:dyDescent="0.35">
      <c r="AI16042" s="84"/>
      <c r="AM16042" s="84"/>
    </row>
    <row r="16043" spans="35:39" x14ac:dyDescent="0.35">
      <c r="AI16043" s="84"/>
      <c r="AM16043" s="84"/>
    </row>
    <row r="16044" spans="35:39" x14ac:dyDescent="0.35">
      <c r="AI16044" s="84"/>
      <c r="AM16044" s="84"/>
    </row>
    <row r="16045" spans="35:39" x14ac:dyDescent="0.35">
      <c r="AI16045" s="84"/>
      <c r="AM16045" s="84"/>
    </row>
    <row r="16046" spans="35:39" x14ac:dyDescent="0.35">
      <c r="AI16046" s="84"/>
      <c r="AM16046" s="84"/>
    </row>
    <row r="16047" spans="35:39" x14ac:dyDescent="0.35">
      <c r="AI16047" s="84"/>
      <c r="AM16047" s="84"/>
    </row>
    <row r="16048" spans="35:39" x14ac:dyDescent="0.35">
      <c r="AI16048" s="84"/>
      <c r="AM16048" s="84"/>
    </row>
    <row r="16049" spans="35:39" x14ac:dyDescent="0.35">
      <c r="AI16049" s="84"/>
      <c r="AM16049" s="84"/>
    </row>
    <row r="16050" spans="35:39" x14ac:dyDescent="0.35">
      <c r="AI16050" s="84"/>
      <c r="AM16050" s="84"/>
    </row>
    <row r="16051" spans="35:39" x14ac:dyDescent="0.35">
      <c r="AI16051" s="84"/>
      <c r="AM16051" s="84"/>
    </row>
    <row r="16052" spans="35:39" x14ac:dyDescent="0.35">
      <c r="AI16052" s="84"/>
      <c r="AM16052" s="84"/>
    </row>
    <row r="16053" spans="35:39" x14ac:dyDescent="0.35">
      <c r="AI16053" s="84"/>
      <c r="AM16053" s="84"/>
    </row>
    <row r="16054" spans="35:39" x14ac:dyDescent="0.35">
      <c r="AI16054" s="84"/>
      <c r="AM16054" s="84"/>
    </row>
    <row r="16055" spans="35:39" x14ac:dyDescent="0.35">
      <c r="AI16055" s="84"/>
      <c r="AM16055" s="84"/>
    </row>
    <row r="16056" spans="35:39" x14ac:dyDescent="0.35">
      <c r="AI16056" s="84"/>
      <c r="AM16056" s="84"/>
    </row>
    <row r="16057" spans="35:39" x14ac:dyDescent="0.35">
      <c r="AI16057" s="84"/>
      <c r="AM16057" s="84"/>
    </row>
    <row r="16058" spans="35:39" x14ac:dyDescent="0.35">
      <c r="AI16058" s="84"/>
      <c r="AM16058" s="84"/>
    </row>
    <row r="16059" spans="35:39" x14ac:dyDescent="0.35">
      <c r="AI16059" s="84"/>
      <c r="AM16059" s="84"/>
    </row>
    <row r="16060" spans="35:39" x14ac:dyDescent="0.35">
      <c r="AI16060" s="84"/>
      <c r="AM16060" s="84"/>
    </row>
    <row r="16061" spans="35:39" x14ac:dyDescent="0.35">
      <c r="AI16061" s="84"/>
      <c r="AM16061" s="84"/>
    </row>
    <row r="16062" spans="35:39" x14ac:dyDescent="0.35">
      <c r="AI16062" s="84"/>
      <c r="AM16062" s="84"/>
    </row>
    <row r="16063" spans="35:39" x14ac:dyDescent="0.35">
      <c r="AI16063" s="84"/>
      <c r="AM16063" s="84"/>
    </row>
    <row r="16064" spans="35:39" x14ac:dyDescent="0.35">
      <c r="AI16064" s="84"/>
      <c r="AM16064" s="84"/>
    </row>
    <row r="16065" spans="35:39" x14ac:dyDescent="0.35">
      <c r="AI16065" s="84"/>
      <c r="AM16065" s="84"/>
    </row>
    <row r="16066" spans="35:39" x14ac:dyDescent="0.35">
      <c r="AI16066" s="84"/>
      <c r="AM16066" s="84"/>
    </row>
    <row r="16067" spans="35:39" x14ac:dyDescent="0.35">
      <c r="AI16067" s="84"/>
      <c r="AM16067" s="84"/>
    </row>
    <row r="16068" spans="35:39" x14ac:dyDescent="0.35">
      <c r="AI16068" s="84"/>
      <c r="AM16068" s="84"/>
    </row>
    <row r="16069" spans="35:39" x14ac:dyDescent="0.35">
      <c r="AI16069" s="84"/>
      <c r="AM16069" s="84"/>
    </row>
    <row r="16070" spans="35:39" x14ac:dyDescent="0.35">
      <c r="AI16070" s="84"/>
      <c r="AM16070" s="84"/>
    </row>
    <row r="16071" spans="35:39" x14ac:dyDescent="0.35">
      <c r="AI16071" s="84"/>
      <c r="AM16071" s="84"/>
    </row>
    <row r="16072" spans="35:39" x14ac:dyDescent="0.35">
      <c r="AI16072" s="84"/>
      <c r="AM16072" s="84"/>
    </row>
    <row r="16073" spans="35:39" x14ac:dyDescent="0.35">
      <c r="AI16073" s="84"/>
      <c r="AM16073" s="84"/>
    </row>
    <row r="16074" spans="35:39" x14ac:dyDescent="0.35">
      <c r="AI16074" s="84"/>
      <c r="AM16074" s="84"/>
    </row>
    <row r="16075" spans="35:39" x14ac:dyDescent="0.35">
      <c r="AI16075" s="84"/>
      <c r="AM16075" s="84"/>
    </row>
    <row r="16076" spans="35:39" x14ac:dyDescent="0.35">
      <c r="AI16076" s="84"/>
      <c r="AM16076" s="84"/>
    </row>
    <row r="16077" spans="35:39" x14ac:dyDescent="0.35">
      <c r="AI16077" s="84"/>
      <c r="AM16077" s="84"/>
    </row>
    <row r="16078" spans="35:39" x14ac:dyDescent="0.35">
      <c r="AI16078" s="84"/>
      <c r="AM16078" s="84"/>
    </row>
    <row r="16079" spans="35:39" x14ac:dyDescent="0.35">
      <c r="AI16079" s="84"/>
      <c r="AM16079" s="84"/>
    </row>
    <row r="16080" spans="35:39" x14ac:dyDescent="0.35">
      <c r="AI16080" s="84"/>
      <c r="AM16080" s="84"/>
    </row>
    <row r="16081" spans="35:39" x14ac:dyDescent="0.35">
      <c r="AI16081" s="84"/>
      <c r="AM16081" s="84"/>
    </row>
    <row r="16082" spans="35:39" x14ac:dyDescent="0.35">
      <c r="AI16082" s="84"/>
      <c r="AM16082" s="84"/>
    </row>
    <row r="16083" spans="35:39" x14ac:dyDescent="0.35">
      <c r="AI16083" s="84"/>
      <c r="AM16083" s="84"/>
    </row>
    <row r="16084" spans="35:39" x14ac:dyDescent="0.35">
      <c r="AI16084" s="84"/>
      <c r="AM16084" s="84"/>
    </row>
    <row r="16085" spans="35:39" x14ac:dyDescent="0.35">
      <c r="AI16085" s="84"/>
      <c r="AM16085" s="84"/>
    </row>
    <row r="16086" spans="35:39" x14ac:dyDescent="0.35">
      <c r="AI16086" s="84"/>
      <c r="AM16086" s="84"/>
    </row>
    <row r="16087" spans="35:39" x14ac:dyDescent="0.35">
      <c r="AI16087" s="84"/>
      <c r="AM16087" s="84"/>
    </row>
    <row r="16088" spans="35:39" x14ac:dyDescent="0.35">
      <c r="AI16088" s="84"/>
      <c r="AM16088" s="84"/>
    </row>
    <row r="16089" spans="35:39" x14ac:dyDescent="0.35">
      <c r="AI16089" s="84"/>
      <c r="AM16089" s="84"/>
    </row>
    <row r="16090" spans="35:39" x14ac:dyDescent="0.35">
      <c r="AI16090" s="84"/>
      <c r="AM16090" s="84"/>
    </row>
    <row r="16091" spans="35:39" x14ac:dyDescent="0.35">
      <c r="AI16091" s="84"/>
      <c r="AM16091" s="84"/>
    </row>
    <row r="16092" spans="35:39" x14ac:dyDescent="0.35">
      <c r="AI16092" s="84"/>
      <c r="AM16092" s="84"/>
    </row>
    <row r="16093" spans="35:39" x14ac:dyDescent="0.35">
      <c r="AI16093" s="84"/>
      <c r="AM16093" s="84"/>
    </row>
    <row r="16094" spans="35:39" x14ac:dyDescent="0.35">
      <c r="AI16094" s="84"/>
      <c r="AM16094" s="84"/>
    </row>
    <row r="16095" spans="35:39" x14ac:dyDescent="0.35">
      <c r="AI16095" s="84"/>
      <c r="AM16095" s="84"/>
    </row>
    <row r="16096" spans="35:39" x14ac:dyDescent="0.35">
      <c r="AI16096" s="84"/>
      <c r="AM16096" s="84"/>
    </row>
    <row r="16097" spans="35:39" x14ac:dyDescent="0.35">
      <c r="AI16097" s="84"/>
      <c r="AM16097" s="84"/>
    </row>
    <row r="16098" spans="35:39" x14ac:dyDescent="0.35">
      <c r="AI16098" s="84"/>
      <c r="AM16098" s="84"/>
    </row>
    <row r="16099" spans="35:39" x14ac:dyDescent="0.35">
      <c r="AI16099" s="84"/>
      <c r="AM16099" s="84"/>
    </row>
    <row r="16100" spans="35:39" x14ac:dyDescent="0.35">
      <c r="AI16100" s="84"/>
      <c r="AM16100" s="84"/>
    </row>
    <row r="16101" spans="35:39" x14ac:dyDescent="0.35">
      <c r="AI16101" s="84"/>
      <c r="AM16101" s="84"/>
    </row>
    <row r="16102" spans="35:39" x14ac:dyDescent="0.35">
      <c r="AI16102" s="84"/>
      <c r="AM16102" s="84"/>
    </row>
    <row r="16103" spans="35:39" x14ac:dyDescent="0.35">
      <c r="AI16103" s="84"/>
      <c r="AM16103" s="84"/>
    </row>
    <row r="16104" spans="35:39" x14ac:dyDescent="0.35">
      <c r="AI16104" s="84"/>
      <c r="AM16104" s="84"/>
    </row>
    <row r="16105" spans="35:39" x14ac:dyDescent="0.35">
      <c r="AI16105" s="84"/>
      <c r="AM16105" s="84"/>
    </row>
    <row r="16106" spans="35:39" x14ac:dyDescent="0.35">
      <c r="AI16106" s="84"/>
      <c r="AM16106" s="84"/>
    </row>
    <row r="16107" spans="35:39" x14ac:dyDescent="0.35">
      <c r="AI16107" s="84"/>
      <c r="AM16107" s="84"/>
    </row>
    <row r="16108" spans="35:39" x14ac:dyDescent="0.35">
      <c r="AI16108" s="84"/>
      <c r="AM16108" s="84"/>
    </row>
    <row r="16109" spans="35:39" x14ac:dyDescent="0.35">
      <c r="AI16109" s="84"/>
      <c r="AM16109" s="84"/>
    </row>
    <row r="16110" spans="35:39" x14ac:dyDescent="0.35">
      <c r="AI16110" s="84"/>
      <c r="AM16110" s="84"/>
    </row>
    <row r="16111" spans="35:39" x14ac:dyDescent="0.35">
      <c r="AI16111" s="84"/>
      <c r="AM16111" s="84"/>
    </row>
    <row r="16112" spans="35:39" x14ac:dyDescent="0.35">
      <c r="AI16112" s="84"/>
      <c r="AM16112" s="84"/>
    </row>
    <row r="16113" spans="35:39" x14ac:dyDescent="0.35">
      <c r="AI16113" s="84"/>
      <c r="AM16113" s="84"/>
    </row>
    <row r="16114" spans="35:39" x14ac:dyDescent="0.35">
      <c r="AI16114" s="84"/>
      <c r="AM16114" s="84"/>
    </row>
    <row r="16115" spans="35:39" x14ac:dyDescent="0.35">
      <c r="AI16115" s="84"/>
      <c r="AM16115" s="84"/>
    </row>
    <row r="16116" spans="35:39" x14ac:dyDescent="0.35">
      <c r="AI16116" s="84"/>
      <c r="AM16116" s="84"/>
    </row>
    <row r="16117" spans="35:39" x14ac:dyDescent="0.35">
      <c r="AI16117" s="84"/>
      <c r="AM16117" s="84"/>
    </row>
    <row r="16118" spans="35:39" x14ac:dyDescent="0.35">
      <c r="AI16118" s="84"/>
      <c r="AM16118" s="84"/>
    </row>
    <row r="16119" spans="35:39" x14ac:dyDescent="0.35">
      <c r="AI16119" s="84"/>
      <c r="AM16119" s="84"/>
    </row>
    <row r="16120" spans="35:39" x14ac:dyDescent="0.35">
      <c r="AI16120" s="84"/>
      <c r="AM16120" s="84"/>
    </row>
    <row r="16121" spans="35:39" x14ac:dyDescent="0.35">
      <c r="AI16121" s="84"/>
      <c r="AM16121" s="84"/>
    </row>
    <row r="16122" spans="35:39" x14ac:dyDescent="0.35">
      <c r="AI16122" s="84"/>
      <c r="AM16122" s="84"/>
    </row>
    <row r="16123" spans="35:39" x14ac:dyDescent="0.35">
      <c r="AI16123" s="84"/>
      <c r="AM16123" s="84"/>
    </row>
    <row r="16124" spans="35:39" x14ac:dyDescent="0.35">
      <c r="AI16124" s="84"/>
      <c r="AM16124" s="84"/>
    </row>
    <row r="16125" spans="35:39" x14ac:dyDescent="0.35">
      <c r="AI16125" s="84"/>
      <c r="AM16125" s="84"/>
    </row>
    <row r="16126" spans="35:39" x14ac:dyDescent="0.35">
      <c r="AI16126" s="84"/>
      <c r="AM16126" s="84"/>
    </row>
    <row r="16127" spans="35:39" x14ac:dyDescent="0.35">
      <c r="AI16127" s="84"/>
      <c r="AM16127" s="84"/>
    </row>
    <row r="16128" spans="35:39" x14ac:dyDescent="0.35">
      <c r="AI16128" s="84"/>
      <c r="AM16128" s="84"/>
    </row>
    <row r="16129" spans="35:39" x14ac:dyDescent="0.35">
      <c r="AI16129" s="84"/>
      <c r="AM16129" s="84"/>
    </row>
    <row r="16130" spans="35:39" x14ac:dyDescent="0.35">
      <c r="AI16130" s="84"/>
      <c r="AM16130" s="84"/>
    </row>
    <row r="16131" spans="35:39" x14ac:dyDescent="0.35">
      <c r="AI16131" s="84"/>
      <c r="AM16131" s="84"/>
    </row>
    <row r="16132" spans="35:39" x14ac:dyDescent="0.35">
      <c r="AI16132" s="84"/>
      <c r="AM16132" s="84"/>
    </row>
    <row r="16133" spans="35:39" x14ac:dyDescent="0.35">
      <c r="AI16133" s="84"/>
      <c r="AM16133" s="84"/>
    </row>
    <row r="16134" spans="35:39" x14ac:dyDescent="0.35">
      <c r="AI16134" s="84"/>
      <c r="AM16134" s="84"/>
    </row>
    <row r="16135" spans="35:39" x14ac:dyDescent="0.35">
      <c r="AI16135" s="84"/>
      <c r="AM16135" s="84"/>
    </row>
    <row r="16136" spans="35:39" x14ac:dyDescent="0.35">
      <c r="AI16136" s="84"/>
      <c r="AM16136" s="84"/>
    </row>
    <row r="16137" spans="35:39" x14ac:dyDescent="0.35">
      <c r="AI16137" s="84"/>
      <c r="AM16137" s="84"/>
    </row>
    <row r="16138" spans="35:39" x14ac:dyDescent="0.35">
      <c r="AI16138" s="84"/>
      <c r="AM16138" s="84"/>
    </row>
    <row r="16139" spans="35:39" x14ac:dyDescent="0.35">
      <c r="AI16139" s="84"/>
      <c r="AM16139" s="84"/>
    </row>
    <row r="16140" spans="35:39" x14ac:dyDescent="0.35">
      <c r="AI16140" s="84"/>
      <c r="AM16140" s="84"/>
    </row>
    <row r="16141" spans="35:39" x14ac:dyDescent="0.35">
      <c r="AI16141" s="84"/>
      <c r="AM16141" s="84"/>
    </row>
    <row r="16142" spans="35:39" x14ac:dyDescent="0.35">
      <c r="AI16142" s="84"/>
      <c r="AM16142" s="84"/>
    </row>
    <row r="16143" spans="35:39" x14ac:dyDescent="0.35">
      <c r="AI16143" s="84"/>
      <c r="AM16143" s="84"/>
    </row>
    <row r="16144" spans="35:39" x14ac:dyDescent="0.35">
      <c r="AI16144" s="84"/>
      <c r="AM16144" s="84"/>
    </row>
    <row r="16145" spans="35:39" x14ac:dyDescent="0.35">
      <c r="AI16145" s="84"/>
      <c r="AM16145" s="84"/>
    </row>
    <row r="16146" spans="35:39" x14ac:dyDescent="0.35">
      <c r="AI16146" s="84"/>
      <c r="AM16146" s="84"/>
    </row>
    <row r="16147" spans="35:39" x14ac:dyDescent="0.35">
      <c r="AI16147" s="84"/>
      <c r="AM16147" s="84"/>
    </row>
    <row r="16148" spans="35:39" x14ac:dyDescent="0.35">
      <c r="AI16148" s="84"/>
      <c r="AM16148" s="84"/>
    </row>
    <row r="16149" spans="35:39" x14ac:dyDescent="0.35">
      <c r="AI16149" s="84"/>
      <c r="AM16149" s="84"/>
    </row>
    <row r="16150" spans="35:39" x14ac:dyDescent="0.35">
      <c r="AI16150" s="84"/>
      <c r="AM16150" s="84"/>
    </row>
    <row r="16151" spans="35:39" x14ac:dyDescent="0.35">
      <c r="AI16151" s="84"/>
      <c r="AM16151" s="84"/>
    </row>
    <row r="16152" spans="35:39" x14ac:dyDescent="0.35">
      <c r="AI16152" s="84"/>
      <c r="AM16152" s="84"/>
    </row>
    <row r="16153" spans="35:39" x14ac:dyDescent="0.35">
      <c r="AI16153" s="84"/>
      <c r="AM16153" s="84"/>
    </row>
    <row r="16154" spans="35:39" x14ac:dyDescent="0.35">
      <c r="AI16154" s="84"/>
      <c r="AM16154" s="84"/>
    </row>
    <row r="16155" spans="35:39" x14ac:dyDescent="0.35">
      <c r="AI16155" s="84"/>
      <c r="AM16155" s="84"/>
    </row>
    <row r="16156" spans="35:39" x14ac:dyDescent="0.35">
      <c r="AI16156" s="84"/>
      <c r="AM16156" s="84"/>
    </row>
    <row r="16157" spans="35:39" x14ac:dyDescent="0.35">
      <c r="AI16157" s="84"/>
      <c r="AM16157" s="84"/>
    </row>
    <row r="16158" spans="35:39" x14ac:dyDescent="0.35">
      <c r="AI16158" s="84"/>
      <c r="AM16158" s="84"/>
    </row>
    <row r="16159" spans="35:39" x14ac:dyDescent="0.35">
      <c r="AI16159" s="84"/>
      <c r="AM16159" s="84"/>
    </row>
    <row r="16160" spans="35:39" x14ac:dyDescent="0.35">
      <c r="AI16160" s="84"/>
      <c r="AM16160" s="84"/>
    </row>
    <row r="16161" spans="35:39" x14ac:dyDescent="0.35">
      <c r="AI16161" s="84"/>
      <c r="AM16161" s="84"/>
    </row>
    <row r="16162" spans="35:39" x14ac:dyDescent="0.35">
      <c r="AI16162" s="84"/>
      <c r="AM16162" s="84"/>
    </row>
    <row r="16163" spans="35:39" x14ac:dyDescent="0.35">
      <c r="AI16163" s="84"/>
      <c r="AM16163" s="84"/>
    </row>
    <row r="16164" spans="35:39" x14ac:dyDescent="0.35">
      <c r="AI16164" s="84"/>
      <c r="AM16164" s="84"/>
    </row>
    <row r="16165" spans="35:39" x14ac:dyDescent="0.35">
      <c r="AI16165" s="84"/>
      <c r="AM16165" s="84"/>
    </row>
    <row r="16166" spans="35:39" x14ac:dyDescent="0.35">
      <c r="AI16166" s="84"/>
      <c r="AM16166" s="84"/>
    </row>
    <row r="16167" spans="35:39" x14ac:dyDescent="0.35">
      <c r="AI16167" s="84"/>
      <c r="AM16167" s="84"/>
    </row>
    <row r="16168" spans="35:39" x14ac:dyDescent="0.35">
      <c r="AI16168" s="84"/>
      <c r="AM16168" s="84"/>
    </row>
    <row r="16169" spans="35:39" x14ac:dyDescent="0.35">
      <c r="AI16169" s="84"/>
      <c r="AM16169" s="84"/>
    </row>
    <row r="16170" spans="35:39" x14ac:dyDescent="0.35">
      <c r="AI16170" s="84"/>
      <c r="AM16170" s="84"/>
    </row>
    <row r="16171" spans="35:39" x14ac:dyDescent="0.35">
      <c r="AI16171" s="84"/>
      <c r="AM16171" s="84"/>
    </row>
    <row r="16172" spans="35:39" x14ac:dyDescent="0.35">
      <c r="AI16172" s="84"/>
      <c r="AM16172" s="84"/>
    </row>
    <row r="16173" spans="35:39" x14ac:dyDescent="0.35">
      <c r="AI16173" s="84"/>
      <c r="AM16173" s="84"/>
    </row>
    <row r="16174" spans="35:39" x14ac:dyDescent="0.35">
      <c r="AI16174" s="84"/>
      <c r="AM16174" s="84"/>
    </row>
    <row r="16175" spans="35:39" x14ac:dyDescent="0.35">
      <c r="AI16175" s="84"/>
      <c r="AM16175" s="84"/>
    </row>
    <row r="16176" spans="35:39" x14ac:dyDescent="0.35">
      <c r="AI16176" s="84"/>
      <c r="AM16176" s="84"/>
    </row>
    <row r="16177" spans="35:39" x14ac:dyDescent="0.35">
      <c r="AI16177" s="84"/>
      <c r="AM16177" s="84"/>
    </row>
    <row r="16178" spans="35:39" x14ac:dyDescent="0.35">
      <c r="AI16178" s="84"/>
      <c r="AM16178" s="84"/>
    </row>
    <row r="16179" spans="35:39" x14ac:dyDescent="0.35">
      <c r="AI16179" s="84"/>
      <c r="AM16179" s="84"/>
    </row>
    <row r="16180" spans="35:39" x14ac:dyDescent="0.35">
      <c r="AI16180" s="84"/>
      <c r="AM16180" s="84"/>
    </row>
    <row r="16181" spans="35:39" x14ac:dyDescent="0.35">
      <c r="AI16181" s="84"/>
      <c r="AM16181" s="84"/>
    </row>
    <row r="16182" spans="35:39" x14ac:dyDescent="0.35">
      <c r="AI16182" s="84"/>
      <c r="AM16182" s="84"/>
    </row>
    <row r="16183" spans="35:39" x14ac:dyDescent="0.35">
      <c r="AI16183" s="84"/>
      <c r="AM16183" s="84"/>
    </row>
    <row r="16184" spans="35:39" x14ac:dyDescent="0.35">
      <c r="AI16184" s="84"/>
      <c r="AM16184" s="84"/>
    </row>
    <row r="16185" spans="35:39" x14ac:dyDescent="0.35">
      <c r="AI16185" s="84"/>
      <c r="AM16185" s="84"/>
    </row>
    <row r="16186" spans="35:39" x14ac:dyDescent="0.35">
      <c r="AI16186" s="84"/>
      <c r="AM16186" s="84"/>
    </row>
    <row r="16187" spans="35:39" x14ac:dyDescent="0.35">
      <c r="AI16187" s="84"/>
      <c r="AM16187" s="84"/>
    </row>
    <row r="16188" spans="35:39" x14ac:dyDescent="0.35">
      <c r="AI16188" s="84"/>
      <c r="AM16188" s="84"/>
    </row>
    <row r="16189" spans="35:39" x14ac:dyDescent="0.35">
      <c r="AI16189" s="84"/>
      <c r="AM16189" s="84"/>
    </row>
    <row r="16190" spans="35:39" x14ac:dyDescent="0.35">
      <c r="AI16190" s="84"/>
      <c r="AM16190" s="84"/>
    </row>
    <row r="16191" spans="35:39" x14ac:dyDescent="0.35">
      <c r="AI16191" s="84"/>
      <c r="AM16191" s="84"/>
    </row>
    <row r="16192" spans="35:39" x14ac:dyDescent="0.35">
      <c r="AI16192" s="84"/>
      <c r="AM16192" s="84"/>
    </row>
    <row r="16193" spans="35:39" x14ac:dyDescent="0.35">
      <c r="AI16193" s="84"/>
      <c r="AM16193" s="84"/>
    </row>
    <row r="16194" spans="35:39" x14ac:dyDescent="0.35">
      <c r="AI16194" s="84"/>
      <c r="AM16194" s="84"/>
    </row>
    <row r="16195" spans="35:39" x14ac:dyDescent="0.35">
      <c r="AI16195" s="84"/>
      <c r="AM16195" s="84"/>
    </row>
    <row r="16196" spans="35:39" x14ac:dyDescent="0.35">
      <c r="AI16196" s="84"/>
      <c r="AM16196" s="84"/>
    </row>
    <row r="16197" spans="35:39" x14ac:dyDescent="0.35">
      <c r="AI16197" s="84"/>
      <c r="AM16197" s="84"/>
    </row>
    <row r="16198" spans="35:39" x14ac:dyDescent="0.35">
      <c r="AI16198" s="84"/>
      <c r="AM16198" s="84"/>
    </row>
    <row r="16199" spans="35:39" x14ac:dyDescent="0.35">
      <c r="AI16199" s="84"/>
      <c r="AM16199" s="84"/>
    </row>
    <row r="16200" spans="35:39" x14ac:dyDescent="0.35">
      <c r="AI16200" s="84"/>
      <c r="AM16200" s="84"/>
    </row>
    <row r="16201" spans="35:39" x14ac:dyDescent="0.35">
      <c r="AI16201" s="84"/>
      <c r="AM16201" s="84"/>
    </row>
    <row r="16202" spans="35:39" x14ac:dyDescent="0.35">
      <c r="AI16202" s="84"/>
      <c r="AM16202" s="84"/>
    </row>
    <row r="16203" spans="35:39" x14ac:dyDescent="0.35">
      <c r="AI16203" s="84"/>
      <c r="AM16203" s="84"/>
    </row>
    <row r="16204" spans="35:39" x14ac:dyDescent="0.35">
      <c r="AI16204" s="84"/>
      <c r="AM16204" s="84"/>
    </row>
    <row r="16205" spans="35:39" x14ac:dyDescent="0.35">
      <c r="AI16205" s="84"/>
      <c r="AM16205" s="84"/>
    </row>
    <row r="16206" spans="35:39" x14ac:dyDescent="0.35">
      <c r="AI16206" s="84"/>
      <c r="AM16206" s="84"/>
    </row>
    <row r="16207" spans="35:39" x14ac:dyDescent="0.35">
      <c r="AI16207" s="84"/>
      <c r="AM16207" s="84"/>
    </row>
    <row r="16208" spans="35:39" x14ac:dyDescent="0.35">
      <c r="AI16208" s="84"/>
      <c r="AM16208" s="84"/>
    </row>
    <row r="16209" spans="35:39" x14ac:dyDescent="0.35">
      <c r="AI16209" s="84"/>
      <c r="AM16209" s="84"/>
    </row>
    <row r="16210" spans="35:39" x14ac:dyDescent="0.35">
      <c r="AI16210" s="84"/>
      <c r="AM16210" s="84"/>
    </row>
    <row r="16211" spans="35:39" x14ac:dyDescent="0.35">
      <c r="AI16211" s="84"/>
      <c r="AM16211" s="84"/>
    </row>
    <row r="16212" spans="35:39" x14ac:dyDescent="0.35">
      <c r="AI16212" s="84"/>
      <c r="AM16212" s="84"/>
    </row>
    <row r="16213" spans="35:39" x14ac:dyDescent="0.35">
      <c r="AI16213" s="84"/>
      <c r="AM16213" s="84"/>
    </row>
    <row r="16214" spans="35:39" x14ac:dyDescent="0.35">
      <c r="AI16214" s="84"/>
      <c r="AM16214" s="84"/>
    </row>
    <row r="16215" spans="35:39" x14ac:dyDescent="0.35">
      <c r="AI16215" s="84"/>
      <c r="AM16215" s="84"/>
    </row>
    <row r="16216" spans="35:39" x14ac:dyDescent="0.35">
      <c r="AI16216" s="84"/>
      <c r="AM16216" s="84"/>
    </row>
    <row r="16217" spans="35:39" x14ac:dyDescent="0.35">
      <c r="AI16217" s="84"/>
      <c r="AM16217" s="84"/>
    </row>
    <row r="16218" spans="35:39" x14ac:dyDescent="0.35">
      <c r="AI16218" s="84"/>
      <c r="AM16218" s="84"/>
    </row>
    <row r="16219" spans="35:39" x14ac:dyDescent="0.35">
      <c r="AI16219" s="84"/>
      <c r="AM16219" s="84"/>
    </row>
    <row r="16220" spans="35:39" x14ac:dyDescent="0.35">
      <c r="AI16220" s="84"/>
      <c r="AM16220" s="84"/>
    </row>
    <row r="16221" spans="35:39" x14ac:dyDescent="0.35">
      <c r="AI16221" s="84"/>
      <c r="AM16221" s="84"/>
    </row>
    <row r="16222" spans="35:39" x14ac:dyDescent="0.35">
      <c r="AI16222" s="84"/>
      <c r="AM16222" s="84"/>
    </row>
    <row r="16223" spans="35:39" x14ac:dyDescent="0.35">
      <c r="AI16223" s="84"/>
      <c r="AM16223" s="84"/>
    </row>
    <row r="16224" spans="35:39" x14ac:dyDescent="0.35">
      <c r="AI16224" s="84"/>
      <c r="AM16224" s="84"/>
    </row>
    <row r="16225" spans="35:39" x14ac:dyDescent="0.35">
      <c r="AI16225" s="84"/>
      <c r="AM16225" s="84"/>
    </row>
    <row r="16226" spans="35:39" x14ac:dyDescent="0.35">
      <c r="AI16226" s="84"/>
      <c r="AM16226" s="84"/>
    </row>
    <row r="16227" spans="35:39" x14ac:dyDescent="0.35">
      <c r="AI16227" s="84"/>
      <c r="AM16227" s="84"/>
    </row>
    <row r="16228" spans="35:39" x14ac:dyDescent="0.35">
      <c r="AI16228" s="84"/>
      <c r="AM16228" s="84"/>
    </row>
    <row r="16229" spans="35:39" x14ac:dyDescent="0.35">
      <c r="AI16229" s="84"/>
      <c r="AM16229" s="84"/>
    </row>
    <row r="16230" spans="35:39" x14ac:dyDescent="0.35">
      <c r="AI16230" s="84"/>
      <c r="AM16230" s="84"/>
    </row>
    <row r="16231" spans="35:39" x14ac:dyDescent="0.35">
      <c r="AI16231" s="84"/>
      <c r="AM16231" s="84"/>
    </row>
    <row r="16232" spans="35:39" x14ac:dyDescent="0.35">
      <c r="AI16232" s="84"/>
      <c r="AM16232" s="84"/>
    </row>
    <row r="16233" spans="35:39" x14ac:dyDescent="0.35">
      <c r="AI16233" s="84"/>
      <c r="AM16233" s="84"/>
    </row>
    <row r="16234" spans="35:39" x14ac:dyDescent="0.35">
      <c r="AI16234" s="84"/>
      <c r="AM16234" s="84"/>
    </row>
    <row r="16235" spans="35:39" x14ac:dyDescent="0.35">
      <c r="AI16235" s="84"/>
      <c r="AM16235" s="84"/>
    </row>
    <row r="16236" spans="35:39" x14ac:dyDescent="0.35">
      <c r="AI16236" s="84"/>
      <c r="AM16236" s="84"/>
    </row>
    <row r="16237" spans="35:39" x14ac:dyDescent="0.35">
      <c r="AI16237" s="84"/>
      <c r="AM16237" s="84"/>
    </row>
    <row r="16238" spans="35:39" x14ac:dyDescent="0.35">
      <c r="AI16238" s="84"/>
      <c r="AM16238" s="84"/>
    </row>
    <row r="16239" spans="35:39" x14ac:dyDescent="0.35">
      <c r="AI16239" s="84"/>
      <c r="AM16239" s="84"/>
    </row>
    <row r="16240" spans="35:39" x14ac:dyDescent="0.35">
      <c r="AI16240" s="84"/>
      <c r="AM16240" s="84"/>
    </row>
    <row r="16241" spans="35:39" x14ac:dyDescent="0.35">
      <c r="AI16241" s="84"/>
      <c r="AM16241" s="84"/>
    </row>
    <row r="16242" spans="35:39" x14ac:dyDescent="0.35">
      <c r="AI16242" s="84"/>
      <c r="AM16242" s="84"/>
    </row>
    <row r="16243" spans="35:39" x14ac:dyDescent="0.35">
      <c r="AI16243" s="84"/>
      <c r="AM16243" s="84"/>
    </row>
    <row r="16244" spans="35:39" x14ac:dyDescent="0.35">
      <c r="AI16244" s="84"/>
      <c r="AM16244" s="84"/>
    </row>
    <row r="16245" spans="35:39" x14ac:dyDescent="0.35">
      <c r="AI16245" s="84"/>
      <c r="AM16245" s="84"/>
    </row>
    <row r="16246" spans="35:39" x14ac:dyDescent="0.35">
      <c r="AI16246" s="84"/>
      <c r="AM16246" s="84"/>
    </row>
    <row r="16247" spans="35:39" x14ac:dyDescent="0.35">
      <c r="AI16247" s="84"/>
      <c r="AM16247" s="84"/>
    </row>
    <row r="16248" spans="35:39" x14ac:dyDescent="0.35">
      <c r="AI16248" s="84"/>
      <c r="AM16248" s="84"/>
    </row>
    <row r="16249" spans="35:39" x14ac:dyDescent="0.35">
      <c r="AI16249" s="84"/>
      <c r="AM16249" s="84"/>
    </row>
    <row r="16250" spans="35:39" x14ac:dyDescent="0.35">
      <c r="AI16250" s="84"/>
      <c r="AM16250" s="84"/>
    </row>
    <row r="16251" spans="35:39" x14ac:dyDescent="0.35">
      <c r="AI16251" s="84"/>
      <c r="AM16251" s="84"/>
    </row>
    <row r="16252" spans="35:39" x14ac:dyDescent="0.35">
      <c r="AI16252" s="84"/>
      <c r="AM16252" s="84"/>
    </row>
    <row r="16253" spans="35:39" x14ac:dyDescent="0.35">
      <c r="AI16253" s="84"/>
      <c r="AM16253" s="84"/>
    </row>
    <row r="16254" spans="35:39" x14ac:dyDescent="0.35">
      <c r="AI16254" s="84"/>
      <c r="AM16254" s="84"/>
    </row>
    <row r="16255" spans="35:39" x14ac:dyDescent="0.35">
      <c r="AI16255" s="84"/>
      <c r="AM16255" s="84"/>
    </row>
    <row r="16256" spans="35:39" x14ac:dyDescent="0.35">
      <c r="AI16256" s="84"/>
      <c r="AM16256" s="84"/>
    </row>
    <row r="16257" spans="35:39" x14ac:dyDescent="0.35">
      <c r="AI16257" s="84"/>
      <c r="AM16257" s="84"/>
    </row>
    <row r="16258" spans="35:39" x14ac:dyDescent="0.35">
      <c r="AI16258" s="84"/>
      <c r="AM16258" s="84"/>
    </row>
    <row r="16259" spans="35:39" x14ac:dyDescent="0.35">
      <c r="AI16259" s="84"/>
      <c r="AM16259" s="84"/>
    </row>
    <row r="16260" spans="35:39" x14ac:dyDescent="0.35">
      <c r="AI16260" s="84"/>
      <c r="AM16260" s="84"/>
    </row>
    <row r="16261" spans="35:39" x14ac:dyDescent="0.35">
      <c r="AI16261" s="84"/>
      <c r="AM16261" s="84"/>
    </row>
    <row r="16262" spans="35:39" x14ac:dyDescent="0.35">
      <c r="AI16262" s="84"/>
      <c r="AM16262" s="84"/>
    </row>
    <row r="16263" spans="35:39" x14ac:dyDescent="0.35">
      <c r="AI16263" s="84"/>
      <c r="AM16263" s="84"/>
    </row>
    <row r="16264" spans="35:39" x14ac:dyDescent="0.35">
      <c r="AI16264" s="84"/>
      <c r="AM16264" s="84"/>
    </row>
    <row r="16265" spans="35:39" x14ac:dyDescent="0.35">
      <c r="AI16265" s="84"/>
      <c r="AM16265" s="84"/>
    </row>
    <row r="16266" spans="35:39" x14ac:dyDescent="0.35">
      <c r="AI16266" s="84"/>
      <c r="AM16266" s="84"/>
    </row>
    <row r="16267" spans="35:39" x14ac:dyDescent="0.35">
      <c r="AI16267" s="84"/>
      <c r="AM16267" s="84"/>
    </row>
    <row r="16268" spans="35:39" x14ac:dyDescent="0.35">
      <c r="AI16268" s="84"/>
      <c r="AM16268" s="84"/>
    </row>
    <row r="16269" spans="35:39" x14ac:dyDescent="0.35">
      <c r="AI16269" s="84"/>
      <c r="AM16269" s="84"/>
    </row>
    <row r="16270" spans="35:39" x14ac:dyDescent="0.35">
      <c r="AI16270" s="84"/>
      <c r="AM16270" s="84"/>
    </row>
    <row r="16271" spans="35:39" x14ac:dyDescent="0.35">
      <c r="AI16271" s="84"/>
      <c r="AM16271" s="84"/>
    </row>
    <row r="16272" spans="35:39" x14ac:dyDescent="0.35">
      <c r="AI16272" s="84"/>
      <c r="AM16272" s="84"/>
    </row>
    <row r="16273" spans="35:39" x14ac:dyDescent="0.35">
      <c r="AI16273" s="84"/>
      <c r="AM16273" s="84"/>
    </row>
    <row r="16274" spans="35:39" x14ac:dyDescent="0.35">
      <c r="AI16274" s="84"/>
      <c r="AM16274" s="84"/>
    </row>
    <row r="16275" spans="35:39" x14ac:dyDescent="0.35">
      <c r="AI16275" s="84"/>
      <c r="AM16275" s="84"/>
    </row>
    <row r="16276" spans="35:39" x14ac:dyDescent="0.35">
      <c r="AI16276" s="84"/>
      <c r="AM16276" s="84"/>
    </row>
    <row r="16277" spans="35:39" x14ac:dyDescent="0.35">
      <c r="AI16277" s="84"/>
      <c r="AM16277" s="84"/>
    </row>
    <row r="16278" spans="35:39" x14ac:dyDescent="0.35">
      <c r="AI16278" s="84"/>
      <c r="AM16278" s="84"/>
    </row>
    <row r="16279" spans="35:39" x14ac:dyDescent="0.35">
      <c r="AI16279" s="84"/>
      <c r="AM16279" s="84"/>
    </row>
    <row r="16280" spans="35:39" x14ac:dyDescent="0.35">
      <c r="AI16280" s="84"/>
      <c r="AM16280" s="84"/>
    </row>
    <row r="16281" spans="35:39" x14ac:dyDescent="0.35">
      <c r="AI16281" s="84"/>
      <c r="AM16281" s="84"/>
    </row>
    <row r="16282" spans="35:39" x14ac:dyDescent="0.35">
      <c r="AI16282" s="84"/>
      <c r="AM16282" s="84"/>
    </row>
    <row r="16283" spans="35:39" x14ac:dyDescent="0.35">
      <c r="AI16283" s="84"/>
      <c r="AM16283" s="84"/>
    </row>
    <row r="16284" spans="35:39" x14ac:dyDescent="0.35">
      <c r="AI16284" s="84"/>
      <c r="AM16284" s="84"/>
    </row>
    <row r="16285" spans="35:39" x14ac:dyDescent="0.35">
      <c r="AI16285" s="84"/>
      <c r="AM16285" s="84"/>
    </row>
    <row r="16286" spans="35:39" x14ac:dyDescent="0.35">
      <c r="AI16286" s="84"/>
      <c r="AM16286" s="84"/>
    </row>
    <row r="16287" spans="35:39" x14ac:dyDescent="0.35">
      <c r="AI16287" s="84"/>
      <c r="AM16287" s="84"/>
    </row>
    <row r="16288" spans="35:39" x14ac:dyDescent="0.35">
      <c r="AI16288" s="84"/>
      <c r="AM16288" s="84"/>
    </row>
    <row r="16289" spans="35:39" x14ac:dyDescent="0.35">
      <c r="AI16289" s="84"/>
      <c r="AM16289" s="84"/>
    </row>
    <row r="16290" spans="35:39" x14ac:dyDescent="0.35">
      <c r="AI16290" s="84"/>
      <c r="AM16290" s="84"/>
    </row>
    <row r="16291" spans="35:39" x14ac:dyDescent="0.35">
      <c r="AI16291" s="84"/>
      <c r="AM16291" s="84"/>
    </row>
    <row r="16292" spans="35:39" x14ac:dyDescent="0.35">
      <c r="AI16292" s="84"/>
      <c r="AM16292" s="84"/>
    </row>
    <row r="16293" spans="35:39" x14ac:dyDescent="0.35">
      <c r="AI16293" s="84"/>
      <c r="AM16293" s="84"/>
    </row>
    <row r="16294" spans="35:39" x14ac:dyDescent="0.35">
      <c r="AI16294" s="84"/>
      <c r="AM16294" s="84"/>
    </row>
    <row r="16295" spans="35:39" x14ac:dyDescent="0.35">
      <c r="AI16295" s="84"/>
      <c r="AM16295" s="84"/>
    </row>
    <row r="16296" spans="35:39" x14ac:dyDescent="0.35">
      <c r="AI16296" s="84"/>
      <c r="AM16296" s="84"/>
    </row>
    <row r="16297" spans="35:39" x14ac:dyDescent="0.35">
      <c r="AI16297" s="84"/>
      <c r="AM16297" s="84"/>
    </row>
    <row r="16298" spans="35:39" x14ac:dyDescent="0.35">
      <c r="AI16298" s="84"/>
      <c r="AM16298" s="84"/>
    </row>
    <row r="16299" spans="35:39" x14ac:dyDescent="0.35">
      <c r="AI16299" s="84"/>
      <c r="AM16299" s="84"/>
    </row>
    <row r="16300" spans="35:39" x14ac:dyDescent="0.35">
      <c r="AI16300" s="84"/>
      <c r="AM16300" s="84"/>
    </row>
    <row r="16301" spans="35:39" x14ac:dyDescent="0.35">
      <c r="AI16301" s="84"/>
      <c r="AM16301" s="84"/>
    </row>
    <row r="16302" spans="35:39" x14ac:dyDescent="0.35">
      <c r="AI16302" s="84"/>
      <c r="AM16302" s="84"/>
    </row>
    <row r="16303" spans="35:39" x14ac:dyDescent="0.35">
      <c r="AI16303" s="84"/>
      <c r="AM16303" s="84"/>
    </row>
    <row r="16304" spans="35:39" x14ac:dyDescent="0.35">
      <c r="AI16304" s="84"/>
      <c r="AM16304" s="84"/>
    </row>
    <row r="16305" spans="35:39" x14ac:dyDescent="0.35">
      <c r="AI16305" s="84"/>
      <c r="AM16305" s="84"/>
    </row>
    <row r="16306" spans="35:39" x14ac:dyDescent="0.35">
      <c r="AI16306" s="84"/>
      <c r="AM16306" s="84"/>
    </row>
    <row r="16307" spans="35:39" x14ac:dyDescent="0.35">
      <c r="AI16307" s="84"/>
      <c r="AM16307" s="84"/>
    </row>
    <row r="16308" spans="35:39" x14ac:dyDescent="0.35">
      <c r="AI16308" s="84"/>
      <c r="AM16308" s="84"/>
    </row>
    <row r="16309" spans="35:39" x14ac:dyDescent="0.35">
      <c r="AI16309" s="84"/>
      <c r="AM16309" s="84"/>
    </row>
    <row r="16310" spans="35:39" x14ac:dyDescent="0.35">
      <c r="AI16310" s="84"/>
      <c r="AM16310" s="84"/>
    </row>
    <row r="16311" spans="35:39" x14ac:dyDescent="0.35">
      <c r="AI16311" s="84"/>
      <c r="AM16311" s="84"/>
    </row>
    <row r="16312" spans="35:39" x14ac:dyDescent="0.35">
      <c r="AI16312" s="84"/>
      <c r="AM16312" s="84"/>
    </row>
    <row r="16313" spans="35:39" x14ac:dyDescent="0.35">
      <c r="AI16313" s="84"/>
      <c r="AM16313" s="84"/>
    </row>
    <row r="16314" spans="35:39" x14ac:dyDescent="0.35">
      <c r="AI16314" s="84"/>
      <c r="AM16314" s="84"/>
    </row>
    <row r="16315" spans="35:39" x14ac:dyDescent="0.35">
      <c r="AI16315" s="84"/>
      <c r="AM16315" s="84"/>
    </row>
    <row r="16316" spans="35:39" x14ac:dyDescent="0.35">
      <c r="AI16316" s="84"/>
      <c r="AM16316" s="84"/>
    </row>
    <row r="16317" spans="35:39" x14ac:dyDescent="0.35">
      <c r="AI16317" s="84"/>
      <c r="AM16317" s="84"/>
    </row>
    <row r="16318" spans="35:39" x14ac:dyDescent="0.35">
      <c r="AI16318" s="84"/>
      <c r="AM16318" s="84"/>
    </row>
    <row r="16319" spans="35:39" x14ac:dyDescent="0.35">
      <c r="AI16319" s="84"/>
      <c r="AM16319" s="84"/>
    </row>
    <row r="16320" spans="35:39" x14ac:dyDescent="0.35">
      <c r="AI16320" s="84"/>
      <c r="AM16320" s="84"/>
    </row>
    <row r="16321" spans="35:39" x14ac:dyDescent="0.35">
      <c r="AI16321" s="84"/>
      <c r="AM16321" s="84"/>
    </row>
    <row r="16322" spans="35:39" x14ac:dyDescent="0.35">
      <c r="AI16322" s="84"/>
      <c r="AM16322" s="84"/>
    </row>
    <row r="16323" spans="35:39" x14ac:dyDescent="0.35">
      <c r="AI16323" s="84"/>
      <c r="AM16323" s="84"/>
    </row>
    <row r="16324" spans="35:39" x14ac:dyDescent="0.35">
      <c r="AI16324" s="84"/>
      <c r="AM16324" s="84"/>
    </row>
    <row r="16325" spans="35:39" x14ac:dyDescent="0.35">
      <c r="AI16325" s="84"/>
      <c r="AM16325" s="84"/>
    </row>
    <row r="16326" spans="35:39" x14ac:dyDescent="0.35">
      <c r="AI16326" s="84"/>
      <c r="AM16326" s="84"/>
    </row>
    <row r="16327" spans="35:39" x14ac:dyDescent="0.35">
      <c r="AI16327" s="84"/>
      <c r="AM16327" s="84"/>
    </row>
    <row r="16328" spans="35:39" x14ac:dyDescent="0.35">
      <c r="AI16328" s="84"/>
      <c r="AM16328" s="84"/>
    </row>
    <row r="16329" spans="35:39" x14ac:dyDescent="0.35">
      <c r="AI16329" s="84"/>
      <c r="AM16329" s="84"/>
    </row>
    <row r="16330" spans="35:39" x14ac:dyDescent="0.35">
      <c r="AI16330" s="84"/>
      <c r="AM16330" s="84"/>
    </row>
    <row r="16331" spans="35:39" x14ac:dyDescent="0.35">
      <c r="AI16331" s="84"/>
      <c r="AM16331" s="84"/>
    </row>
    <row r="16332" spans="35:39" x14ac:dyDescent="0.35">
      <c r="AI16332" s="84"/>
      <c r="AM16332" s="84"/>
    </row>
    <row r="16333" spans="35:39" x14ac:dyDescent="0.35">
      <c r="AI16333" s="84"/>
      <c r="AM16333" s="84"/>
    </row>
    <row r="16334" spans="35:39" x14ac:dyDescent="0.35">
      <c r="AI16334" s="84"/>
      <c r="AM16334" s="84"/>
    </row>
    <row r="16335" spans="35:39" x14ac:dyDescent="0.35">
      <c r="AI16335" s="84"/>
      <c r="AM16335" s="84"/>
    </row>
    <row r="16336" spans="35:39" x14ac:dyDescent="0.35">
      <c r="AI16336" s="84"/>
      <c r="AM16336" s="84"/>
    </row>
    <row r="16337" spans="35:39" x14ac:dyDescent="0.35">
      <c r="AI16337" s="84"/>
      <c r="AM16337" s="84"/>
    </row>
    <row r="16338" spans="35:39" x14ac:dyDescent="0.35">
      <c r="AI16338" s="84"/>
      <c r="AM16338" s="84"/>
    </row>
    <row r="16339" spans="35:39" x14ac:dyDescent="0.35">
      <c r="AI16339" s="84"/>
      <c r="AM16339" s="84"/>
    </row>
    <row r="16340" spans="35:39" x14ac:dyDescent="0.35">
      <c r="AI16340" s="84"/>
      <c r="AM16340" s="84"/>
    </row>
    <row r="16341" spans="35:39" x14ac:dyDescent="0.35">
      <c r="AI16341" s="84"/>
      <c r="AM16341" s="84"/>
    </row>
    <row r="16342" spans="35:39" x14ac:dyDescent="0.35">
      <c r="AI16342" s="84"/>
      <c r="AM16342" s="84"/>
    </row>
    <row r="16343" spans="35:39" x14ac:dyDescent="0.35">
      <c r="AI16343" s="84"/>
      <c r="AM16343" s="84"/>
    </row>
    <row r="16344" spans="35:39" x14ac:dyDescent="0.35">
      <c r="AI16344" s="84"/>
      <c r="AM16344" s="84"/>
    </row>
    <row r="16345" spans="35:39" x14ac:dyDescent="0.35">
      <c r="AI16345" s="84"/>
      <c r="AM16345" s="84"/>
    </row>
    <row r="16346" spans="35:39" x14ac:dyDescent="0.35">
      <c r="AI16346" s="84"/>
      <c r="AM16346" s="84"/>
    </row>
    <row r="16347" spans="35:39" x14ac:dyDescent="0.35">
      <c r="AI16347" s="84"/>
      <c r="AM16347" s="84"/>
    </row>
    <row r="16348" spans="35:39" x14ac:dyDescent="0.35">
      <c r="AI16348" s="84"/>
      <c r="AM16348" s="84"/>
    </row>
    <row r="16349" spans="35:39" x14ac:dyDescent="0.35">
      <c r="AI16349" s="84"/>
      <c r="AM16349" s="84"/>
    </row>
  </sheetData>
  <mergeCells count="1">
    <mergeCell ref="Q65:AD65"/>
  </mergeCells>
  <hyperlinks>
    <hyperlink ref="A1" location="CONTENTS!A1" display="TO CONTENTS" xr:uid="{9AC5696E-10D0-41C2-B50D-94AE9006D2E9}"/>
  </hyperlinks>
  <pageMargins left="0.7" right="0.7" top="0.75" bottom="0.75" header="0.3" footer="0.3"/>
  <pageSetup paperSize="9" orientation="portrait"/>
  <drawing r:id="rId1"/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B9FBD8-67ED-4779-AF47-17DB1E5F1F57}">
  <sheetPr>
    <tabColor theme="9"/>
  </sheetPr>
  <dimension ref="A1:AA220"/>
  <sheetViews>
    <sheetView topLeftCell="A30" zoomScale="66" zoomScaleNormal="80" workbookViewId="0">
      <selection activeCell="B39" sqref="B39"/>
    </sheetView>
  </sheetViews>
  <sheetFormatPr defaultColWidth="9.08984375" defaultRowHeight="14.5" x14ac:dyDescent="0.35"/>
  <cols>
    <col min="1" max="1" width="19.453125" customWidth="1"/>
    <col min="2" max="2" width="26.81640625" customWidth="1"/>
    <col min="3" max="3" width="25.453125" customWidth="1"/>
    <col min="4" max="4" width="13" bestFit="1" customWidth="1"/>
    <col min="16" max="16" width="11.36328125" customWidth="1"/>
    <col min="17" max="17" width="18.453125" customWidth="1"/>
    <col min="28" max="28" width="10.6328125" bestFit="1" customWidth="1"/>
  </cols>
  <sheetData>
    <row r="1" spans="1:17" x14ac:dyDescent="0.35">
      <c r="A1" s="16" t="s">
        <v>217</v>
      </c>
      <c r="B1" t="s">
        <v>224</v>
      </c>
    </row>
    <row r="2" spans="1:17" x14ac:dyDescent="0.35">
      <c r="D2" t="s">
        <v>179</v>
      </c>
      <c r="G2" t="s">
        <v>180</v>
      </c>
      <c r="Q2" t="s">
        <v>171</v>
      </c>
    </row>
    <row r="39" spans="1:27" x14ac:dyDescent="0.35">
      <c r="B39" s="2"/>
    </row>
    <row r="42" spans="1:27" x14ac:dyDescent="0.35">
      <c r="C42" s="2"/>
    </row>
    <row r="43" spans="1:27" x14ac:dyDescent="0.35">
      <c r="AA43" s="2"/>
    </row>
    <row r="44" spans="1:27" ht="15" thickBot="1" x14ac:dyDescent="0.4">
      <c r="C44" s="2"/>
      <c r="AA44" s="2"/>
    </row>
    <row r="45" spans="1:27" ht="15" thickBot="1" x14ac:dyDescent="0.4">
      <c r="C45" s="504" t="s">
        <v>267</v>
      </c>
      <c r="D45" s="505"/>
      <c r="E45" s="505"/>
      <c r="F45" s="505"/>
      <c r="G45" s="505"/>
      <c r="H45" s="505"/>
      <c r="I45" s="505"/>
      <c r="J45" s="505"/>
      <c r="K45" s="505"/>
      <c r="L45" s="505"/>
      <c r="M45" s="505"/>
      <c r="N45" s="505"/>
      <c r="O45" s="506"/>
      <c r="U45" s="2"/>
    </row>
    <row r="46" spans="1:27" ht="21.65" customHeight="1" thickBot="1" x14ac:dyDescent="0.4">
      <c r="C46" s="277" t="s">
        <v>25</v>
      </c>
      <c r="D46" s="278">
        <v>2011</v>
      </c>
      <c r="E46" s="279">
        <v>2012</v>
      </c>
      <c r="F46" s="279">
        <v>2013</v>
      </c>
      <c r="G46" s="279">
        <v>2014</v>
      </c>
      <c r="H46" s="279">
        <v>2015</v>
      </c>
      <c r="I46" s="279">
        <v>2016</v>
      </c>
      <c r="J46" s="279">
        <v>2017</v>
      </c>
      <c r="K46" s="279">
        <v>2018</v>
      </c>
      <c r="L46" s="279">
        <v>2019</v>
      </c>
      <c r="M46" s="279">
        <v>2020</v>
      </c>
      <c r="N46" s="279">
        <v>2021</v>
      </c>
      <c r="O46" s="280">
        <v>2022</v>
      </c>
    </row>
    <row r="47" spans="1:27" x14ac:dyDescent="0.35">
      <c r="A47" s="103" t="s">
        <v>0</v>
      </c>
      <c r="B47" s="103" t="s">
        <v>223</v>
      </c>
      <c r="C47" s="271" t="s">
        <v>0</v>
      </c>
      <c r="D47" s="272"/>
      <c r="E47" s="273">
        <v>30</v>
      </c>
      <c r="F47" s="273">
        <v>24</v>
      </c>
      <c r="G47" s="273">
        <v>24</v>
      </c>
      <c r="H47" s="274"/>
      <c r="I47" s="275">
        <v>25</v>
      </c>
      <c r="J47" s="273" t="s">
        <v>23</v>
      </c>
      <c r="K47" s="273">
        <v>27.450592854375387</v>
      </c>
      <c r="L47" s="273">
        <v>26.050098060011983</v>
      </c>
      <c r="M47" s="273">
        <v>25.768907383601846</v>
      </c>
      <c r="N47" s="273">
        <v>26.5</v>
      </c>
      <c r="O47" s="276">
        <v>27.511331649103028</v>
      </c>
    </row>
    <row r="48" spans="1:27" ht="17" customHeight="1" x14ac:dyDescent="0.35">
      <c r="A48" s="103" t="s">
        <v>1</v>
      </c>
      <c r="B48" s="103" t="s">
        <v>223</v>
      </c>
      <c r="C48" s="269" t="s">
        <v>139</v>
      </c>
      <c r="D48" s="265">
        <v>21</v>
      </c>
      <c r="E48" s="253">
        <v>21.9</v>
      </c>
      <c r="F48" s="253">
        <v>21.6</v>
      </c>
      <c r="G48" s="253">
        <v>22.4</v>
      </c>
      <c r="H48" s="253">
        <v>21.5</v>
      </c>
      <c r="I48" s="252">
        <v>26.2</v>
      </c>
      <c r="J48" s="251">
        <v>23.653247933620854</v>
      </c>
      <c r="K48" s="251">
        <v>19.403875797296966</v>
      </c>
      <c r="L48" s="251">
        <v>25.584761395568449</v>
      </c>
      <c r="M48" s="251">
        <v>28.200167516116746</v>
      </c>
      <c r="N48" s="251">
        <v>22.714151668043918</v>
      </c>
      <c r="O48" s="260">
        <v>21.452201914691599</v>
      </c>
    </row>
    <row r="49" spans="1:15" x14ac:dyDescent="0.35">
      <c r="A49" s="103" t="s">
        <v>1</v>
      </c>
      <c r="B49" s="103" t="s">
        <v>39</v>
      </c>
      <c r="C49" s="269" t="s">
        <v>140</v>
      </c>
      <c r="D49" s="266">
        <v>41.2</v>
      </c>
      <c r="E49" s="251">
        <v>25.6</v>
      </c>
      <c r="F49" s="251">
        <v>24.8</v>
      </c>
      <c r="G49" s="251">
        <v>35.799999999999997</v>
      </c>
      <c r="H49" s="251">
        <v>41.9</v>
      </c>
      <c r="I49" s="252"/>
      <c r="J49" s="251">
        <v>41.226320721813977</v>
      </c>
      <c r="K49" s="251">
        <v>65.668869490485818</v>
      </c>
      <c r="L49" s="251">
        <v>39.931431884173854</v>
      </c>
      <c r="M49" s="251">
        <v>41.597125386929612</v>
      </c>
      <c r="N49" s="251">
        <v>34.957206669759529</v>
      </c>
      <c r="O49" s="260">
        <v>33.572283117135868</v>
      </c>
    </row>
    <row r="50" spans="1:15" x14ac:dyDescent="0.35">
      <c r="A50" s="103" t="s">
        <v>1</v>
      </c>
      <c r="B50" s="103" t="s">
        <v>221</v>
      </c>
      <c r="C50" s="269" t="s">
        <v>141</v>
      </c>
      <c r="D50" s="266"/>
      <c r="E50" s="251"/>
      <c r="F50" s="251"/>
      <c r="G50" s="251"/>
      <c r="H50" s="251"/>
      <c r="I50" s="252">
        <v>26.2</v>
      </c>
      <c r="J50" s="251">
        <v>29.115706255132658</v>
      </c>
      <c r="K50" s="251">
        <v>28.421454815549296</v>
      </c>
      <c r="L50" s="251">
        <v>31.070535600309736</v>
      </c>
      <c r="M50" s="251">
        <v>34.191147961778043</v>
      </c>
      <c r="N50" s="251">
        <v>28.470529172254526</v>
      </c>
      <c r="O50" s="260">
        <v>26.835361066307424</v>
      </c>
    </row>
    <row r="51" spans="1:15" x14ac:dyDescent="0.35">
      <c r="A51" s="103" t="s">
        <v>2</v>
      </c>
      <c r="B51" s="103" t="s">
        <v>223</v>
      </c>
      <c r="C51" s="269" t="s">
        <v>2</v>
      </c>
      <c r="D51" s="266"/>
      <c r="E51" s="251"/>
      <c r="F51" s="251"/>
      <c r="G51" s="251"/>
      <c r="H51" s="251"/>
      <c r="I51" s="252">
        <v>29.470000000000002</v>
      </c>
      <c r="J51" s="251">
        <v>29.4</v>
      </c>
      <c r="K51" s="251">
        <v>29.7</v>
      </c>
      <c r="L51" s="251">
        <v>28.542076975344138</v>
      </c>
      <c r="M51" s="251">
        <v>30.57634848442839</v>
      </c>
      <c r="N51" s="251">
        <v>29.646809286216069</v>
      </c>
      <c r="O51" s="260">
        <v>30.113589291441123</v>
      </c>
    </row>
    <row r="52" spans="1:15" x14ac:dyDescent="0.35">
      <c r="A52" s="103" t="s">
        <v>3</v>
      </c>
      <c r="B52" s="103" t="s">
        <v>221</v>
      </c>
      <c r="C52" s="269" t="s">
        <v>142</v>
      </c>
      <c r="D52" s="266"/>
      <c r="E52" s="251">
        <v>22.4</v>
      </c>
      <c r="F52" s="251">
        <v>23.7</v>
      </c>
      <c r="G52" s="251">
        <v>21.6</v>
      </c>
      <c r="H52" s="251">
        <v>19.7</v>
      </c>
      <c r="I52" s="252">
        <v>18.5</v>
      </c>
      <c r="J52" s="251">
        <v>19.543621875920351</v>
      </c>
      <c r="K52" s="251">
        <v>22.70696843359142</v>
      </c>
      <c r="L52" s="251">
        <v>22.05370732767993</v>
      </c>
      <c r="M52" s="251">
        <v>23.872950819672131</v>
      </c>
      <c r="N52" s="251">
        <v>25</v>
      </c>
      <c r="O52" s="260">
        <v>24.096270928462708</v>
      </c>
    </row>
    <row r="53" spans="1:15" x14ac:dyDescent="0.35">
      <c r="A53" s="103" t="s">
        <v>3</v>
      </c>
      <c r="B53" s="103" t="s">
        <v>223</v>
      </c>
      <c r="C53" s="269" t="s">
        <v>143</v>
      </c>
      <c r="D53" s="266"/>
      <c r="E53" s="251"/>
      <c r="F53" s="251"/>
      <c r="G53" s="251"/>
      <c r="H53" s="251"/>
      <c r="I53" s="252"/>
      <c r="J53" s="251"/>
      <c r="K53" s="251"/>
      <c r="L53" s="251"/>
      <c r="M53" s="251"/>
      <c r="N53" s="251"/>
      <c r="O53" s="260">
        <v>23.944928739449285</v>
      </c>
    </row>
    <row r="54" spans="1:15" x14ac:dyDescent="0.35">
      <c r="A54" s="103" t="s">
        <v>3</v>
      </c>
      <c r="B54" s="103" t="s">
        <v>39</v>
      </c>
      <c r="C54" s="269" t="s">
        <v>144</v>
      </c>
      <c r="D54" s="266"/>
      <c r="E54" s="251"/>
      <c r="F54" s="251"/>
      <c r="G54" s="251"/>
      <c r="H54" s="251"/>
      <c r="I54" s="252"/>
      <c r="J54" s="251"/>
      <c r="K54" s="251"/>
      <c r="L54" s="251"/>
      <c r="M54" s="251"/>
      <c r="N54" s="251"/>
      <c r="O54" s="260">
        <v>26.682648401826487</v>
      </c>
    </row>
    <row r="55" spans="1:15" x14ac:dyDescent="0.35">
      <c r="A55" s="103" t="s">
        <v>4</v>
      </c>
      <c r="B55" s="103" t="s">
        <v>221</v>
      </c>
      <c r="C55" s="269" t="s">
        <v>145</v>
      </c>
      <c r="D55" s="266">
        <v>28.4</v>
      </c>
      <c r="E55" s="251">
        <v>22.6</v>
      </c>
      <c r="F55" s="251">
        <v>27.1</v>
      </c>
      <c r="G55" s="251">
        <v>30.8</v>
      </c>
      <c r="H55" s="251">
        <v>32.6</v>
      </c>
      <c r="I55" s="252">
        <v>28.4</v>
      </c>
      <c r="J55" s="251">
        <v>31.900000000000002</v>
      </c>
      <c r="K55" s="251">
        <v>28.4</v>
      </c>
      <c r="L55" s="251">
        <v>30.290809132619234</v>
      </c>
      <c r="M55" s="251">
        <v>30.477690055106088</v>
      </c>
      <c r="N55" s="251">
        <v>27.942774124458165</v>
      </c>
      <c r="O55" s="260">
        <v>31.160381933026461</v>
      </c>
    </row>
    <row r="56" spans="1:15" x14ac:dyDescent="0.35">
      <c r="A56" s="103" t="s">
        <v>4</v>
      </c>
      <c r="B56" s="103" t="s">
        <v>223</v>
      </c>
      <c r="C56" s="269" t="s">
        <v>146</v>
      </c>
      <c r="D56" s="266"/>
      <c r="E56" s="251"/>
      <c r="F56" s="251"/>
      <c r="G56" s="251"/>
      <c r="H56" s="251"/>
      <c r="I56" s="252">
        <v>22.5</v>
      </c>
      <c r="J56" s="251">
        <v>24.9</v>
      </c>
      <c r="K56" s="251">
        <v>24.4</v>
      </c>
      <c r="L56" s="251">
        <v>25.903833959641432</v>
      </c>
      <c r="M56" s="251">
        <v>25.136518065745523</v>
      </c>
      <c r="N56" s="251">
        <v>21.225981043617853</v>
      </c>
      <c r="O56" s="260">
        <v>25.155302152222998</v>
      </c>
    </row>
    <row r="57" spans="1:15" x14ac:dyDescent="0.35">
      <c r="A57" s="103" t="s">
        <v>4</v>
      </c>
      <c r="B57" s="103" t="s">
        <v>39</v>
      </c>
      <c r="C57" s="269" t="s">
        <v>147</v>
      </c>
      <c r="D57" s="266"/>
      <c r="E57" s="251"/>
      <c r="F57" s="251"/>
      <c r="G57" s="251"/>
      <c r="H57" s="251"/>
      <c r="I57" s="252">
        <v>41.8</v>
      </c>
      <c r="J57" s="251">
        <v>46.800000000000004</v>
      </c>
      <c r="K57" s="251">
        <v>41.6</v>
      </c>
      <c r="L57" s="251">
        <v>41.619661563255441</v>
      </c>
      <c r="M57" s="251">
        <v>44.318966071666921</v>
      </c>
      <c r="N57" s="251">
        <v>43.252713466672496</v>
      </c>
      <c r="O57" s="260">
        <v>43.286415884973486</v>
      </c>
    </row>
    <row r="58" spans="1:15" x14ac:dyDescent="0.35">
      <c r="A58" s="103" t="s">
        <v>5</v>
      </c>
      <c r="B58" s="103" t="s">
        <v>221</v>
      </c>
      <c r="C58" s="269" t="s">
        <v>5</v>
      </c>
      <c r="D58" s="266">
        <v>28</v>
      </c>
      <c r="E58" s="251">
        <v>24</v>
      </c>
      <c r="F58" s="251">
        <v>26</v>
      </c>
      <c r="G58" s="251">
        <v>27</v>
      </c>
      <c r="H58" s="251">
        <v>32</v>
      </c>
      <c r="I58" s="254">
        <v>27</v>
      </c>
      <c r="J58" s="251">
        <v>32.5</v>
      </c>
      <c r="K58" s="251">
        <v>32.300000000000004</v>
      </c>
      <c r="L58" s="251">
        <v>32.700000000000003</v>
      </c>
      <c r="M58" s="251">
        <v>35</v>
      </c>
      <c r="N58" s="251">
        <v>33</v>
      </c>
      <c r="O58" s="260">
        <v>33.200000000000003</v>
      </c>
    </row>
    <row r="59" spans="1:15" x14ac:dyDescent="0.35">
      <c r="A59" s="103" t="s">
        <v>6</v>
      </c>
      <c r="B59" s="103" t="s">
        <v>223</v>
      </c>
      <c r="C59" s="269" t="s">
        <v>6</v>
      </c>
      <c r="D59" s="266">
        <v>21.7</v>
      </c>
      <c r="E59" s="251">
        <v>24</v>
      </c>
      <c r="F59" s="251">
        <v>23.2</v>
      </c>
      <c r="G59" s="251">
        <v>22.6</v>
      </c>
      <c r="H59" s="251">
        <v>24.3</v>
      </c>
      <c r="I59" s="252">
        <v>21.7</v>
      </c>
      <c r="J59" s="251">
        <v>21.8</v>
      </c>
      <c r="K59" s="251">
        <v>21.099999999999998</v>
      </c>
      <c r="L59" s="251">
        <v>24.41402404545104</v>
      </c>
      <c r="M59" s="251">
        <v>26.499258634846839</v>
      </c>
      <c r="N59" s="251">
        <v>22.895591523534378</v>
      </c>
      <c r="O59" s="260">
        <v>21.914570182422896</v>
      </c>
    </row>
    <row r="60" spans="1:15" x14ac:dyDescent="0.35">
      <c r="A60" s="103" t="s">
        <v>7</v>
      </c>
      <c r="B60" s="103" t="s">
        <v>223</v>
      </c>
      <c r="C60" s="269" t="s">
        <v>148</v>
      </c>
      <c r="D60" s="266"/>
      <c r="E60" s="251"/>
      <c r="F60" s="251"/>
      <c r="G60" s="251"/>
      <c r="H60" s="253">
        <v>22.7</v>
      </c>
      <c r="I60" s="221">
        <v>17.100000000000001</v>
      </c>
      <c r="J60" s="251">
        <v>21.077873472507932</v>
      </c>
      <c r="K60" s="251">
        <v>19.782019141394809</v>
      </c>
      <c r="L60" s="251">
        <v>21.499448540857667</v>
      </c>
      <c r="M60" s="251">
        <v>21.770629926982096</v>
      </c>
      <c r="N60" s="251">
        <v>18.234407928649834</v>
      </c>
      <c r="O60" s="260">
        <v>20.050759866627736</v>
      </c>
    </row>
    <row r="61" spans="1:15" x14ac:dyDescent="0.35">
      <c r="A61" s="103" t="s">
        <v>7</v>
      </c>
      <c r="B61" s="103" t="s">
        <v>39</v>
      </c>
      <c r="C61" s="269" t="s">
        <v>149</v>
      </c>
      <c r="D61" s="266"/>
      <c r="E61" s="251"/>
      <c r="F61" s="251"/>
      <c r="G61" s="251"/>
      <c r="H61" s="251">
        <v>45.7</v>
      </c>
      <c r="I61" s="221">
        <v>37.9</v>
      </c>
      <c r="J61" s="251">
        <v>42.312971876416917</v>
      </c>
      <c r="K61" s="251">
        <v>37.120779275073509</v>
      </c>
      <c r="L61" s="251">
        <v>39.913816673788574</v>
      </c>
      <c r="M61" s="251">
        <v>40.101180840629738</v>
      </c>
      <c r="N61" s="251">
        <v>35.208376585066041</v>
      </c>
      <c r="O61" s="260">
        <v>36.097197916038063</v>
      </c>
    </row>
    <row r="62" spans="1:15" x14ac:dyDescent="0.35">
      <c r="A62" s="103" t="s">
        <v>7</v>
      </c>
      <c r="B62" s="103" t="s">
        <v>221</v>
      </c>
      <c r="C62" s="269" t="s">
        <v>150</v>
      </c>
      <c r="D62" s="266">
        <v>19</v>
      </c>
      <c r="E62" s="250"/>
      <c r="F62" s="251">
        <v>18.5</v>
      </c>
      <c r="G62" s="251">
        <v>18.7</v>
      </c>
      <c r="H62" s="251"/>
      <c r="I62" s="252">
        <v>18.8</v>
      </c>
      <c r="J62" s="251">
        <v>23.008907584011805</v>
      </c>
      <c r="K62" s="251">
        <v>21.57331188819478</v>
      </c>
      <c r="L62" s="251">
        <v>23.652755909340822</v>
      </c>
      <c r="M62" s="251">
        <v>24.052128266420908</v>
      </c>
      <c r="N62" s="251">
        <v>20.342128034847459</v>
      </c>
      <c r="O62" s="260">
        <v>22.01298869469181</v>
      </c>
    </row>
    <row r="63" spans="1:15" x14ac:dyDescent="0.35">
      <c r="A63" s="103" t="s">
        <v>9</v>
      </c>
      <c r="B63" s="103" t="s">
        <v>221</v>
      </c>
      <c r="C63" s="269" t="s">
        <v>9</v>
      </c>
      <c r="D63" s="266">
        <v>31.6</v>
      </c>
      <c r="E63" s="251">
        <v>28.4</v>
      </c>
      <c r="F63" s="251">
        <v>30.5</v>
      </c>
      <c r="G63" s="251">
        <v>28.7</v>
      </c>
      <c r="H63" s="251">
        <v>32.299999999999997</v>
      </c>
      <c r="I63" s="254">
        <v>27</v>
      </c>
      <c r="J63" s="251">
        <v>27.54</v>
      </c>
      <c r="K63" s="251">
        <v>28.410621335914886</v>
      </c>
      <c r="L63" s="251">
        <v>28.000000000000004</v>
      </c>
      <c r="M63" s="251">
        <v>31.027182702795642</v>
      </c>
      <c r="N63" s="251">
        <v>25</v>
      </c>
      <c r="O63" s="260">
        <v>27.900000000000002</v>
      </c>
    </row>
    <row r="64" spans="1:15" x14ac:dyDescent="0.35">
      <c r="A64" s="103" t="s">
        <v>9</v>
      </c>
      <c r="B64" s="103" t="s">
        <v>223</v>
      </c>
      <c r="C64" s="269" t="s">
        <v>151</v>
      </c>
      <c r="D64" s="266"/>
      <c r="E64" s="251"/>
      <c r="F64" s="251"/>
      <c r="G64" s="251"/>
      <c r="H64" s="251"/>
      <c r="I64" s="254"/>
      <c r="J64" s="251"/>
      <c r="K64" s="251"/>
      <c r="L64" s="251"/>
      <c r="M64" s="251"/>
      <c r="N64" s="251">
        <v>25.139204153130599</v>
      </c>
      <c r="O64" s="260">
        <v>28.162265718111492</v>
      </c>
    </row>
    <row r="65" spans="1:15" x14ac:dyDescent="0.35">
      <c r="A65" s="103" t="s">
        <v>9</v>
      </c>
      <c r="B65" s="103" t="s">
        <v>39</v>
      </c>
      <c r="C65" s="269" t="s">
        <v>152</v>
      </c>
      <c r="D65" s="266"/>
      <c r="E65" s="251"/>
      <c r="F65" s="251"/>
      <c r="G65" s="251"/>
      <c r="H65" s="251"/>
      <c r="I65" s="254"/>
      <c r="J65" s="251"/>
      <c r="K65" s="251"/>
      <c r="L65" s="251"/>
      <c r="M65" s="251"/>
      <c r="N65" s="251">
        <v>34.785468528637928</v>
      </c>
      <c r="O65" s="260">
        <v>34.785468528637928</v>
      </c>
    </row>
    <row r="66" spans="1:15" x14ac:dyDescent="0.35">
      <c r="A66" s="103" t="s">
        <v>10</v>
      </c>
      <c r="B66" s="103" t="s">
        <v>223</v>
      </c>
      <c r="C66" s="269" t="s">
        <v>10</v>
      </c>
      <c r="D66" s="266">
        <v>18</v>
      </c>
      <c r="E66" s="251"/>
      <c r="F66" s="251">
        <v>21</v>
      </c>
      <c r="G66" s="251">
        <v>20</v>
      </c>
      <c r="H66" s="251">
        <v>19.2</v>
      </c>
      <c r="I66" s="254"/>
      <c r="J66" s="251">
        <v>21.6</v>
      </c>
      <c r="K66" s="251">
        <v>20.3</v>
      </c>
      <c r="L66" s="251">
        <v>22.3</v>
      </c>
      <c r="M66" s="251">
        <v>19.900000000000002</v>
      </c>
      <c r="N66" s="251">
        <v>22.1</v>
      </c>
      <c r="O66" s="260">
        <v>20.9</v>
      </c>
    </row>
    <row r="67" spans="1:15" x14ac:dyDescent="0.35">
      <c r="A67" s="103" t="s">
        <v>11</v>
      </c>
      <c r="B67" s="103" t="s">
        <v>221</v>
      </c>
      <c r="C67" s="269" t="s">
        <v>11</v>
      </c>
      <c r="D67" s="266"/>
      <c r="E67" s="251"/>
      <c r="F67" s="251"/>
      <c r="G67" s="251"/>
      <c r="H67" s="251"/>
      <c r="I67" s="252">
        <v>19</v>
      </c>
      <c r="J67" s="251">
        <v>19.97587740597389</v>
      </c>
      <c r="K67" s="251">
        <v>21.000029166707176</v>
      </c>
      <c r="L67" s="251">
        <v>20.221270727555897</v>
      </c>
      <c r="M67" s="251">
        <v>20.80275546110451</v>
      </c>
      <c r="N67" s="251">
        <v>21.546112832968589</v>
      </c>
      <c r="O67" s="260">
        <v>21.512754480902107</v>
      </c>
    </row>
    <row r="68" spans="1:15" x14ac:dyDescent="0.35">
      <c r="A68" s="103" t="s">
        <v>12</v>
      </c>
      <c r="B68" s="103" t="s">
        <v>221</v>
      </c>
      <c r="C68" s="269" t="s">
        <v>12</v>
      </c>
      <c r="D68" s="266"/>
      <c r="E68" s="251"/>
      <c r="F68" s="251"/>
      <c r="G68" s="251">
        <v>23.7</v>
      </c>
      <c r="H68" s="251"/>
      <c r="I68" s="254"/>
      <c r="J68" s="251">
        <v>21.729552190979732</v>
      </c>
      <c r="K68" s="251">
        <v>22.990184239741939</v>
      </c>
      <c r="L68" s="251">
        <v>21.856903588952687</v>
      </c>
      <c r="M68" s="251">
        <v>22.717550383002088</v>
      </c>
      <c r="N68" s="251">
        <v>21.468802768423497</v>
      </c>
      <c r="O68" s="260">
        <v>21.638283288404814</v>
      </c>
    </row>
    <row r="69" spans="1:15" x14ac:dyDescent="0.35">
      <c r="A69" s="103" t="s">
        <v>14</v>
      </c>
      <c r="B69" s="103" t="s">
        <v>223</v>
      </c>
      <c r="C69" s="269" t="s">
        <v>153</v>
      </c>
      <c r="D69" s="266"/>
      <c r="E69" s="251">
        <v>20</v>
      </c>
      <c r="F69" s="251">
        <v>22.3</v>
      </c>
      <c r="G69" s="251">
        <v>22</v>
      </c>
      <c r="H69" s="253">
        <v>25.6</v>
      </c>
      <c r="I69" s="252">
        <v>21.3</v>
      </c>
      <c r="J69" s="251">
        <v>24</v>
      </c>
      <c r="K69" s="251">
        <v>22.733882055884191</v>
      </c>
      <c r="L69" s="251">
        <v>24.648065761959632</v>
      </c>
      <c r="M69" s="251">
        <v>26.393046697615226</v>
      </c>
      <c r="N69" s="251">
        <v>25.936112363944723</v>
      </c>
      <c r="O69" s="260">
        <v>26.172770148593528</v>
      </c>
    </row>
    <row r="70" spans="1:15" x14ac:dyDescent="0.35">
      <c r="A70" s="103" t="s">
        <v>14</v>
      </c>
      <c r="B70" s="103" t="s">
        <v>39</v>
      </c>
      <c r="C70" s="269" t="s">
        <v>154</v>
      </c>
      <c r="D70" s="266"/>
      <c r="E70" s="251">
        <v>39.5</v>
      </c>
      <c r="F70" s="251">
        <v>38.6</v>
      </c>
      <c r="G70" s="251">
        <v>37.5</v>
      </c>
      <c r="H70" s="251">
        <v>40</v>
      </c>
      <c r="I70" s="252">
        <v>39.4</v>
      </c>
      <c r="J70" s="251">
        <v>44.1</v>
      </c>
      <c r="K70" s="251">
        <v>41.1770038600459</v>
      </c>
      <c r="L70" s="251">
        <v>39.960302123740952</v>
      </c>
      <c r="M70" s="251"/>
      <c r="N70" s="251">
        <v>38.81278538812785</v>
      </c>
      <c r="O70" s="260">
        <v>37.774109922209647</v>
      </c>
    </row>
    <row r="71" spans="1:15" x14ac:dyDescent="0.35">
      <c r="A71" s="103" t="s">
        <v>14</v>
      </c>
      <c r="B71" s="103" t="s">
        <v>221</v>
      </c>
      <c r="C71" s="269" t="s">
        <v>155</v>
      </c>
      <c r="D71" s="266"/>
      <c r="E71" s="251"/>
      <c r="F71" s="251"/>
      <c r="G71" s="251"/>
      <c r="H71" s="251">
        <v>27.5</v>
      </c>
      <c r="I71" s="252">
        <v>24.45</v>
      </c>
      <c r="J71" s="251">
        <v>28.499999999999996</v>
      </c>
      <c r="K71" s="251">
        <v>26.890262031530664</v>
      </c>
      <c r="L71" s="251">
        <v>27.992920863129388</v>
      </c>
      <c r="M71" s="251"/>
      <c r="N71" s="251">
        <v>30.440335473005565</v>
      </c>
      <c r="O71" s="260">
        <v>29.763273291224436</v>
      </c>
    </row>
    <row r="72" spans="1:15" x14ac:dyDescent="0.35">
      <c r="A72" s="103" t="s">
        <v>15</v>
      </c>
      <c r="B72" s="103" t="s">
        <v>221</v>
      </c>
      <c r="C72" s="269" t="s">
        <v>15</v>
      </c>
      <c r="D72" s="266">
        <v>31.3</v>
      </c>
      <c r="E72" s="251">
        <v>31.2</v>
      </c>
      <c r="F72" s="251">
        <v>29.2</v>
      </c>
      <c r="G72" s="251">
        <v>31</v>
      </c>
      <c r="H72" s="251">
        <v>35</v>
      </c>
      <c r="I72" s="252">
        <v>28.7</v>
      </c>
      <c r="J72" s="251">
        <v>32.6</v>
      </c>
      <c r="K72" s="251">
        <v>32.800000000000004</v>
      </c>
      <c r="L72" s="251">
        <v>33.5</v>
      </c>
      <c r="M72" s="251">
        <v>37.4</v>
      </c>
      <c r="N72" s="251">
        <v>32.9</v>
      </c>
      <c r="O72" s="260">
        <v>34.578340501329862</v>
      </c>
    </row>
    <row r="73" spans="1:15" x14ac:dyDescent="0.35">
      <c r="A73" s="103" t="s">
        <v>16</v>
      </c>
      <c r="B73" s="103" t="s">
        <v>221</v>
      </c>
      <c r="C73" s="269" t="s">
        <v>16</v>
      </c>
      <c r="D73" s="266">
        <v>26</v>
      </c>
      <c r="E73" s="251">
        <v>28</v>
      </c>
      <c r="F73" s="251">
        <v>29</v>
      </c>
      <c r="G73" s="251">
        <v>28</v>
      </c>
      <c r="H73" s="251">
        <v>27</v>
      </c>
      <c r="I73" s="252">
        <v>27.6</v>
      </c>
      <c r="J73" s="251">
        <v>27.700000000000003</v>
      </c>
      <c r="K73" s="251">
        <v>27.1</v>
      </c>
      <c r="L73" s="251">
        <v>28.799999999999997</v>
      </c>
      <c r="M73" s="251">
        <v>25.8</v>
      </c>
      <c r="N73" s="251">
        <v>25.6</v>
      </c>
      <c r="O73" s="260">
        <v>26.700000000000003</v>
      </c>
    </row>
    <row r="74" spans="1:15" x14ac:dyDescent="0.35">
      <c r="A74" s="103" t="s">
        <v>17</v>
      </c>
      <c r="B74" s="103" t="s">
        <v>221</v>
      </c>
      <c r="C74" s="269" t="s">
        <v>17</v>
      </c>
      <c r="D74" s="266"/>
      <c r="E74" s="251">
        <v>24.1</v>
      </c>
      <c r="F74" s="251">
        <v>26.9</v>
      </c>
      <c r="G74" s="251">
        <v>25.4</v>
      </c>
      <c r="H74" s="251">
        <v>23.9</v>
      </c>
      <c r="I74" s="252">
        <v>23.48</v>
      </c>
      <c r="J74" s="251">
        <v>23.728677875717608</v>
      </c>
      <c r="K74" s="251">
        <v>23.78</v>
      </c>
      <c r="L74" s="251">
        <v>24.07</v>
      </c>
      <c r="M74" s="251">
        <v>22.972076711705554</v>
      </c>
      <c r="N74" s="251">
        <v>24.885605667599332</v>
      </c>
      <c r="O74" s="260">
        <v>24.04508922027037</v>
      </c>
    </row>
    <row r="75" spans="1:15" x14ac:dyDescent="0.35">
      <c r="A75" s="103" t="s">
        <v>18</v>
      </c>
      <c r="B75" s="103" t="s">
        <v>221</v>
      </c>
      <c r="C75" s="269" t="s">
        <v>18</v>
      </c>
      <c r="D75" s="266"/>
      <c r="E75" s="251">
        <v>26</v>
      </c>
      <c r="F75" s="251">
        <v>28.3</v>
      </c>
      <c r="G75" s="251">
        <v>26.7</v>
      </c>
      <c r="H75" s="251">
        <v>33</v>
      </c>
      <c r="I75" s="252">
        <v>30</v>
      </c>
      <c r="J75" s="251">
        <v>30.39074905598736</v>
      </c>
      <c r="K75" s="251">
        <v>25.974229061112155</v>
      </c>
      <c r="L75" s="251">
        <v>26.037023068802441</v>
      </c>
      <c r="M75" s="251">
        <v>31.153832917647016</v>
      </c>
      <c r="N75" s="251">
        <v>27.893184844051273</v>
      </c>
      <c r="O75" s="260">
        <v>28.620336804483344</v>
      </c>
    </row>
    <row r="76" spans="1:15" x14ac:dyDescent="0.35">
      <c r="A76" s="103" t="s">
        <v>18</v>
      </c>
      <c r="B76" s="103" t="s">
        <v>223</v>
      </c>
      <c r="C76" s="269" t="s">
        <v>156</v>
      </c>
      <c r="D76" s="266"/>
      <c r="E76" s="251"/>
      <c r="F76" s="251"/>
      <c r="G76" s="251"/>
      <c r="H76" s="251"/>
      <c r="I76" s="252"/>
      <c r="J76" s="251"/>
      <c r="K76" s="251"/>
      <c r="L76" s="251"/>
      <c r="M76" s="251"/>
      <c r="N76" s="251">
        <v>27.811075677120112</v>
      </c>
      <c r="O76" s="260">
        <v>28.561416481930831</v>
      </c>
    </row>
    <row r="77" spans="1:15" x14ac:dyDescent="0.35">
      <c r="A77" s="103" t="s">
        <v>18</v>
      </c>
      <c r="B77" s="103" t="s">
        <v>39</v>
      </c>
      <c r="C77" s="269" t="s">
        <v>157</v>
      </c>
      <c r="D77" s="266"/>
      <c r="E77" s="251"/>
      <c r="F77" s="251"/>
      <c r="G77" s="251"/>
      <c r="H77" s="251"/>
      <c r="I77" s="252"/>
      <c r="J77" s="251"/>
      <c r="K77" s="251"/>
      <c r="L77" s="251"/>
      <c r="M77" s="251"/>
      <c r="N77" s="251">
        <v>32.531289185416519</v>
      </c>
      <c r="O77" s="260">
        <v>32.531289185416519</v>
      </c>
    </row>
    <row r="78" spans="1:15" x14ac:dyDescent="0.35">
      <c r="A78" s="103" t="s">
        <v>20</v>
      </c>
      <c r="B78" s="103" t="s">
        <v>223</v>
      </c>
      <c r="C78" s="269" t="s">
        <v>158</v>
      </c>
      <c r="D78" s="267">
        <v>27.4</v>
      </c>
      <c r="E78" s="151">
        <v>27.4</v>
      </c>
      <c r="F78" s="255"/>
      <c r="G78" s="151">
        <v>26.4</v>
      </c>
      <c r="H78" s="151"/>
      <c r="I78" s="256"/>
      <c r="J78" s="251">
        <v>25.5</v>
      </c>
      <c r="K78" s="251">
        <v>26.400000000000002</v>
      </c>
      <c r="L78" s="251">
        <v>26.5</v>
      </c>
      <c r="M78" s="251">
        <v>28.110750131736729</v>
      </c>
      <c r="N78" s="251">
        <v>23.189858123043134</v>
      </c>
      <c r="O78" s="260">
        <v>27.384004541258083</v>
      </c>
    </row>
    <row r="79" spans="1:15" x14ac:dyDescent="0.35">
      <c r="A79" s="103" t="s">
        <v>20</v>
      </c>
      <c r="B79" s="103" t="s">
        <v>39</v>
      </c>
      <c r="C79" s="269" t="s">
        <v>159</v>
      </c>
      <c r="D79" s="267">
        <v>36.700000000000003</v>
      </c>
      <c r="E79" s="251">
        <v>36.700000000000003</v>
      </c>
      <c r="F79" s="151"/>
      <c r="G79" s="251">
        <v>37</v>
      </c>
      <c r="H79" s="151"/>
      <c r="I79" s="257"/>
      <c r="J79" s="251">
        <v>34.200000000000003</v>
      </c>
      <c r="K79" s="251">
        <v>40.1</v>
      </c>
      <c r="L79" s="251">
        <v>40.5</v>
      </c>
      <c r="M79" s="251">
        <v>45.693467360615216</v>
      </c>
      <c r="N79" s="251">
        <v>37.393375439787071</v>
      </c>
      <c r="O79" s="260">
        <v>40.834617035966879</v>
      </c>
    </row>
    <row r="80" spans="1:15" x14ac:dyDescent="0.35">
      <c r="A80" s="103" t="s">
        <v>20</v>
      </c>
      <c r="B80" s="103" t="s">
        <v>221</v>
      </c>
      <c r="C80" s="269" t="s">
        <v>160</v>
      </c>
      <c r="D80" s="267"/>
      <c r="E80" s="151"/>
      <c r="F80" s="151"/>
      <c r="G80" s="151"/>
      <c r="H80" s="258">
        <v>34</v>
      </c>
      <c r="I80" s="257"/>
      <c r="J80" s="251">
        <v>28.499999999999996</v>
      </c>
      <c r="K80" s="251">
        <v>31.4</v>
      </c>
      <c r="L80" s="251">
        <v>32</v>
      </c>
      <c r="M80" s="251">
        <v>35.479808807002833</v>
      </c>
      <c r="N80" s="251">
        <v>29.311268850542625</v>
      </c>
      <c r="O80" s="260">
        <v>33.603529825239178</v>
      </c>
    </row>
    <row r="81" spans="1:16" x14ac:dyDescent="0.35">
      <c r="A81" s="103" t="s">
        <v>21</v>
      </c>
      <c r="B81" s="103" t="s">
        <v>221</v>
      </c>
      <c r="C81" s="269" t="s">
        <v>161</v>
      </c>
      <c r="D81" s="268">
        <v>33</v>
      </c>
      <c r="E81" s="258">
        <v>33</v>
      </c>
      <c r="F81" s="258">
        <v>32.1</v>
      </c>
      <c r="G81" s="258">
        <v>32.299999999999997</v>
      </c>
      <c r="H81" s="258">
        <v>32</v>
      </c>
      <c r="I81" s="259">
        <v>34.299999999999997</v>
      </c>
      <c r="J81" s="251">
        <v>34.464600310247278</v>
      </c>
      <c r="K81" s="251">
        <v>34.980465686945514</v>
      </c>
      <c r="L81" s="251">
        <v>35</v>
      </c>
      <c r="M81" s="251">
        <v>33.23418268866218</v>
      </c>
      <c r="N81" s="251">
        <v>35</v>
      </c>
      <c r="O81" s="260">
        <v>35.475161365883174</v>
      </c>
    </row>
    <row r="82" spans="1:16" x14ac:dyDescent="0.35">
      <c r="A82" s="103" t="s">
        <v>21</v>
      </c>
      <c r="B82" s="103" t="s">
        <v>39</v>
      </c>
      <c r="C82" s="269" t="s">
        <v>162</v>
      </c>
      <c r="D82" s="261"/>
      <c r="E82" s="261"/>
      <c r="F82" s="261"/>
      <c r="G82" s="261"/>
      <c r="H82" s="261"/>
      <c r="I82" s="261"/>
      <c r="J82" s="251">
        <v>39.700000000000003</v>
      </c>
      <c r="K82" s="251">
        <v>44.658295281582951</v>
      </c>
      <c r="L82" s="251">
        <v>44.821917808219183</v>
      </c>
      <c r="M82" s="251">
        <v>38.020200870269178</v>
      </c>
      <c r="N82" s="251">
        <v>36.4</v>
      </c>
      <c r="O82" s="260">
        <v>44.044085670797998</v>
      </c>
    </row>
    <row r="83" spans="1:16" ht="15" thickBot="1" x14ac:dyDescent="0.4">
      <c r="A83" s="103" t="s">
        <v>21</v>
      </c>
      <c r="B83" s="103" t="s">
        <v>223</v>
      </c>
      <c r="C83" s="270" t="s">
        <v>163</v>
      </c>
      <c r="D83" s="262"/>
      <c r="E83" s="262"/>
      <c r="F83" s="262"/>
      <c r="G83" s="262"/>
      <c r="H83" s="262"/>
      <c r="I83" s="262"/>
      <c r="J83" s="263">
        <v>33.95878364025355</v>
      </c>
      <c r="K83" s="263">
        <v>34.977097032397062</v>
      </c>
      <c r="L83" s="263">
        <v>33.896703980120591</v>
      </c>
      <c r="M83" s="263">
        <v>33.232693843083972</v>
      </c>
      <c r="N83" s="263">
        <v>34.817604857700005</v>
      </c>
      <c r="O83" s="264">
        <v>35.472588400490331</v>
      </c>
    </row>
    <row r="84" spans="1:16" x14ac:dyDescent="0.35">
      <c r="C84" s="281" t="s">
        <v>164</v>
      </c>
      <c r="D84" s="282">
        <f t="shared" ref="D84:J84" si="0">AVERAGE(D47:D81)</f>
        <v>27.946153846153841</v>
      </c>
      <c r="E84" s="261">
        <f t="shared" si="0"/>
        <v>27.341176470588234</v>
      </c>
      <c r="F84" s="261">
        <f t="shared" si="0"/>
        <v>26.28235294117647</v>
      </c>
      <c r="G84" s="261">
        <f t="shared" si="0"/>
        <v>27.079999999999995</v>
      </c>
      <c r="H84" s="261">
        <f t="shared" si="0"/>
        <v>29.994736842105262</v>
      </c>
      <c r="I84" s="261">
        <f t="shared" si="0"/>
        <v>26.77391304347826</v>
      </c>
      <c r="J84" s="261">
        <f t="shared" si="0"/>
        <v>28.991718091368949</v>
      </c>
      <c r="K84" s="261">
        <f>AVERAGE(K47:K83)</f>
        <v>29.848385207994337</v>
      </c>
      <c r="L84" s="261">
        <f>AVERAGE(L47:L83)</f>
        <v>29.784905451307193</v>
      </c>
      <c r="M84" s="283">
        <f>AVERAGE(M47:M83)</f>
        <v>30.465536827212581</v>
      </c>
      <c r="N84" s="283">
        <f>AVERAGE(N47:N83)</f>
        <v>28.638650104474834</v>
      </c>
      <c r="O84" s="283">
        <f>AVERAGE(O47:O83)</f>
        <v>29.393124760799232</v>
      </c>
    </row>
    <row r="85" spans="1:16" x14ac:dyDescent="0.35">
      <c r="B85" t="s">
        <v>221</v>
      </c>
      <c r="C85" s="284" t="s">
        <v>165</v>
      </c>
      <c r="D85" s="101">
        <f t="shared" ref="D85:O87" si="1">AVERAGEIFS(D$47:D$83,$B$47:$B$83,"="&amp;$B85)</f>
        <v>28.185714285714287</v>
      </c>
      <c r="E85" s="100">
        <f t="shared" si="1"/>
        <v>26.633333333333333</v>
      </c>
      <c r="F85" s="100">
        <f t="shared" si="1"/>
        <v>27.130000000000003</v>
      </c>
      <c r="G85" s="100">
        <f t="shared" si="1"/>
        <v>26.718181818181822</v>
      </c>
      <c r="H85" s="100">
        <f t="shared" si="1"/>
        <v>29.90909090909091</v>
      </c>
      <c r="I85" s="100">
        <f t="shared" si="1"/>
        <v>25.648461538461536</v>
      </c>
      <c r="J85" s="100">
        <f t="shared" si="1"/>
        <v>27.413179503598045</v>
      </c>
      <c r="K85" s="100">
        <f t="shared" si="1"/>
        <v>27.248501777285856</v>
      </c>
      <c r="L85" s="100">
        <f t="shared" si="1"/>
        <v>27.816395081226013</v>
      </c>
      <c r="M85" s="99">
        <f t="shared" si="1"/>
        <v>29.155807626778358</v>
      </c>
      <c r="N85" s="99">
        <f t="shared" si="1"/>
        <v>27.253382784543405</v>
      </c>
      <c r="O85" s="99">
        <f t="shared" si="1"/>
        <v>28.076118093348381</v>
      </c>
    </row>
    <row r="86" spans="1:16" x14ac:dyDescent="0.35">
      <c r="B86" t="s">
        <v>223</v>
      </c>
      <c r="C86" s="284" t="s">
        <v>166</v>
      </c>
      <c r="D86" s="101">
        <f t="shared" si="1"/>
        <v>22.024999999999999</v>
      </c>
      <c r="E86" s="100">
        <f t="shared" si="1"/>
        <v>24.660000000000004</v>
      </c>
      <c r="F86" s="100">
        <f t="shared" si="1"/>
        <v>22.419999999999998</v>
      </c>
      <c r="G86" s="100">
        <f t="shared" si="1"/>
        <v>22.900000000000002</v>
      </c>
      <c r="H86" s="100">
        <f t="shared" si="1"/>
        <v>22.660000000000004</v>
      </c>
      <c r="I86" s="100">
        <f t="shared" si="1"/>
        <v>23.324285714285715</v>
      </c>
      <c r="J86" s="100">
        <f t="shared" si="1"/>
        <v>25.098878338486927</v>
      </c>
      <c r="K86" s="100">
        <f t="shared" si="1"/>
        <v>24.624746688134842</v>
      </c>
      <c r="L86" s="100">
        <f t="shared" si="1"/>
        <v>25.93390127189549</v>
      </c>
      <c r="M86" s="99">
        <f t="shared" si="1"/>
        <v>26.558832068415732</v>
      </c>
      <c r="N86" s="99">
        <f t="shared" si="1"/>
        <v>25.017566385416718</v>
      </c>
      <c r="O86" s="99">
        <f t="shared" si="1"/>
        <v>25.907363775872536</v>
      </c>
    </row>
    <row r="87" spans="1:16" ht="15" thickBot="1" x14ac:dyDescent="0.4">
      <c r="B87" t="s">
        <v>39</v>
      </c>
      <c r="C87" s="284" t="s">
        <v>167</v>
      </c>
      <c r="D87" s="98">
        <f t="shared" si="1"/>
        <v>38.950000000000003</v>
      </c>
      <c r="E87" s="95">
        <f t="shared" si="1"/>
        <v>33.93333333333333</v>
      </c>
      <c r="F87" s="95">
        <f t="shared" si="1"/>
        <v>31.700000000000003</v>
      </c>
      <c r="G87" s="95">
        <f t="shared" si="1"/>
        <v>36.766666666666666</v>
      </c>
      <c r="H87" s="95">
        <f t="shared" si="1"/>
        <v>42.533333333333331</v>
      </c>
      <c r="I87" s="95">
        <f t="shared" si="1"/>
        <v>39.699999999999996</v>
      </c>
      <c r="J87" s="95">
        <f t="shared" si="1"/>
        <v>41.389882099705147</v>
      </c>
      <c r="K87" s="95">
        <f t="shared" si="1"/>
        <v>45.054157984531365</v>
      </c>
      <c r="L87" s="95">
        <f t="shared" si="1"/>
        <v>41.124521675529671</v>
      </c>
      <c r="M87" s="94">
        <f t="shared" si="1"/>
        <v>41.946188106022127</v>
      </c>
      <c r="N87" s="94">
        <f t="shared" si="1"/>
        <v>36.667651907933426</v>
      </c>
      <c r="O87" s="94">
        <f t="shared" si="1"/>
        <v>36.623123962555866</v>
      </c>
      <c r="P87" s="2"/>
    </row>
    <row r="88" spans="1:16" x14ac:dyDescent="0.35">
      <c r="C88" s="284" t="s">
        <v>168</v>
      </c>
      <c r="D88" s="142">
        <f t="array" ref="D88">MIN(IF($B$47:$B$83=$B$86,IF(D47:D83&gt;0,D47:D83)))</f>
        <v>18</v>
      </c>
      <c r="E88" s="285">
        <f t="array" ref="E88">MIN(IF($B$47:$B$83=$B$86,IF(E47:E83&gt;0,E47:E83)))</f>
        <v>20</v>
      </c>
      <c r="F88" s="285">
        <f t="array" ref="F88">MIN(IF($B$47:$B$83=$B$86,IF(F47:F83&gt;0,F47:F83)))</f>
        <v>21</v>
      </c>
      <c r="G88" s="285">
        <f t="array" ref="G88">MIN(IF($B$47:$B$83=$B$86,IF(G47:G83&gt;0,G47:G83)))</f>
        <v>20</v>
      </c>
      <c r="H88" s="285">
        <f t="array" ref="H88">MIN(IF($B$47:$B$83=$B$86,IF(H47:H83&gt;0,H47:H83)))</f>
        <v>19.2</v>
      </c>
      <c r="I88" s="97">
        <f t="array" ref="I88">MIN(IF($B$47:$B$83=$B$86,IF(I47:I83&gt;0,I47:I83)))</f>
        <v>17.100000000000001</v>
      </c>
      <c r="J88" s="97">
        <f t="array" ref="J88">MIN(IF($B$47:$B$83=$B$86,IF(J47:J83&gt;0,J47:J83)))</f>
        <v>21.077873472507932</v>
      </c>
      <c r="K88" s="97">
        <f t="array" ref="K88">MIN(IF($B$47:$B$83=$B$86,IF(K47:K83&gt;0,K47:K83)))</f>
        <v>19.403875797296966</v>
      </c>
      <c r="L88" s="97">
        <f t="array" ref="L88">MIN(IF($B$47:$B$83=$B$86,IF(L47:L83&gt;0,L47:L83)))</f>
        <v>21.499448540857667</v>
      </c>
      <c r="M88" s="96">
        <f t="array" ref="M88">MIN(IF($B$47:$B$83=$B$86,IF(M47:M83&gt;0,M47:M83)))</f>
        <v>19.900000000000002</v>
      </c>
      <c r="N88" s="96">
        <f t="array" ref="N88">MIN(IF($B$47:$B$83=$B$86,IF(N47:N83&gt;0,N47:N83)))</f>
        <v>18.234407928649834</v>
      </c>
      <c r="O88" s="96">
        <f t="array" ref="O88">MIN(IF($B$47:$B$83=$B$86,IF(O47:O83&gt;0,O47:O83)))</f>
        <v>20.050759866627736</v>
      </c>
    </row>
    <row r="89" spans="1:16" ht="15" thickBot="1" x14ac:dyDescent="0.4">
      <c r="C89" s="284" t="s">
        <v>169</v>
      </c>
      <c r="D89" s="139">
        <f t="array" ref="D89">MAX(IF($B$47:$B$83=$B$86,D47:D83))</f>
        <v>27.4</v>
      </c>
      <c r="E89" s="286">
        <f t="array" ref="E89">MAX(IF($B$47:$B$83=$B$86,E47:E83))</f>
        <v>30</v>
      </c>
      <c r="F89" s="286">
        <f t="array" ref="F89">MAX(IF($B$47:$B$83=$B$86,F47:F83))</f>
        <v>24</v>
      </c>
      <c r="G89" s="286">
        <f t="array" ref="G89">MAX(IF($B$47:$B$83=$B$86,G47:G83))</f>
        <v>26.4</v>
      </c>
      <c r="H89" s="286">
        <f t="array" ref="H89">MAX(IF($B$47:$B$83=$B$86,H47:H83))</f>
        <v>25.6</v>
      </c>
      <c r="I89" s="95">
        <f t="array" ref="I89">MAX(IF($B$47:$B$83=$B$86,I47:I83))</f>
        <v>29.470000000000002</v>
      </c>
      <c r="J89" s="95">
        <f t="array" ref="J89">MAX(IF($B$47:$B$83=$B$86,J47:J83))</f>
        <v>33.95878364025355</v>
      </c>
      <c r="K89" s="95">
        <f t="array" ref="K89">MAX(IF($B$47:$B$83=$B$86,K47:K83))</f>
        <v>34.977097032397062</v>
      </c>
      <c r="L89" s="95">
        <f t="array" ref="L89">MAX(IF($B$47:$B$83=$B$86,L47:L83))</f>
        <v>33.896703980120591</v>
      </c>
      <c r="M89" s="94">
        <f t="array" ref="M89">MAX(IF($B$47:$B$83=$B$86,M47:M83))</f>
        <v>33.232693843083972</v>
      </c>
      <c r="N89" s="94">
        <f t="array" ref="N89">MAX(IF($B$47:$B$83=$B$86,N47:N83))</f>
        <v>34.817604857700005</v>
      </c>
      <c r="O89" s="94">
        <f t="array" ref="O89">MAX(IF($B$47:$B$83=$B$86,O47:O83))</f>
        <v>35.472588400490331</v>
      </c>
      <c r="P89" s="2"/>
    </row>
    <row r="90" spans="1:16" x14ac:dyDescent="0.35">
      <c r="C90" s="284" t="s">
        <v>170</v>
      </c>
      <c r="D90" s="142">
        <f t="array" ref="D90">MIN(IF($B$47:$B$83=$B$87,IF(D47:D83&gt;0,D47:D83)))</f>
        <v>36.700000000000003</v>
      </c>
      <c r="E90" s="285">
        <f t="array" ref="E90">MIN(IF($B$47:$B$83=$B$87,IF(E47:E83&gt;0,E47:E83)))</f>
        <v>25.6</v>
      </c>
      <c r="F90" s="285">
        <f t="array" ref="F90">MIN(IF($B$47:$B$83=$B$87,IF(F47:F83&gt;0,F47:F83)))</f>
        <v>24.8</v>
      </c>
      <c r="G90" s="285">
        <f t="array" ref="G90">MIN(IF($B$47:$B$83=$B$87,IF(G47:G83&gt;0,G47:G83)))</f>
        <v>35.799999999999997</v>
      </c>
      <c r="H90" s="285">
        <f t="array" ref="H90">MIN(IF($B$47:$B$83=$B$87,IF(H47:H83&gt;0,H47:H83)))</f>
        <v>40</v>
      </c>
      <c r="I90" s="97">
        <f t="array" ref="I90">MIN(IF($B$47:$B$83=$B$87,IF(I47:I83&gt;0,I47:I83)))</f>
        <v>37.9</v>
      </c>
      <c r="J90" s="97">
        <f t="array" ref="J90">MIN(IF($B$47:$B$83=$B$87,IF(J47:J83&gt;0,J47:J83)))</f>
        <v>34.200000000000003</v>
      </c>
      <c r="K90" s="97">
        <f t="array" ref="K90">MIN(IF($B$47:$B$83=$B$87,IF(K47:K83&gt;0,K47:K83)))</f>
        <v>37.120779275073509</v>
      </c>
      <c r="L90" s="97">
        <f t="array" ref="L90">MIN(IF($B$47:$B$83=$B$87,IF(L47:L83&gt;0,L47:L83)))</f>
        <v>39.913816673788574</v>
      </c>
      <c r="M90" s="96">
        <f t="array" ref="M90">MIN(IF($B$47:$B$83=$B$87,IF(M47:M83&gt;0,M47:M83)))</f>
        <v>38.020200870269178</v>
      </c>
      <c r="N90" s="96">
        <f t="array" ref="N90">MIN(IF($B$47:$B$83=$B$87,IF(N47:N83&gt;0,N47:N83)))</f>
        <v>32.531289185416519</v>
      </c>
      <c r="O90" s="96">
        <f t="array" ref="O90">MIN(IF($B$47:$B$83=$B$87,IF(O47:O83&gt;0,O47:O83)))</f>
        <v>26.682648401826487</v>
      </c>
    </row>
    <row r="91" spans="1:16" ht="15" thickBot="1" x14ac:dyDescent="0.4">
      <c r="C91" s="287" t="s">
        <v>222</v>
      </c>
      <c r="D91" s="139">
        <f t="array" ref="D91">MAX(IF($B$47:$B$83=$B$87,D47:D83))</f>
        <v>41.2</v>
      </c>
      <c r="E91" s="286">
        <f t="array" ref="E91">MAX(IF($B$47:$B$83=$B$87,E47:E83))</f>
        <v>39.5</v>
      </c>
      <c r="F91" s="286">
        <f t="array" ref="F91">MAX(IF($B$47:$B$83=$B$87,F47:F83))</f>
        <v>38.6</v>
      </c>
      <c r="G91" s="286">
        <f t="array" ref="G91">MAX(IF($B$47:$B$83=$B$87,G47:G83))</f>
        <v>37.5</v>
      </c>
      <c r="H91" s="286">
        <f t="array" ref="H91">MAX(IF($B$47:$B$83=$B$87,H47:H83))</f>
        <v>45.7</v>
      </c>
      <c r="I91" s="95">
        <f t="array" ref="I91">MAX(IF($B$47:$B$83=$B$87,I47:I83))</f>
        <v>41.8</v>
      </c>
      <c r="J91" s="95">
        <f t="array" ref="J91">MAX(IF($B$47:$B$83=$B$87,J47:J83))</f>
        <v>46.800000000000004</v>
      </c>
      <c r="K91" s="95">
        <f t="array" ref="K91">MAX(IF($B$47:$B$83=$B$87,K47:K83))</f>
        <v>65.668869490485818</v>
      </c>
      <c r="L91" s="95">
        <f t="array" ref="L91">MAX(IF($B$47:$B$83=$B$87,L47:L83))</f>
        <v>44.821917808219183</v>
      </c>
      <c r="M91" s="94">
        <f t="array" ref="M91">MAX(IF($B$47:$B$83=$B$87,M47:M83))</f>
        <v>45.693467360615216</v>
      </c>
      <c r="N91" s="94">
        <f t="array" ref="N91">MAX(IF($B$47:$B$83=$B$87,N47:N83))</f>
        <v>43.252713466672496</v>
      </c>
      <c r="O91" s="94">
        <f t="array" ref="O91">MAX(IF($B$47:$B$83=$B$87,O47:O83))</f>
        <v>44.044085670797998</v>
      </c>
    </row>
    <row r="92" spans="1:16" ht="15" thickBot="1" x14ac:dyDescent="0.4"/>
    <row r="93" spans="1:16" ht="37.25" customHeight="1" thickBot="1" x14ac:dyDescent="0.4">
      <c r="C93" s="442" t="s">
        <v>178</v>
      </c>
      <c r="D93" s="443"/>
      <c r="E93" s="443"/>
      <c r="F93" s="443"/>
      <c r="G93" s="443"/>
      <c r="H93" s="443"/>
      <c r="I93" s="443"/>
      <c r="J93" s="443"/>
      <c r="K93" s="443"/>
      <c r="L93" s="443"/>
      <c r="M93" s="443"/>
      <c r="N93" s="443"/>
      <c r="O93" s="444"/>
    </row>
    <row r="94" spans="1:16" x14ac:dyDescent="0.35">
      <c r="C94" s="2"/>
    </row>
    <row r="96" spans="1:16" x14ac:dyDescent="0.35">
      <c r="C96" t="s">
        <v>171</v>
      </c>
    </row>
    <row r="97" spans="3:3" x14ac:dyDescent="0.35">
      <c r="C97" s="93" t="s">
        <v>172</v>
      </c>
    </row>
    <row r="98" spans="3:3" x14ac:dyDescent="0.35">
      <c r="C98" t="s">
        <v>173</v>
      </c>
    </row>
    <row r="99" spans="3:3" x14ac:dyDescent="0.35">
      <c r="C99" t="s">
        <v>174</v>
      </c>
    </row>
    <row r="103" spans="3:3" x14ac:dyDescent="0.35">
      <c r="C103" t="s">
        <v>175</v>
      </c>
    </row>
    <row r="104" spans="3:3" x14ac:dyDescent="0.35">
      <c r="C104" t="s">
        <v>176</v>
      </c>
    </row>
    <row r="105" spans="3:3" x14ac:dyDescent="0.35">
      <c r="C105" t="s">
        <v>177</v>
      </c>
    </row>
    <row r="135" spans="3:3" x14ac:dyDescent="0.35">
      <c r="C135" s="38"/>
    </row>
    <row r="184" spans="11:19" x14ac:dyDescent="0.35"/>
    <row r="185" spans="11:19" x14ac:dyDescent="0.35">
      <c r="K185" s="38"/>
    </row>
    <row r="219" spans="11:19" x14ac:dyDescent="0.35"/>
    <row r="220" spans="11:19" x14ac:dyDescent="0.35">
      <c r="K220" s="38"/>
    </row>
  </sheetData>
  <mergeCells count="2">
    <mergeCell ref="C93:O93"/>
    <mergeCell ref="C45:O45"/>
  </mergeCells>
  <hyperlinks>
    <hyperlink ref="A1" location="CONTENTS!A1" display="TO CONTENTS" xr:uid="{F193B87E-9879-4897-9B0B-A44DABAA72B5}"/>
  </hyperlinks>
  <pageMargins left="0.7" right="0.7" top="0.75" bottom="0.75" header="0.3" footer="0.3"/>
  <drawing r:id="rId1"/>
  <legacy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F168256-245A-4FF0-9691-91A31894FE24}">
  <sheetPr>
    <tabColor theme="9"/>
  </sheetPr>
  <dimension ref="A1:AG100"/>
  <sheetViews>
    <sheetView topLeftCell="B1" zoomScale="65" zoomScaleNormal="75" workbookViewId="0">
      <selection activeCell="R74" sqref="R74"/>
    </sheetView>
  </sheetViews>
  <sheetFormatPr defaultColWidth="9.08984375" defaultRowHeight="14.5" x14ac:dyDescent="0.35"/>
  <cols>
    <col min="1" max="1" width="9.08984375" style="105"/>
    <col min="2" max="2" width="10.08984375" style="105" customWidth="1"/>
    <col min="3" max="3" width="11" style="105" customWidth="1"/>
    <col min="4" max="4" width="8.453125" style="105" bestFit="1" customWidth="1"/>
    <col min="5" max="5" width="6.453125" customWidth="1"/>
    <col min="6" max="25" width="9.08984375" style="105"/>
    <col min="26" max="26" width="7.453125" style="105" customWidth="1"/>
    <col min="27" max="27" width="9" style="105" customWidth="1"/>
    <col min="28" max="16384" width="9.08984375" style="105"/>
  </cols>
  <sheetData>
    <row r="1" spans="1:33" x14ac:dyDescent="0.35">
      <c r="A1" s="16" t="s">
        <v>217</v>
      </c>
      <c r="M1" s="136"/>
      <c r="N1" s="137"/>
      <c r="O1" s="135"/>
    </row>
    <row r="2" spans="1:33" x14ac:dyDescent="0.35">
      <c r="C2" s="1"/>
      <c r="E2" s="2"/>
      <c r="M2" s="136"/>
      <c r="N2" s="136"/>
      <c r="O2" s="135"/>
    </row>
    <row r="3" spans="1:33" ht="12.5" x14ac:dyDescent="0.25">
      <c r="E3" s="105"/>
    </row>
    <row r="4" spans="1:33" x14ac:dyDescent="0.35">
      <c r="E4" s="2"/>
    </row>
    <row r="5" spans="1:33" ht="13" x14ac:dyDescent="0.3">
      <c r="E5" s="134"/>
    </row>
    <row r="6" spans="1:33" x14ac:dyDescent="0.35">
      <c r="F6"/>
      <c r="G6"/>
      <c r="H6"/>
      <c r="I6"/>
      <c r="J6"/>
      <c r="K6"/>
      <c r="L6"/>
      <c r="M6"/>
      <c r="N6"/>
      <c r="O6"/>
      <c r="P6"/>
      <c r="Q6"/>
      <c r="R6"/>
      <c r="S6"/>
      <c r="T6"/>
      <c r="U6"/>
      <c r="V6"/>
      <c r="W6"/>
      <c r="X6"/>
      <c r="Y6"/>
      <c r="Z6"/>
      <c r="AA6"/>
    </row>
    <row r="7" spans="1:33" x14ac:dyDescent="0.35">
      <c r="A7" s="127" t="s">
        <v>236</v>
      </c>
      <c r="B7" s="133"/>
      <c r="C7" s="133"/>
    </row>
    <row r="8" spans="1:33" x14ac:dyDescent="0.35">
      <c r="A8" s="105">
        <v>2003</v>
      </c>
      <c r="B8" s="131"/>
      <c r="C8" s="130"/>
      <c r="D8" s="11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</row>
    <row r="9" spans="1:33" x14ac:dyDescent="0.35">
      <c r="A9" s="105">
        <v>2004</v>
      </c>
      <c r="B9" s="131"/>
      <c r="C9" s="130"/>
      <c r="D9" s="115"/>
      <c r="F9" s="5"/>
      <c r="G9" s="5"/>
      <c r="H9" s="5"/>
      <c r="I9" s="5"/>
      <c r="J9" s="5"/>
      <c r="K9" s="5"/>
      <c r="L9" s="5"/>
      <c r="M9" s="5"/>
      <c r="N9" s="5"/>
      <c r="O9" s="5"/>
      <c r="P9" s="5"/>
      <c r="Q9" s="5"/>
      <c r="R9" s="5"/>
      <c r="S9" s="5"/>
      <c r="T9" s="5"/>
      <c r="U9" s="5"/>
      <c r="V9" s="5"/>
      <c r="W9" s="5"/>
      <c r="X9" s="5"/>
      <c r="Y9" s="5"/>
      <c r="Z9" s="5"/>
      <c r="AA9" s="5"/>
    </row>
    <row r="10" spans="1:33" x14ac:dyDescent="0.35">
      <c r="A10" s="105">
        <v>2005</v>
      </c>
      <c r="B10" s="131"/>
      <c r="C10" s="130"/>
      <c r="D10" s="115"/>
      <c r="F10" s="5"/>
      <c r="G10" s="5"/>
      <c r="H10" s="5"/>
      <c r="I10" s="5"/>
      <c r="J10" s="5"/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</row>
    <row r="11" spans="1:33" x14ac:dyDescent="0.35">
      <c r="A11" s="105">
        <v>2006</v>
      </c>
      <c r="B11" s="131"/>
      <c r="C11" s="130"/>
      <c r="D11" s="115"/>
      <c r="F11" s="5"/>
      <c r="G11" s="5"/>
      <c r="H11" s="5"/>
      <c r="I11" s="5"/>
      <c r="J11" s="5"/>
      <c r="K11" s="5"/>
      <c r="L11" s="5"/>
      <c r="M11" s="5"/>
      <c r="N11" s="5"/>
      <c r="O11" s="5"/>
      <c r="P11" s="5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</row>
    <row r="12" spans="1:33" x14ac:dyDescent="0.35">
      <c r="A12" s="105">
        <v>2007</v>
      </c>
      <c r="B12" s="131"/>
      <c r="C12" s="130"/>
      <c r="D12" s="115"/>
      <c r="F12" s="5"/>
      <c r="G12" s="5"/>
      <c r="H12" s="5"/>
      <c r="I12" s="5"/>
      <c r="J12" s="5"/>
      <c r="K12" s="5"/>
      <c r="L12" s="5"/>
      <c r="M12" s="5"/>
      <c r="N12" s="5"/>
      <c r="O12" s="5"/>
      <c r="P12" s="5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</row>
    <row r="13" spans="1:33" s="132" customFormat="1" x14ac:dyDescent="0.35">
      <c r="A13" s="105">
        <v>2008</v>
      </c>
      <c r="B13" s="131"/>
      <c r="C13" s="130"/>
      <c r="D13" s="115"/>
      <c r="F13" s="5"/>
      <c r="G13" s="5"/>
      <c r="H13" s="5"/>
      <c r="I13" s="5"/>
      <c r="J13" s="5"/>
      <c r="K13" s="5"/>
      <c r="L13" s="5"/>
      <c r="M13" s="5"/>
      <c r="N13" s="5"/>
      <c r="O13" s="5"/>
      <c r="P13" s="5"/>
      <c r="Q13" s="5"/>
      <c r="R13" s="5"/>
      <c r="S13" s="5"/>
      <c r="T13" s="5"/>
      <c r="U13" s="5"/>
      <c r="V13" s="5"/>
      <c r="W13" s="5"/>
      <c r="X13" s="5"/>
      <c r="Y13" s="5"/>
      <c r="Z13" s="5"/>
      <c r="AA13" s="5"/>
      <c r="AC13" s="105"/>
      <c r="AD13" s="105"/>
    </row>
    <row r="14" spans="1:33" s="132" customFormat="1" x14ac:dyDescent="0.35">
      <c r="A14" s="105">
        <v>2009</v>
      </c>
      <c r="B14" s="131"/>
      <c r="C14" s="130"/>
      <c r="D14" s="115"/>
      <c r="F14" s="5"/>
      <c r="G14" s="5"/>
      <c r="H14" s="5"/>
      <c r="I14" s="5"/>
      <c r="J14" s="5"/>
      <c r="K14" s="5"/>
      <c r="L14" s="5"/>
      <c r="M14" s="5"/>
      <c r="N14" s="5"/>
      <c r="O14" s="5"/>
      <c r="P14" s="5"/>
      <c r="Q14" s="5"/>
      <c r="R14" s="5"/>
      <c r="S14" s="5"/>
      <c r="T14" s="5"/>
      <c r="U14" s="5"/>
      <c r="V14" s="5"/>
      <c r="W14" s="5"/>
      <c r="X14" s="5"/>
      <c r="Y14" s="5"/>
      <c r="Z14" s="5"/>
      <c r="AA14" s="5"/>
      <c r="AC14" s="105"/>
      <c r="AD14" s="105"/>
    </row>
    <row r="15" spans="1:33" s="132" customFormat="1" x14ac:dyDescent="0.35">
      <c r="A15" s="105">
        <v>2010</v>
      </c>
      <c r="B15" s="131"/>
      <c r="C15" s="130"/>
      <c r="D15" s="115"/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5"/>
      <c r="S15" s="5"/>
      <c r="T15" s="5"/>
      <c r="U15" s="5"/>
      <c r="V15" s="5"/>
      <c r="W15" s="5"/>
      <c r="X15" s="5"/>
      <c r="Y15" s="5"/>
      <c r="Z15" s="5"/>
      <c r="AA15" s="5"/>
      <c r="AC15" s="105"/>
      <c r="AD15" s="105"/>
    </row>
    <row r="16" spans="1:33" x14ac:dyDescent="0.35">
      <c r="A16" s="105">
        <v>2011</v>
      </c>
      <c r="B16" s="131"/>
      <c r="C16" s="130"/>
      <c r="D16" s="115"/>
      <c r="F16" s="5"/>
      <c r="G16" s="5"/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5"/>
      <c r="Z16" s="5"/>
      <c r="AA16" s="5"/>
      <c r="AG16" s="110"/>
    </row>
    <row r="17" spans="1:27" x14ac:dyDescent="0.35">
      <c r="A17" s="105">
        <v>2012</v>
      </c>
      <c r="B17" s="131"/>
      <c r="C17" s="130"/>
      <c r="D17" s="115"/>
      <c r="F17" s="5"/>
      <c r="G17" s="5"/>
      <c r="H17" s="5"/>
      <c r="I17" s="5"/>
      <c r="J17" s="5"/>
      <c r="K17" s="5"/>
      <c r="L17" s="5"/>
      <c r="M17" s="5"/>
      <c r="N17" s="5"/>
      <c r="O17" s="5"/>
      <c r="P17" s="5"/>
      <c r="Q17" s="5"/>
      <c r="R17" s="5"/>
      <c r="S17" s="5"/>
      <c r="T17" s="5"/>
      <c r="U17" s="5"/>
      <c r="V17" s="5"/>
      <c r="W17" s="5"/>
      <c r="X17" s="5"/>
      <c r="Y17" s="5"/>
      <c r="Z17" s="5"/>
      <c r="AA17" s="5"/>
    </row>
    <row r="18" spans="1:27" x14ac:dyDescent="0.35">
      <c r="A18" s="105">
        <v>2013</v>
      </c>
      <c r="B18" s="131"/>
      <c r="C18" s="130"/>
      <c r="D18" s="115"/>
      <c r="F18" s="5"/>
      <c r="G18" s="5"/>
      <c r="H18" s="5"/>
      <c r="I18" s="5"/>
      <c r="J18" s="5"/>
      <c r="K18" s="5"/>
      <c r="L18" s="5"/>
      <c r="M18" s="5"/>
      <c r="N18" s="5"/>
      <c r="O18" s="5"/>
      <c r="P18" s="5"/>
      <c r="Q18" s="5"/>
      <c r="R18" s="5"/>
      <c r="S18" s="5"/>
      <c r="T18" s="5"/>
      <c r="U18" s="5"/>
      <c r="V18" s="5"/>
      <c r="W18" s="5"/>
      <c r="X18" s="5"/>
      <c r="Y18" s="5"/>
      <c r="Z18" s="5"/>
      <c r="AA18" s="5"/>
    </row>
    <row r="19" spans="1:27" x14ac:dyDescent="0.35">
      <c r="A19" s="105">
        <v>2014</v>
      </c>
      <c r="B19" s="131"/>
      <c r="C19" s="130"/>
      <c r="D19" s="115"/>
      <c r="F19" s="5"/>
      <c r="G19" s="5"/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T19" s="5"/>
      <c r="U19" s="5"/>
      <c r="V19" s="5"/>
      <c r="W19" s="5"/>
      <c r="X19" s="5"/>
      <c r="Y19" s="5"/>
      <c r="Z19" s="5"/>
      <c r="AA19" s="5"/>
    </row>
    <row r="20" spans="1:27" x14ac:dyDescent="0.35">
      <c r="A20" s="105">
        <v>2015</v>
      </c>
      <c r="B20" s="129"/>
      <c r="C20" s="128"/>
      <c r="D20" s="115"/>
      <c r="F20" s="5"/>
      <c r="G20" s="5"/>
      <c r="H20" s="5"/>
      <c r="I20" s="5"/>
      <c r="J20" s="5"/>
      <c r="K20" s="5"/>
      <c r="L20" s="5"/>
      <c r="M20" s="5"/>
      <c r="N20" s="5"/>
      <c r="O20" s="5"/>
      <c r="P20" s="5"/>
      <c r="Q20" s="5"/>
      <c r="R20" s="5"/>
      <c r="S20" s="5"/>
      <c r="T20" s="5"/>
      <c r="U20" s="5"/>
      <c r="V20" s="5"/>
      <c r="W20" s="5"/>
      <c r="X20" s="5"/>
      <c r="Y20" s="5"/>
      <c r="Z20" s="5"/>
      <c r="AA20" s="5"/>
    </row>
    <row r="21" spans="1:27" x14ac:dyDescent="0.35">
      <c r="A21" s="105">
        <v>2016</v>
      </c>
      <c r="B21" s="127"/>
      <c r="C21" s="128"/>
      <c r="D21" s="115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  <c r="S21" s="5"/>
      <c r="T21" s="5"/>
      <c r="U21" s="5"/>
      <c r="V21" s="5"/>
      <c r="W21" s="5"/>
      <c r="X21" s="5"/>
      <c r="Y21" s="5"/>
      <c r="Z21" s="5"/>
      <c r="AA21" s="5"/>
    </row>
    <row r="22" spans="1:27" x14ac:dyDescent="0.35">
      <c r="A22" s="105">
        <v>2017</v>
      </c>
      <c r="B22" s="127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</row>
    <row r="23" spans="1:27" x14ac:dyDescent="0.35">
      <c r="B23" s="127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</row>
    <row r="24" spans="1:27" x14ac:dyDescent="0.35">
      <c r="A24" s="105">
        <v>2018</v>
      </c>
    </row>
    <row r="26" spans="1:27" x14ac:dyDescent="0.35">
      <c r="A26" s="105">
        <v>2019</v>
      </c>
    </row>
    <row r="28" spans="1:27" x14ac:dyDescent="0.35">
      <c r="B28" s="16"/>
    </row>
    <row r="30" spans="1:27" x14ac:dyDescent="0.35">
      <c r="A30" s="16"/>
    </row>
    <row r="31" spans="1:27" x14ac:dyDescent="0.35">
      <c r="A31" s="16"/>
    </row>
    <row r="32" spans="1:27" ht="15" thickBot="1" x14ac:dyDescent="0.4">
      <c r="A32" s="16"/>
      <c r="F32" s="125"/>
    </row>
    <row r="33" spans="1:27" ht="15" thickBot="1" x14ac:dyDescent="0.4">
      <c r="A33" s="16"/>
      <c r="B33" s="105" t="s">
        <v>235</v>
      </c>
      <c r="F33" s="510" t="s">
        <v>285</v>
      </c>
      <c r="G33" s="511"/>
      <c r="H33" s="511"/>
      <c r="I33" s="511"/>
      <c r="J33" s="511"/>
      <c r="K33" s="511"/>
      <c r="L33" s="511"/>
      <c r="M33" s="511"/>
      <c r="N33" s="511"/>
      <c r="O33" s="511"/>
      <c r="P33" s="511"/>
      <c r="Q33" s="511"/>
      <c r="R33" s="511"/>
      <c r="S33" s="511"/>
      <c r="T33" s="511"/>
      <c r="U33" s="511"/>
      <c r="V33" s="511"/>
      <c r="W33" s="511"/>
      <c r="X33" s="511"/>
      <c r="Y33" s="511"/>
      <c r="Z33" s="511"/>
      <c r="AA33" s="512"/>
    </row>
    <row r="34" spans="1:27" ht="39.5" thickBot="1" x14ac:dyDescent="0.4">
      <c r="A34" s="127" t="s">
        <v>234</v>
      </c>
      <c r="B34" s="126" t="s">
        <v>233</v>
      </c>
      <c r="C34" s="126" t="s">
        <v>232</v>
      </c>
      <c r="D34" s="118" t="s">
        <v>231</v>
      </c>
      <c r="F34" s="295" t="s">
        <v>0</v>
      </c>
      <c r="G34" s="295" t="s">
        <v>1</v>
      </c>
      <c r="H34" s="296" t="s">
        <v>2</v>
      </c>
      <c r="I34" s="297" t="s">
        <v>3</v>
      </c>
      <c r="J34" s="297" t="s">
        <v>4</v>
      </c>
      <c r="K34" s="297" t="s">
        <v>5</v>
      </c>
      <c r="L34" s="297" t="s">
        <v>6</v>
      </c>
      <c r="M34" s="297" t="s">
        <v>7</v>
      </c>
      <c r="N34" s="297" t="s">
        <v>22</v>
      </c>
      <c r="O34" s="297" t="s">
        <v>9</v>
      </c>
      <c r="P34" s="297" t="s">
        <v>10</v>
      </c>
      <c r="Q34" s="297" t="s">
        <v>11</v>
      </c>
      <c r="R34" s="297" t="s">
        <v>12</v>
      </c>
      <c r="S34" s="297" t="s">
        <v>13</v>
      </c>
      <c r="T34" s="298" t="s">
        <v>14</v>
      </c>
      <c r="U34" s="297" t="s">
        <v>15</v>
      </c>
      <c r="V34" s="297" t="s">
        <v>16</v>
      </c>
      <c r="W34" s="297" t="s">
        <v>17</v>
      </c>
      <c r="X34" s="297" t="s">
        <v>18</v>
      </c>
      <c r="Y34" s="298" t="s">
        <v>19</v>
      </c>
      <c r="Z34" s="298" t="s">
        <v>32</v>
      </c>
      <c r="AA34" s="298" t="s">
        <v>33</v>
      </c>
    </row>
    <row r="35" spans="1:27" x14ac:dyDescent="0.35">
      <c r="A35" s="105">
        <v>2003</v>
      </c>
      <c r="B35" s="123">
        <v>2.12E-2</v>
      </c>
      <c r="C35" s="124">
        <f t="shared" ref="C35:C53" si="0">C36-(C36*B35)</f>
        <v>0.7330896738073529</v>
      </c>
      <c r="D35" s="122">
        <f t="shared" ref="D35:D54" si="1">(1-C35)/1</f>
        <v>0.2669103261926471</v>
      </c>
      <c r="F35" s="289">
        <f t="shared" ref="F35:AA35" si="2">IF(F81&lt;&gt;"",F81+F81*$D35,-1)</f>
        <v>-1</v>
      </c>
      <c r="G35" s="289">
        <f t="shared" si="2"/>
        <v>-1</v>
      </c>
      <c r="H35" s="293">
        <f t="shared" si="2"/>
        <v>1317.4312901205744</v>
      </c>
      <c r="I35" s="290">
        <f t="shared" si="2"/>
        <v>-1</v>
      </c>
      <c r="J35" s="290">
        <f t="shared" si="2"/>
        <v>1249.0545430718109</v>
      </c>
      <c r="K35" s="290">
        <f t="shared" si="2"/>
        <v>1365.7546698421975</v>
      </c>
      <c r="L35" s="290">
        <f t="shared" si="2"/>
        <v>-1</v>
      </c>
      <c r="M35" s="290">
        <f t="shared" si="2"/>
        <v>1622.012621521184</v>
      </c>
      <c r="N35" s="290">
        <f t="shared" si="2"/>
        <v>1531.8212753995294</v>
      </c>
      <c r="O35" s="290">
        <f t="shared" si="2"/>
        <v>1574.7695354574601</v>
      </c>
      <c r="P35" s="290">
        <f t="shared" si="2"/>
        <v>1288.447801737922</v>
      </c>
      <c r="Q35" s="290">
        <f t="shared" si="2"/>
        <v>1244.1361048527554</v>
      </c>
      <c r="R35" s="290">
        <f t="shared" si="2"/>
        <v>-1</v>
      </c>
      <c r="S35" s="290">
        <f t="shared" si="2"/>
        <v>-1</v>
      </c>
      <c r="T35" s="290">
        <f t="shared" si="2"/>
        <v>1601.9701001608162</v>
      </c>
      <c r="U35" s="290">
        <f t="shared" si="2"/>
        <v>1795.2372704215045</v>
      </c>
      <c r="V35" s="290">
        <f t="shared" si="2"/>
        <v>1646.3499688873446</v>
      </c>
      <c r="W35" s="290">
        <f t="shared" si="2"/>
        <v>1339.9857138074387</v>
      </c>
      <c r="X35" s="290">
        <f t="shared" si="2"/>
        <v>1483.6958638167912</v>
      </c>
      <c r="Y35" s="290">
        <f t="shared" si="2"/>
        <v>-1</v>
      </c>
      <c r="Z35" s="290">
        <f t="shared" si="2"/>
        <v>-1</v>
      </c>
      <c r="AA35" s="290">
        <f t="shared" si="2"/>
        <v>1136.1973560299136</v>
      </c>
    </row>
    <row r="36" spans="1:27" x14ac:dyDescent="0.35">
      <c r="A36" s="105">
        <v>2004</v>
      </c>
      <c r="B36" s="123">
        <v>2.1899999999999999E-2</v>
      </c>
      <c r="C36" s="124">
        <f t="shared" si="0"/>
        <v>0.74896779097604504</v>
      </c>
      <c r="D36" s="122">
        <f t="shared" si="1"/>
        <v>0.25103220902395496</v>
      </c>
      <c r="F36" s="289">
        <f t="shared" ref="F36:AA36" si="3">IF(F82&lt;&gt;"",F82+F82*$D36,-1)</f>
        <v>-1</v>
      </c>
      <c r="G36" s="289">
        <f t="shared" si="3"/>
        <v>-1</v>
      </c>
      <c r="H36" s="293">
        <f t="shared" si="3"/>
        <v>1427.5582262481939</v>
      </c>
      <c r="I36" s="290">
        <f t="shared" si="3"/>
        <v>-1</v>
      </c>
      <c r="J36" s="290">
        <f t="shared" si="3"/>
        <v>1365.7101615178176</v>
      </c>
      <c r="K36" s="290">
        <f t="shared" si="3"/>
        <v>1479.9210619869777</v>
      </c>
      <c r="L36" s="290">
        <f t="shared" si="3"/>
        <v>-1</v>
      </c>
      <c r="M36" s="290">
        <f t="shared" si="3"/>
        <v>1783.9719300681597</v>
      </c>
      <c r="N36" s="290">
        <f t="shared" si="3"/>
        <v>1628.8439361491894</v>
      </c>
      <c r="O36" s="290">
        <f t="shared" si="3"/>
        <v>1783.9719300681597</v>
      </c>
      <c r="P36" s="290">
        <f t="shared" si="3"/>
        <v>1551.2799391897042</v>
      </c>
      <c r="Q36" s="290">
        <f t="shared" si="3"/>
        <v>1340.9953252106552</v>
      </c>
      <c r="R36" s="290">
        <f t="shared" si="3"/>
        <v>-1</v>
      </c>
      <c r="S36" s="290">
        <f t="shared" si="3"/>
        <v>-1</v>
      </c>
      <c r="T36" s="290">
        <f t="shared" si="3"/>
        <v>1745.189931588417</v>
      </c>
      <c r="U36" s="290">
        <f t="shared" si="3"/>
        <v>1507.9270368794207</v>
      </c>
      <c r="V36" s="290">
        <f t="shared" si="3"/>
        <v>1706.4079331086746</v>
      </c>
      <c r="W36" s="290">
        <f t="shared" si="3"/>
        <v>1427.1775440545277</v>
      </c>
      <c r="X36" s="290">
        <f t="shared" si="3"/>
        <v>1544.9091796858449</v>
      </c>
      <c r="Y36" s="290">
        <f t="shared" si="3"/>
        <v>-1</v>
      </c>
      <c r="Z36" s="290">
        <f t="shared" si="3"/>
        <v>1638.6759921018004</v>
      </c>
      <c r="AA36" s="290">
        <f t="shared" si="3"/>
        <v>1229.5329888392469</v>
      </c>
    </row>
    <row r="37" spans="1:27" x14ac:dyDescent="0.35">
      <c r="A37" s="105">
        <v>2005</v>
      </c>
      <c r="B37" s="123">
        <v>2.1899999999999999E-2</v>
      </c>
      <c r="C37" s="124">
        <f t="shared" si="0"/>
        <v>0.7657374409324661</v>
      </c>
      <c r="D37" s="122">
        <f t="shared" si="1"/>
        <v>0.2342625590675339</v>
      </c>
      <c r="F37" s="289">
        <f t="shared" ref="F37:AA37" si="4">IF(F83&lt;&gt;"",F83+F83*$D37,-1)</f>
        <v>-1</v>
      </c>
      <c r="G37" s="289">
        <f t="shared" si="4"/>
        <v>-1</v>
      </c>
      <c r="H37" s="293">
        <f t="shared" si="4"/>
        <v>2218.0950336865831</v>
      </c>
      <c r="I37" s="290">
        <f t="shared" si="4"/>
        <v>-1</v>
      </c>
      <c r="J37" s="290">
        <f t="shared" si="4"/>
        <v>1436.112468191179</v>
      </c>
      <c r="K37" s="290">
        <f t="shared" si="4"/>
        <v>1460.08323687453</v>
      </c>
      <c r="L37" s="290">
        <f t="shared" si="4"/>
        <v>-1</v>
      </c>
      <c r="M37" s="290">
        <f t="shared" si="4"/>
        <v>1790.668120695178</v>
      </c>
      <c r="N37" s="290">
        <f t="shared" si="4"/>
        <v>1607.0098519059293</v>
      </c>
      <c r="O37" s="290">
        <f t="shared" si="4"/>
        <v>-1</v>
      </c>
      <c r="P37" s="290">
        <f t="shared" si="4"/>
        <v>1530.485573243742</v>
      </c>
      <c r="Q37" s="290">
        <f t="shared" si="4"/>
        <v>1539.5340521396088</v>
      </c>
      <c r="R37" s="290">
        <f t="shared" si="4"/>
        <v>-1</v>
      </c>
      <c r="S37" s="290">
        <f t="shared" si="4"/>
        <v>-1</v>
      </c>
      <c r="T37" s="290">
        <f t="shared" si="4"/>
        <v>1683.5341305681163</v>
      </c>
      <c r="U37" s="290">
        <f t="shared" si="4"/>
        <v>1570.7111014516502</v>
      </c>
      <c r="V37" s="290">
        <f t="shared" si="4"/>
        <v>1790.668120695178</v>
      </c>
      <c r="W37" s="290">
        <f t="shared" si="4"/>
        <v>1484.5710060464298</v>
      </c>
      <c r="X37" s="290">
        <f t="shared" si="4"/>
        <v>-1</v>
      </c>
      <c r="Y37" s="290">
        <f t="shared" si="4"/>
        <v>-1</v>
      </c>
      <c r="Z37" s="290">
        <f t="shared" si="4"/>
        <v>2302.5812803428239</v>
      </c>
      <c r="AA37" s="290">
        <f t="shared" si="4"/>
        <v>1383.1246312253411</v>
      </c>
    </row>
    <row r="38" spans="1:27" x14ac:dyDescent="0.35">
      <c r="A38" s="105">
        <v>2006</v>
      </c>
      <c r="B38" s="123">
        <v>2.2099999999999998E-2</v>
      </c>
      <c r="C38" s="124">
        <f t="shared" si="0"/>
        <v>0.78288256919790011</v>
      </c>
      <c r="D38" s="122">
        <f t="shared" si="1"/>
        <v>0.21711743080209989</v>
      </c>
      <c r="F38" s="289">
        <f t="shared" ref="F38:AA38" si="5">IF(F84&lt;&gt;"",F84+F84*$D38,-1)</f>
        <v>-1</v>
      </c>
      <c r="G38" s="289">
        <f t="shared" si="5"/>
        <v>-1</v>
      </c>
      <c r="H38" s="293">
        <f t="shared" si="5"/>
        <v>2094.337944936653</v>
      </c>
      <c r="I38" s="290">
        <f t="shared" si="5"/>
        <v>-1</v>
      </c>
      <c r="J38" s="290">
        <f t="shared" si="5"/>
        <v>1502.1685398637364</v>
      </c>
      <c r="K38" s="290">
        <f t="shared" si="5"/>
        <v>-1</v>
      </c>
      <c r="L38" s="290">
        <f t="shared" si="5"/>
        <v>-1</v>
      </c>
      <c r="M38" s="290">
        <f t="shared" si="5"/>
        <v>1976.7691040629227</v>
      </c>
      <c r="N38" s="290">
        <f t="shared" si="5"/>
        <v>1610.2463609511781</v>
      </c>
      <c r="O38" s="290">
        <f t="shared" si="5"/>
        <v>-1</v>
      </c>
      <c r="P38" s="290">
        <f t="shared" si="5"/>
        <v>1840.2815553727751</v>
      </c>
      <c r="Q38" s="290">
        <f t="shared" si="5"/>
        <v>1855.0749653692319</v>
      </c>
      <c r="R38" s="290">
        <f t="shared" si="5"/>
        <v>-1</v>
      </c>
      <c r="S38" s="290">
        <f t="shared" si="5"/>
        <v>-1</v>
      </c>
      <c r="T38" s="290">
        <f t="shared" si="5"/>
        <v>1686.9247590917105</v>
      </c>
      <c r="U38" s="290">
        <f t="shared" si="5"/>
        <v>1865.6467694776632</v>
      </c>
      <c r="V38" s="290">
        <f t="shared" si="5"/>
        <v>1794.2745164884557</v>
      </c>
      <c r="W38" s="290">
        <f t="shared" si="5"/>
        <v>1870.9529146289881</v>
      </c>
      <c r="X38" s="290">
        <f t="shared" si="5"/>
        <v>-1</v>
      </c>
      <c r="Y38" s="290">
        <f t="shared" si="5"/>
        <v>-1</v>
      </c>
      <c r="Z38" s="290">
        <f t="shared" si="5"/>
        <v>1934.5990522215557</v>
      </c>
      <c r="AA38" s="290">
        <f t="shared" si="5"/>
        <v>1719.845923892085</v>
      </c>
    </row>
    <row r="39" spans="1:27" x14ac:dyDescent="0.35">
      <c r="A39" s="105">
        <v>2007</v>
      </c>
      <c r="B39" s="123">
        <v>2.1499999999999998E-2</v>
      </c>
      <c r="C39" s="124">
        <f t="shared" si="0"/>
        <v>0.8005752829511199</v>
      </c>
      <c r="D39" s="122">
        <f t="shared" si="1"/>
        <v>0.1994247170488801</v>
      </c>
      <c r="F39" s="289">
        <f t="shared" ref="F39:AA39" si="6">IF(F85&lt;&gt;"",F85+F85*$D39,-1)</f>
        <v>-1</v>
      </c>
      <c r="G39" s="289">
        <f t="shared" si="6"/>
        <v>-1</v>
      </c>
      <c r="H39" s="293">
        <f t="shared" si="6"/>
        <v>2584.3778886405416</v>
      </c>
      <c r="I39" s="290">
        <f t="shared" si="6"/>
        <v>-1</v>
      </c>
      <c r="J39" s="290">
        <f t="shared" si="6"/>
        <v>-1</v>
      </c>
      <c r="K39" s="290">
        <f t="shared" si="6"/>
        <v>-1</v>
      </c>
      <c r="L39" s="290">
        <f t="shared" si="6"/>
        <v>-1</v>
      </c>
      <c r="M39" s="290">
        <f t="shared" si="6"/>
        <v>-1</v>
      </c>
      <c r="N39" s="290">
        <f t="shared" si="6"/>
        <v>1807.5330485926625</v>
      </c>
      <c r="O39" s="290">
        <f t="shared" si="6"/>
        <v>3286.4237247139317</v>
      </c>
      <c r="P39" s="290">
        <f t="shared" si="6"/>
        <v>2957.7813522425386</v>
      </c>
      <c r="Q39" s="290">
        <f t="shared" si="6"/>
        <v>-1</v>
      </c>
      <c r="R39" s="290">
        <f t="shared" si="6"/>
        <v>-1</v>
      </c>
      <c r="S39" s="290">
        <f t="shared" si="6"/>
        <v>-1</v>
      </c>
      <c r="T39" s="290">
        <f t="shared" si="6"/>
        <v>-1</v>
      </c>
      <c r="U39" s="290">
        <f t="shared" si="6"/>
        <v>-1</v>
      </c>
      <c r="V39" s="290">
        <f t="shared" si="6"/>
        <v>2136.1754210640556</v>
      </c>
      <c r="W39" s="290">
        <f t="shared" si="6"/>
        <v>2054.0148279462073</v>
      </c>
      <c r="X39" s="290">
        <f t="shared" si="6"/>
        <v>-1</v>
      </c>
      <c r="Y39" s="290">
        <f t="shared" si="6"/>
        <v>2138.6402388575912</v>
      </c>
      <c r="Z39" s="290">
        <f t="shared" si="6"/>
        <v>1546.2623624779048</v>
      </c>
      <c r="AA39" s="290">
        <f t="shared" si="6"/>
        <v>2445.0992511871655</v>
      </c>
    </row>
    <row r="40" spans="1:27" x14ac:dyDescent="0.35">
      <c r="A40" s="105">
        <v>2008</v>
      </c>
      <c r="B40" s="123">
        <v>3.32E-2</v>
      </c>
      <c r="C40" s="124">
        <f t="shared" si="0"/>
        <v>0.81816584869812969</v>
      </c>
      <c r="D40" s="122">
        <f t="shared" si="1"/>
        <v>0.18183415130187031</v>
      </c>
      <c r="F40" s="289">
        <f t="shared" ref="F40:AA40" si="7">IF(F86&lt;&gt;"",F86+F86*$D40,-1)</f>
        <v>-1</v>
      </c>
      <c r="G40" s="289">
        <f t="shared" si="7"/>
        <v>-1</v>
      </c>
      <c r="H40" s="293">
        <f t="shared" si="7"/>
        <v>2039.5857416337417</v>
      </c>
      <c r="I40" s="290">
        <f t="shared" si="7"/>
        <v>-1</v>
      </c>
      <c r="J40" s="290">
        <f t="shared" si="7"/>
        <v>-1</v>
      </c>
      <c r="K40" s="290">
        <f t="shared" si="7"/>
        <v>-1</v>
      </c>
      <c r="L40" s="290">
        <f t="shared" si="7"/>
        <v>-1</v>
      </c>
      <c r="M40" s="290">
        <f t="shared" si="7"/>
        <v>2535.5838074228673</v>
      </c>
      <c r="N40" s="290">
        <f t="shared" si="7"/>
        <v>1911.0258226551243</v>
      </c>
      <c r="O40" s="290">
        <f t="shared" si="7"/>
        <v>2953.4035441033739</v>
      </c>
      <c r="P40" s="290">
        <f t="shared" si="7"/>
        <v>3127.1331643447488</v>
      </c>
      <c r="Q40" s="290">
        <f t="shared" si="7"/>
        <v>3474.5924048274987</v>
      </c>
      <c r="R40" s="290">
        <f t="shared" si="7"/>
        <v>-1</v>
      </c>
      <c r="S40" s="290">
        <f t="shared" si="7"/>
        <v>1709.4994631751294</v>
      </c>
      <c r="T40" s="290">
        <f t="shared" si="7"/>
        <v>2084.7554428964991</v>
      </c>
      <c r="U40" s="290">
        <f t="shared" si="7"/>
        <v>-1</v>
      </c>
      <c r="V40" s="290">
        <f t="shared" si="7"/>
        <v>2253.2731745306328</v>
      </c>
      <c r="W40" s="290">
        <f t="shared" si="7"/>
        <v>2432.214683379249</v>
      </c>
      <c r="X40" s="290">
        <f t="shared" si="7"/>
        <v>-1</v>
      </c>
      <c r="Y40" s="290">
        <f t="shared" si="7"/>
        <v>3274.8033415499171</v>
      </c>
      <c r="Z40" s="290">
        <f t="shared" si="7"/>
        <v>2280.2012656680458</v>
      </c>
      <c r="AA40" s="290">
        <f t="shared" si="7"/>
        <v>2585.096749191659</v>
      </c>
    </row>
    <row r="41" spans="1:27" x14ac:dyDescent="0.35">
      <c r="A41" s="105">
        <v>2009</v>
      </c>
      <c r="B41" s="123">
        <v>3.0999999999999999E-3</v>
      </c>
      <c r="C41" s="124">
        <f t="shared" si="0"/>
        <v>0.84626173841345642</v>
      </c>
      <c r="D41" s="122">
        <f t="shared" si="1"/>
        <v>0.15373826158654358</v>
      </c>
      <c r="F41" s="289">
        <f t="shared" ref="F41:AA41" si="8">IF(F87&lt;&gt;"",F87+F87*$D41,-1)</f>
        <v>2806.4683213092671</v>
      </c>
      <c r="G41" s="289">
        <f t="shared" si="8"/>
        <v>-1</v>
      </c>
      <c r="H41" s="293">
        <f t="shared" si="8"/>
        <v>2646.0987029487378</v>
      </c>
      <c r="I41" s="290">
        <f t="shared" si="8"/>
        <v>-1</v>
      </c>
      <c r="J41" s="290">
        <f t="shared" si="8"/>
        <v>2084.805038686884</v>
      </c>
      <c r="K41" s="290">
        <f t="shared" si="8"/>
        <v>-1</v>
      </c>
      <c r="L41" s="290">
        <f t="shared" si="8"/>
        <v>-1</v>
      </c>
      <c r="M41" s="290">
        <f t="shared" si="8"/>
        <v>-1</v>
      </c>
      <c r="N41" s="290">
        <f t="shared" si="8"/>
        <v>2004.6202295066191</v>
      </c>
      <c r="O41" s="290">
        <f t="shared" si="8"/>
        <v>2569.121286135683</v>
      </c>
      <c r="P41" s="290">
        <f t="shared" si="8"/>
        <v>2790.4313594732143</v>
      </c>
      <c r="Q41" s="290">
        <f t="shared" si="8"/>
        <v>3608.3164131119152</v>
      </c>
      <c r="R41" s="290">
        <f t="shared" si="8"/>
        <v>-1</v>
      </c>
      <c r="S41" s="290">
        <f t="shared" si="8"/>
        <v>2245.1746570474133</v>
      </c>
      <c r="T41" s="290">
        <f t="shared" si="8"/>
        <v>2124.8974432770165</v>
      </c>
      <c r="U41" s="290">
        <f t="shared" si="8"/>
        <v>2405.5442754079431</v>
      </c>
      <c r="V41" s="290">
        <f t="shared" si="8"/>
        <v>2245.1746570474133</v>
      </c>
      <c r="W41" s="290">
        <f t="shared" si="8"/>
        <v>2004.6202295066191</v>
      </c>
      <c r="X41" s="290">
        <f t="shared" si="8"/>
        <v>2942.7824969157168</v>
      </c>
      <c r="Y41" s="290">
        <f t="shared" si="8"/>
        <v>3022.9673060959817</v>
      </c>
      <c r="Z41" s="290">
        <f t="shared" si="8"/>
        <v>2104.85124098195</v>
      </c>
      <c r="AA41" s="290">
        <f t="shared" si="8"/>
        <v>2386.2999212046793</v>
      </c>
    </row>
    <row r="42" spans="1:27" x14ac:dyDescent="0.35">
      <c r="A42" s="105">
        <v>2010</v>
      </c>
      <c r="B42" s="123">
        <v>1.61E-2</v>
      </c>
      <c r="C42" s="124">
        <f t="shared" si="0"/>
        <v>0.84889330766722482</v>
      </c>
      <c r="D42" s="122">
        <f t="shared" si="1"/>
        <v>0.15110669233277518</v>
      </c>
      <c r="F42" s="289">
        <f t="shared" ref="F42:AA42" si="9">IF(F88&lt;&gt;"",F88+F88*$D42,-1)</f>
        <v>2832.2980164847932</v>
      </c>
      <c r="G42" s="289">
        <f t="shared" si="9"/>
        <v>-1</v>
      </c>
      <c r="H42" s="293">
        <f t="shared" si="9"/>
        <v>2562.8469619435373</v>
      </c>
      <c r="I42" s="290">
        <f t="shared" si="9"/>
        <v>1523.3170412985783</v>
      </c>
      <c r="J42" s="290">
        <f t="shared" si="9"/>
        <v>1576.9010578266689</v>
      </c>
      <c r="K42" s="290">
        <f t="shared" si="9"/>
        <v>-1</v>
      </c>
      <c r="L42" s="290">
        <f t="shared" si="9"/>
        <v>-1</v>
      </c>
      <c r="M42" s="290">
        <f t="shared" si="9"/>
        <v>2366.8825586408061</v>
      </c>
      <c r="N42" s="290">
        <f t="shared" si="9"/>
        <v>1913.7148760032387</v>
      </c>
      <c r="O42" s="290">
        <f t="shared" si="9"/>
        <v>2755.7494214446638</v>
      </c>
      <c r="P42" s="290">
        <f t="shared" si="9"/>
        <v>2663.8911073965087</v>
      </c>
      <c r="Q42" s="290">
        <f t="shared" si="9"/>
        <v>3061.9438016051818</v>
      </c>
      <c r="R42" s="290">
        <f t="shared" si="9"/>
        <v>-1</v>
      </c>
      <c r="S42" s="290">
        <f t="shared" si="9"/>
        <v>2296.4578512038865</v>
      </c>
      <c r="T42" s="290">
        <f t="shared" si="9"/>
        <v>2028.537768563433</v>
      </c>
      <c r="U42" s="290">
        <f t="shared" si="9"/>
        <v>-1</v>
      </c>
      <c r="V42" s="290">
        <f t="shared" si="9"/>
        <v>1837.1662809631091</v>
      </c>
      <c r="W42" s="290">
        <f t="shared" si="9"/>
        <v>2143.3606611236273</v>
      </c>
      <c r="X42" s="290">
        <f t="shared" si="9"/>
        <v>2449.5550412841458</v>
      </c>
      <c r="Y42" s="290">
        <f t="shared" si="9"/>
        <v>2885.8820330128842</v>
      </c>
      <c r="Z42" s="290">
        <f t="shared" si="9"/>
        <v>2009.4006198034008</v>
      </c>
      <c r="AA42" s="290">
        <f t="shared" si="9"/>
        <v>2454.1479569865537</v>
      </c>
    </row>
    <row r="43" spans="1:27" x14ac:dyDescent="0.35">
      <c r="A43" s="105">
        <v>2011</v>
      </c>
      <c r="B43" s="123">
        <v>2.7200000000000002E-2</v>
      </c>
      <c r="C43" s="124">
        <f t="shared" si="0"/>
        <v>0.86278413219557359</v>
      </c>
      <c r="D43" s="122">
        <f t="shared" si="1"/>
        <v>0.13721586780442641</v>
      </c>
      <c r="F43" s="289">
        <f t="shared" ref="F43:AA43" si="10">IF(F89&lt;&gt;"",F89+F89*$D43,-1)</f>
        <v>2766.277598434267</v>
      </c>
      <c r="G43" s="289">
        <f t="shared" si="10"/>
        <v>-1</v>
      </c>
      <c r="H43" s="293">
        <f t="shared" si="10"/>
        <v>2990.7412664215044</v>
      </c>
      <c r="I43" s="290">
        <f t="shared" si="10"/>
        <v>1555.4383753481823</v>
      </c>
      <c r="J43" s="290">
        <f t="shared" si="10"/>
        <v>1628.151957935597</v>
      </c>
      <c r="K43" s="290">
        <f t="shared" si="10"/>
        <v>-1</v>
      </c>
      <c r="L43" s="290">
        <f t="shared" si="10"/>
        <v>-1</v>
      </c>
      <c r="M43" s="290">
        <f t="shared" si="10"/>
        <v>2443.8086669596441</v>
      </c>
      <c r="N43" s="290">
        <f t="shared" si="10"/>
        <v>1975.9125703101906</v>
      </c>
      <c r="O43" s="290">
        <f t="shared" si="10"/>
        <v>2924.3506040590823</v>
      </c>
      <c r="P43" s="290">
        <f t="shared" si="10"/>
        <v>2766.277598434267</v>
      </c>
      <c r="Q43" s="290">
        <f t="shared" si="10"/>
        <v>4694.768267057013</v>
      </c>
      <c r="R43" s="290">
        <f t="shared" si="10"/>
        <v>-1</v>
      </c>
      <c r="S43" s="290">
        <f t="shared" si="10"/>
        <v>2371.0950843722289</v>
      </c>
      <c r="T43" s="290">
        <f t="shared" si="10"/>
        <v>2094.4673245288022</v>
      </c>
      <c r="U43" s="290">
        <f t="shared" si="10"/>
        <v>-1</v>
      </c>
      <c r="V43" s="290">
        <f t="shared" si="10"/>
        <v>2213.0220787474136</v>
      </c>
      <c r="W43" s="290">
        <f t="shared" si="10"/>
        <v>1896.876067497783</v>
      </c>
      <c r="X43" s="290">
        <f t="shared" si="10"/>
        <v>2529.1680899970443</v>
      </c>
      <c r="Y43" s="290">
        <f t="shared" si="10"/>
        <v>3319.5331181211204</v>
      </c>
      <c r="Z43" s="290">
        <f t="shared" si="10"/>
        <v>-1</v>
      </c>
      <c r="AA43" s="290">
        <f t="shared" si="10"/>
        <v>2533.9102801657882</v>
      </c>
    </row>
    <row r="44" spans="1:27" x14ac:dyDescent="0.35">
      <c r="A44" s="105">
        <v>2012</v>
      </c>
      <c r="B44" s="123">
        <v>2.5000000000000001E-2</v>
      </c>
      <c r="C44" s="124">
        <f t="shared" si="0"/>
        <v>0.88690803062867352</v>
      </c>
      <c r="D44" s="122">
        <f t="shared" si="1"/>
        <v>0.11309196937132648</v>
      </c>
      <c r="F44" s="289">
        <f t="shared" ref="F44:AA44" si="11">IF(F90&lt;&gt;"",F90+F90*$D44,-1)</f>
        <v>2386.4691823321241</v>
      </c>
      <c r="G44" s="289">
        <f t="shared" si="11"/>
        <v>-1</v>
      </c>
      <c r="H44" s="293">
        <f t="shared" si="11"/>
        <v>2598.7580827306238</v>
      </c>
      <c r="I44" s="290">
        <f t="shared" si="11"/>
        <v>1738.2044193702636</v>
      </c>
      <c r="J44" s="290">
        <f t="shared" si="11"/>
        <v>1766.6995737861694</v>
      </c>
      <c r="K44" s="290">
        <f t="shared" si="11"/>
        <v>-1</v>
      </c>
      <c r="L44" s="290">
        <f t="shared" si="11"/>
        <v>-1</v>
      </c>
      <c r="M44" s="290">
        <f t="shared" si="11"/>
        <v>-1</v>
      </c>
      <c r="N44" s="290">
        <f t="shared" si="11"/>
        <v>-1</v>
      </c>
      <c r="O44" s="290">
        <f t="shared" si="11"/>
        <v>2137.1365811929468</v>
      </c>
      <c r="P44" s="290">
        <f t="shared" si="11"/>
        <v>2493.3260113917713</v>
      </c>
      <c r="Q44" s="290">
        <f t="shared" si="11"/>
        <v>3718.6176512757279</v>
      </c>
      <c r="R44" s="290">
        <f t="shared" si="11"/>
        <v>-1</v>
      </c>
      <c r="S44" s="290">
        <f t="shared" si="11"/>
        <v>2137.1365811929468</v>
      </c>
      <c r="T44" s="290">
        <f t="shared" si="11"/>
        <v>1960.46662381433</v>
      </c>
      <c r="U44" s="290">
        <f t="shared" si="11"/>
        <v>-1</v>
      </c>
      <c r="V44" s="290">
        <f t="shared" si="11"/>
        <v>-1</v>
      </c>
      <c r="W44" s="290">
        <f t="shared" si="11"/>
        <v>1709.7092649543574</v>
      </c>
      <c r="X44" s="290">
        <f t="shared" si="11"/>
        <v>2279.6123532724769</v>
      </c>
      <c r="Y44" s="290">
        <f t="shared" si="11"/>
        <v>2949.2484820462664</v>
      </c>
      <c r="Z44" s="290">
        <f t="shared" si="11"/>
        <v>-1</v>
      </c>
      <c r="AA44" s="290">
        <f t="shared" si="11"/>
        <v>-1</v>
      </c>
    </row>
    <row r="45" spans="1:27" x14ac:dyDescent="0.35">
      <c r="A45" s="105">
        <v>2013</v>
      </c>
      <c r="B45" s="123">
        <v>1.3500000000000002E-2</v>
      </c>
      <c r="C45" s="124">
        <f t="shared" si="0"/>
        <v>0.90964926218325493</v>
      </c>
      <c r="D45" s="122">
        <f t="shared" si="1"/>
        <v>9.0350737816745075E-2</v>
      </c>
      <c r="F45" s="289">
        <f t="shared" ref="F45:AA45" si="12">IF(F91&lt;&gt;"",F91+F91*$D45,-1)</f>
        <v>2487.0355154231052</v>
      </c>
      <c r="G45" s="289">
        <f t="shared" si="12"/>
        <v>-1</v>
      </c>
      <c r="H45" s="293">
        <f t="shared" si="12"/>
        <v>2376.8228628445881</v>
      </c>
      <c r="I45" s="290">
        <f t="shared" si="12"/>
        <v>1392.1598220444203</v>
      </c>
      <c r="J45" s="290">
        <f t="shared" si="12"/>
        <v>-1</v>
      </c>
      <c r="K45" s="290">
        <f t="shared" si="12"/>
        <v>-1</v>
      </c>
      <c r="L45" s="290">
        <f t="shared" si="12"/>
        <v>-1</v>
      </c>
      <c r="M45" s="290">
        <f t="shared" si="12"/>
        <v>2069.3875688097787</v>
      </c>
      <c r="N45" s="290">
        <f t="shared" si="12"/>
        <v>-1</v>
      </c>
      <c r="O45" s="290">
        <f t="shared" si="12"/>
        <v>-1</v>
      </c>
      <c r="P45" s="290">
        <f t="shared" si="12"/>
        <v>2537.7913422684742</v>
      </c>
      <c r="Q45" s="290">
        <f t="shared" si="12"/>
        <v>3001.8446162832811</v>
      </c>
      <c r="R45" s="290">
        <f t="shared" si="12"/>
        <v>-1</v>
      </c>
      <c r="S45" s="290">
        <f t="shared" si="12"/>
        <v>2175.2497219444062</v>
      </c>
      <c r="T45" s="290">
        <f t="shared" si="12"/>
        <v>1995.429078263669</v>
      </c>
      <c r="U45" s="290">
        <f t="shared" si="12"/>
        <v>2047.6350715903345</v>
      </c>
      <c r="V45" s="290">
        <f t="shared" si="12"/>
        <v>1957.7247497499657</v>
      </c>
      <c r="W45" s="290">
        <f t="shared" si="12"/>
        <v>-1</v>
      </c>
      <c r="X45" s="290">
        <f t="shared" si="12"/>
        <v>-1</v>
      </c>
      <c r="Y45" s="290">
        <f t="shared" si="12"/>
        <v>3001.8446162832811</v>
      </c>
      <c r="Z45" s="290">
        <f t="shared" si="12"/>
        <v>-1</v>
      </c>
      <c r="AA45" s="290">
        <f t="shared" si="12"/>
        <v>-1</v>
      </c>
    </row>
    <row r="46" spans="1:27" x14ac:dyDescent="0.35">
      <c r="A46" s="105">
        <v>2014</v>
      </c>
      <c r="B46" s="123">
        <v>4.3E-3</v>
      </c>
      <c r="C46" s="124">
        <f t="shared" si="0"/>
        <v>0.92209757950659399</v>
      </c>
      <c r="D46" s="122">
        <f t="shared" si="1"/>
        <v>7.790242049340601E-2</v>
      </c>
      <c r="F46" s="289">
        <f t="shared" ref="F46:AA46" si="13">IF(F92&lt;&gt;"",F92+F92*$D46,-1)</f>
        <v>1984.1165434506224</v>
      </c>
      <c r="G46" s="289">
        <f t="shared" si="13"/>
        <v>-1</v>
      </c>
      <c r="H46" s="293">
        <f t="shared" si="13"/>
        <v>-1</v>
      </c>
      <c r="I46" s="290">
        <f t="shared" si="13"/>
        <v>1525.3612732886288</v>
      </c>
      <c r="J46" s="290">
        <f t="shared" si="13"/>
        <v>-1</v>
      </c>
      <c r="K46" s="290">
        <f t="shared" si="13"/>
        <v>-1</v>
      </c>
      <c r="L46" s="290">
        <f t="shared" si="13"/>
        <v>-1</v>
      </c>
      <c r="M46" s="290">
        <f t="shared" si="13"/>
        <v>-1</v>
      </c>
      <c r="N46" s="290">
        <f t="shared" si="13"/>
        <v>-1</v>
      </c>
      <c r="O46" s="290">
        <f t="shared" si="13"/>
        <v>2222.0958398471566</v>
      </c>
      <c r="P46" s="290">
        <f t="shared" si="13"/>
        <v>2150.4153288843449</v>
      </c>
      <c r="Q46" s="290">
        <f t="shared" si="13"/>
        <v>2983.3428662722145</v>
      </c>
      <c r="R46" s="290">
        <f t="shared" si="13"/>
        <v>-1</v>
      </c>
      <c r="S46" s="290">
        <f t="shared" si="13"/>
        <v>2368.3240822112921</v>
      </c>
      <c r="T46" s="290">
        <f t="shared" si="13"/>
        <v>1558.3343083315222</v>
      </c>
      <c r="U46" s="290">
        <f t="shared" si="13"/>
        <v>1903.8343711722734</v>
      </c>
      <c r="V46" s="290">
        <f t="shared" si="13"/>
        <v>1936.8074062151668</v>
      </c>
      <c r="W46" s="290">
        <f t="shared" si="13"/>
        <v>1576.971241181853</v>
      </c>
      <c r="X46" s="290">
        <f t="shared" si="13"/>
        <v>-1</v>
      </c>
      <c r="Y46" s="290">
        <f t="shared" si="13"/>
        <v>-1</v>
      </c>
      <c r="Z46" s="290">
        <f t="shared" si="13"/>
        <v>-1</v>
      </c>
      <c r="AA46" s="290">
        <f t="shared" si="13"/>
        <v>-1</v>
      </c>
    </row>
    <row r="47" spans="1:27" x14ac:dyDescent="0.35">
      <c r="A47" s="105">
        <v>2015</v>
      </c>
      <c r="B47" s="123">
        <v>2.9999999999999997E-4</v>
      </c>
      <c r="C47" s="120">
        <f t="shared" si="0"/>
        <v>0.92607972231253788</v>
      </c>
      <c r="D47" s="122">
        <f t="shared" si="1"/>
        <v>7.3920277687462121E-2</v>
      </c>
      <c r="F47" s="289">
        <f t="shared" ref="F47:AA47" si="14">IF(F93&lt;&gt;"",F93+F93*$D47,-1)</f>
        <v>2026.4875639962411</v>
      </c>
      <c r="G47" s="289">
        <f t="shared" si="14"/>
        <v>1847.2415835303104</v>
      </c>
      <c r="H47" s="293">
        <f t="shared" si="14"/>
        <v>-1</v>
      </c>
      <c r="I47" s="290">
        <f t="shared" si="14"/>
        <v>1453.9084112364901</v>
      </c>
      <c r="J47" s="290">
        <f t="shared" si="14"/>
        <v>-1</v>
      </c>
      <c r="K47" s="290">
        <f t="shared" si="14"/>
        <v>-1</v>
      </c>
      <c r="L47" s="290">
        <f t="shared" si="14"/>
        <v>-1</v>
      </c>
      <c r="M47" s="290">
        <f t="shared" si="14"/>
        <v>1484.700153504305</v>
      </c>
      <c r="N47" s="290">
        <f t="shared" si="14"/>
        <v>-1</v>
      </c>
      <c r="O47" s="290">
        <f t="shared" si="14"/>
        <v>1966.6658614691028</v>
      </c>
      <c r="P47" s="290">
        <f t="shared" si="14"/>
        <v>1989.6742085949252</v>
      </c>
      <c r="Q47" s="290">
        <f t="shared" si="14"/>
        <v>2498.0491165178578</v>
      </c>
      <c r="R47" s="290">
        <f t="shared" si="14"/>
        <v>-1</v>
      </c>
      <c r="S47" s="290">
        <f t="shared" si="14"/>
        <v>-1</v>
      </c>
      <c r="T47" s="290">
        <f t="shared" si="14"/>
        <v>-1</v>
      </c>
      <c r="U47" s="290">
        <f t="shared" si="14"/>
        <v>1314.7626929041355</v>
      </c>
      <c r="V47" s="290">
        <f t="shared" si="14"/>
        <v>1949.0042159610907</v>
      </c>
      <c r="W47" s="290">
        <f t="shared" si="14"/>
        <v>1446.2389621945492</v>
      </c>
      <c r="X47" s="290">
        <f t="shared" si="14"/>
        <v>-1</v>
      </c>
      <c r="Y47" s="290">
        <f t="shared" si="14"/>
        <v>-1</v>
      </c>
      <c r="Z47" s="290">
        <f t="shared" si="14"/>
        <v>-1</v>
      </c>
      <c r="AA47" s="290">
        <f t="shared" si="14"/>
        <v>-1</v>
      </c>
    </row>
    <row r="48" spans="1:27" x14ac:dyDescent="0.35">
      <c r="A48" s="105">
        <v>2016</v>
      </c>
      <c r="B48" s="119">
        <v>2.3999999999999998E-3</v>
      </c>
      <c r="C48" s="120">
        <f t="shared" si="0"/>
        <v>0.92635762960141832</v>
      </c>
      <c r="D48" s="122">
        <f t="shared" si="1"/>
        <v>7.364237039858168E-2</v>
      </c>
      <c r="F48" s="289">
        <f t="shared" ref="F48:AA48" si="15">IF(F94&lt;&gt;"",F94+F94*$D48,-1)</f>
        <v>2094.4883772328135</v>
      </c>
      <c r="G48" s="289">
        <f t="shared" si="15"/>
        <v>-1</v>
      </c>
      <c r="H48" s="293">
        <f t="shared" si="15"/>
        <v>2252.9902003747561</v>
      </c>
      <c r="I48" s="290">
        <f t="shared" si="15"/>
        <v>1320.0937555964651</v>
      </c>
      <c r="J48" s="290">
        <f t="shared" si="15"/>
        <v>-1</v>
      </c>
      <c r="K48" s="290">
        <f t="shared" si="15"/>
        <v>-1</v>
      </c>
      <c r="L48" s="290">
        <f t="shared" si="15"/>
        <v>1585.0182314194262</v>
      </c>
      <c r="M48" s="290">
        <f t="shared" si="15"/>
        <v>1728.0273951565175</v>
      </c>
      <c r="N48" s="290">
        <f t="shared" si="15"/>
        <v>-1</v>
      </c>
      <c r="O48" s="290">
        <f t="shared" si="15"/>
        <v>2085.4311301961307</v>
      </c>
      <c r="P48" s="290">
        <f t="shared" si="15"/>
        <v>1788.806289744781</v>
      </c>
      <c r="Q48" s="290">
        <f t="shared" si="15"/>
        <v>-1</v>
      </c>
      <c r="R48" s="290">
        <f t="shared" si="15"/>
        <v>-1</v>
      </c>
      <c r="S48" s="290">
        <f t="shared" si="15"/>
        <v>2417.1528029146248</v>
      </c>
      <c r="T48" s="290">
        <f t="shared" si="15"/>
        <v>-1</v>
      </c>
      <c r="U48" s="290">
        <f t="shared" si="15"/>
        <v>1358.5870555023653</v>
      </c>
      <c r="V48" s="290">
        <f t="shared" si="15"/>
        <v>1948.4998559178662</v>
      </c>
      <c r="W48" s="290">
        <f t="shared" si="15"/>
        <v>1429.9128759162395</v>
      </c>
      <c r="X48" s="290">
        <f t="shared" si="15"/>
        <v>-1</v>
      </c>
      <c r="Y48" s="290">
        <f t="shared" si="15"/>
        <v>-1</v>
      </c>
      <c r="Z48" s="290">
        <f t="shared" si="15"/>
        <v>-1</v>
      </c>
      <c r="AA48" s="290">
        <f t="shared" si="15"/>
        <v>1913.3434364991647</v>
      </c>
    </row>
    <row r="49" spans="1:27" x14ac:dyDescent="0.35">
      <c r="A49" s="105">
        <v>2017</v>
      </c>
      <c r="B49" s="119">
        <v>1.54E-2</v>
      </c>
      <c r="C49" s="120">
        <f t="shared" si="0"/>
        <v>0.92858623656918438</v>
      </c>
      <c r="D49" s="118">
        <f t="shared" si="1"/>
        <v>7.1413763430815624E-2</v>
      </c>
      <c r="F49" s="289">
        <f t="shared" ref="F49:AA49" si="16">IF(F95&lt;&gt;"",F95+F95*$D49,-1)</f>
        <v>-1</v>
      </c>
      <c r="G49" s="289">
        <f t="shared" si="16"/>
        <v>-1</v>
      </c>
      <c r="H49" s="293">
        <f t="shared" si="16"/>
        <v>2228.5406279360964</v>
      </c>
      <c r="I49" s="290">
        <f t="shared" si="16"/>
        <v>-1</v>
      </c>
      <c r="J49" s="290">
        <f t="shared" si="16"/>
        <v>-1</v>
      </c>
      <c r="K49" s="290">
        <f t="shared" si="16"/>
        <v>-1</v>
      </c>
      <c r="L49" s="290">
        <f t="shared" si="16"/>
        <v>-1</v>
      </c>
      <c r="M49" s="290">
        <f t="shared" si="16"/>
        <v>1711.6913728200245</v>
      </c>
      <c r="N49" s="290">
        <f t="shared" si="16"/>
        <v>-1</v>
      </c>
      <c r="O49" s="290">
        <f t="shared" si="16"/>
        <v>-1</v>
      </c>
      <c r="P49" s="290">
        <f t="shared" si="16"/>
        <v>1521.4075440717581</v>
      </c>
      <c r="Q49" s="290">
        <f t="shared" si="16"/>
        <v>-1</v>
      </c>
      <c r="R49" s="290">
        <f t="shared" si="16"/>
        <v>-1</v>
      </c>
      <c r="S49" s="290">
        <f t="shared" si="16"/>
        <v>2424.8236293966215</v>
      </c>
      <c r="T49" s="290">
        <f t="shared" si="16"/>
        <v>-1</v>
      </c>
      <c r="U49" s="290">
        <f t="shared" si="16"/>
        <v>1285.6965161169787</v>
      </c>
      <c r="V49" s="290">
        <f t="shared" si="16"/>
        <v>1975.2389734583141</v>
      </c>
      <c r="W49" s="290">
        <f t="shared" si="16"/>
        <v>1124.9844516023563</v>
      </c>
      <c r="X49" s="290">
        <f t="shared" si="16"/>
        <v>-1</v>
      </c>
      <c r="Y49" s="290">
        <f t="shared" si="16"/>
        <v>-1</v>
      </c>
      <c r="Z49" s="290">
        <f t="shared" si="16"/>
        <v>-1</v>
      </c>
      <c r="AA49" s="290">
        <f t="shared" si="16"/>
        <v>1942.6203482085439</v>
      </c>
    </row>
    <row r="50" spans="1:27" x14ac:dyDescent="0.35">
      <c r="A50" s="16">
        <v>2018</v>
      </c>
      <c r="B50" s="119">
        <v>1.7500000000000002E-2</v>
      </c>
      <c r="C50" s="120">
        <f t="shared" si="0"/>
        <v>0.94311013261139998</v>
      </c>
      <c r="D50" s="118">
        <f t="shared" si="1"/>
        <v>5.6889867388600024E-2</v>
      </c>
      <c r="F50" s="289">
        <f t="shared" ref="F50:AA50" si="17">IF(F96&lt;&gt;"",F96+F96*$D50,-1)</f>
        <v>-1</v>
      </c>
      <c r="G50" s="289">
        <f t="shared" si="17"/>
        <v>-1</v>
      </c>
      <c r="H50" s="293">
        <f t="shared" si="17"/>
        <v>1667.7722107392108</v>
      </c>
      <c r="I50" s="290">
        <f t="shared" si="17"/>
        <v>1090.7491799609077</v>
      </c>
      <c r="J50" s="290">
        <f t="shared" si="17"/>
        <v>-1</v>
      </c>
      <c r="K50" s="290">
        <f t="shared" si="17"/>
        <v>-1</v>
      </c>
      <c r="L50" s="290">
        <f t="shared" si="17"/>
        <v>-1</v>
      </c>
      <c r="M50" s="290">
        <f t="shared" si="17"/>
        <v>1620.7300427417442</v>
      </c>
      <c r="N50" s="290">
        <f t="shared" si="17"/>
        <v>-1</v>
      </c>
      <c r="O50" s="290">
        <f t="shared" si="17"/>
        <v>-1</v>
      </c>
      <c r="P50" s="290">
        <f t="shared" si="17"/>
        <v>1463.792466333211</v>
      </c>
      <c r="Q50" s="290">
        <f t="shared" si="17"/>
        <v>-1</v>
      </c>
      <c r="R50" s="290">
        <f t="shared" si="17"/>
        <v>1796.7127745606201</v>
      </c>
      <c r="S50" s="290">
        <f t="shared" si="17"/>
        <v>2342.9451647230703</v>
      </c>
      <c r="T50" s="290">
        <f t="shared" si="17"/>
        <v>-1</v>
      </c>
      <c r="U50" s="290">
        <f t="shared" si="17"/>
        <v>-1</v>
      </c>
      <c r="V50" s="290">
        <f t="shared" si="17"/>
        <v>1728.0149331803611</v>
      </c>
      <c r="W50" s="290">
        <f t="shared" si="17"/>
        <v>1109.7343607580301</v>
      </c>
      <c r="X50" s="290">
        <f t="shared" si="17"/>
        <v>-1</v>
      </c>
      <c r="Y50" s="290">
        <f t="shared" si="17"/>
        <v>-1</v>
      </c>
      <c r="Z50" s="290">
        <f t="shared" si="17"/>
        <v>-1</v>
      </c>
      <c r="AA50" s="290">
        <f t="shared" si="17"/>
        <v>1553.628105061242</v>
      </c>
    </row>
    <row r="51" spans="1:27" x14ac:dyDescent="0.35">
      <c r="A51" s="16">
        <v>2019</v>
      </c>
      <c r="B51" s="119">
        <v>1.2E-2</v>
      </c>
      <c r="C51" s="120">
        <f t="shared" si="0"/>
        <v>0.95990853192000003</v>
      </c>
      <c r="D51" s="118">
        <f t="shared" si="1"/>
        <v>4.009146807999997E-2</v>
      </c>
      <c r="F51" s="289">
        <f t="shared" ref="F51:AA51" si="18">IF(F97&lt;&gt;"",F97+F97*$D51,-1)</f>
        <v>-1</v>
      </c>
      <c r="G51" s="289">
        <f t="shared" si="18"/>
        <v>-1</v>
      </c>
      <c r="H51" s="293">
        <f t="shared" si="18"/>
        <v>1840.0622193817107</v>
      </c>
      <c r="I51" s="290">
        <f t="shared" si="18"/>
        <v>1048.4121998246399</v>
      </c>
      <c r="J51" s="290">
        <f t="shared" si="18"/>
        <v>-1</v>
      </c>
      <c r="K51" s="290">
        <f t="shared" si="18"/>
        <v>-1</v>
      </c>
      <c r="L51" s="290">
        <f t="shared" si="18"/>
        <v>1752.03407798076</v>
      </c>
      <c r="M51" s="290">
        <f t="shared" si="18"/>
        <v>1603.6026245710632</v>
      </c>
      <c r="N51" s="290">
        <f t="shared" si="18"/>
        <v>-1</v>
      </c>
      <c r="O51" s="290">
        <f t="shared" si="18"/>
        <v>-1</v>
      </c>
      <c r="P51" s="290">
        <f t="shared" si="18"/>
        <v>1401.6272623846078</v>
      </c>
      <c r="Q51" s="290">
        <f t="shared" si="18"/>
        <v>-1</v>
      </c>
      <c r="R51" s="290">
        <f t="shared" si="18"/>
        <v>1768.1554957359999</v>
      </c>
      <c r="S51" s="290">
        <f t="shared" si="18"/>
        <v>1754.6343066509598</v>
      </c>
      <c r="T51" s="290">
        <f t="shared" si="18"/>
        <v>-1</v>
      </c>
      <c r="U51" s="290">
        <f t="shared" si="18"/>
        <v>1221.1568313921748</v>
      </c>
      <c r="V51" s="290">
        <f t="shared" si="18"/>
        <v>1909.7171449990283</v>
      </c>
      <c r="W51" s="290">
        <f t="shared" si="18"/>
        <v>1092.0960414839999</v>
      </c>
      <c r="X51" s="290">
        <f t="shared" si="18"/>
        <v>-1</v>
      </c>
      <c r="Y51" s="290">
        <f t="shared" si="18"/>
        <v>-1</v>
      </c>
      <c r="Z51" s="290">
        <f t="shared" si="18"/>
        <v>-1</v>
      </c>
      <c r="AA51" s="290">
        <f t="shared" si="18"/>
        <v>-1</v>
      </c>
    </row>
    <row r="52" spans="1:27" x14ac:dyDescent="0.35">
      <c r="A52" s="16">
        <v>2020</v>
      </c>
      <c r="B52" s="119">
        <v>2.5999999999999999E-3</v>
      </c>
      <c r="C52" s="120">
        <f t="shared" si="0"/>
        <v>0.97156734</v>
      </c>
      <c r="D52" s="118">
        <f t="shared" si="1"/>
        <v>2.8432659999999998E-2</v>
      </c>
      <c r="F52" s="289">
        <f t="shared" ref="F52:AA52" si="19">IF(F98&lt;&gt;"",F98+F98*$D52,-1)</f>
        <v>-1</v>
      </c>
      <c r="G52" s="289">
        <f t="shared" si="19"/>
        <v>-1</v>
      </c>
      <c r="H52" s="293">
        <f t="shared" si="19"/>
        <v>1342.1046213</v>
      </c>
      <c r="I52" s="290">
        <f t="shared" si="19"/>
        <v>1036.6601212799999</v>
      </c>
      <c r="J52" s="290">
        <f t="shared" si="19"/>
        <v>-1</v>
      </c>
      <c r="K52" s="290">
        <f t="shared" si="19"/>
        <v>-1</v>
      </c>
      <c r="L52" s="290">
        <f t="shared" si="19"/>
        <v>-1</v>
      </c>
      <c r="M52" s="290">
        <f t="shared" si="19"/>
        <v>1731.88059944</v>
      </c>
      <c r="N52" s="290">
        <f t="shared" si="19"/>
        <v>-1</v>
      </c>
      <c r="O52" s="290">
        <f t="shared" si="19"/>
        <v>-1</v>
      </c>
      <c r="P52" s="290">
        <f t="shared" si="19"/>
        <v>1234.1191920000001</v>
      </c>
      <c r="Q52" s="290">
        <f t="shared" si="19"/>
        <v>-1</v>
      </c>
      <c r="R52" s="290">
        <f t="shared" si="19"/>
        <v>1748.3355220000001</v>
      </c>
      <c r="S52" s="290">
        <f t="shared" si="19"/>
        <v>-1</v>
      </c>
      <c r="T52" s="290">
        <f t="shared" si="19"/>
        <v>-1</v>
      </c>
      <c r="U52" s="290">
        <f t="shared" si="19"/>
        <v>1211.8094023066201</v>
      </c>
      <c r="V52" s="290">
        <f t="shared" si="19"/>
        <v>-1</v>
      </c>
      <c r="W52" s="290">
        <f t="shared" si="19"/>
        <v>1079.8542930000001</v>
      </c>
      <c r="X52" s="290">
        <f t="shared" si="19"/>
        <v>-1</v>
      </c>
      <c r="Y52" s="290">
        <f t="shared" si="19"/>
        <v>-1</v>
      </c>
      <c r="Z52" s="290">
        <f t="shared" si="19"/>
        <v>-1</v>
      </c>
      <c r="AA52" s="290">
        <f t="shared" si="19"/>
        <v>1501.5116836</v>
      </c>
    </row>
    <row r="53" spans="1:27" x14ac:dyDescent="0.35">
      <c r="A53" s="16">
        <v>2021</v>
      </c>
      <c r="B53" s="119">
        <v>2.5899999999999999E-2</v>
      </c>
      <c r="C53" s="120">
        <f t="shared" si="0"/>
        <v>0.97409999999999997</v>
      </c>
      <c r="D53" s="118">
        <f t="shared" si="1"/>
        <v>2.5900000000000034E-2</v>
      </c>
      <c r="F53" s="289">
        <f t="shared" ref="F53:AA53" si="20">IF(F99&lt;&gt;"",F99+F99*$D53,-1)</f>
        <v>-1</v>
      </c>
      <c r="G53" s="289">
        <f t="shared" si="20"/>
        <v>-1</v>
      </c>
      <c r="H53" s="293">
        <f t="shared" si="20"/>
        <v>1502.3325098665002</v>
      </c>
      <c r="I53" s="290">
        <f t="shared" si="20"/>
        <v>1034.1071999999999</v>
      </c>
      <c r="J53" s="290">
        <f t="shared" si="20"/>
        <v>-1</v>
      </c>
      <c r="K53" s="290">
        <f t="shared" si="20"/>
        <v>-1</v>
      </c>
      <c r="L53" s="290">
        <f t="shared" si="20"/>
        <v>-1</v>
      </c>
      <c r="M53" s="290">
        <f t="shared" si="20"/>
        <v>1722.4861000000001</v>
      </c>
      <c r="N53" s="290">
        <f t="shared" si="20"/>
        <v>-1</v>
      </c>
      <c r="O53" s="290">
        <f t="shared" si="20"/>
        <v>-1</v>
      </c>
      <c r="P53" s="290">
        <f t="shared" si="20"/>
        <v>1088.4799</v>
      </c>
      <c r="Q53" s="290">
        <f t="shared" si="20"/>
        <v>-1</v>
      </c>
      <c r="R53" s="290">
        <f t="shared" si="20"/>
        <v>1744.03</v>
      </c>
      <c r="S53" s="290">
        <f t="shared" si="20"/>
        <v>-1</v>
      </c>
      <c r="T53" s="290">
        <f t="shared" si="20"/>
        <v>-1</v>
      </c>
      <c r="U53" s="290">
        <f t="shared" si="20"/>
        <v>-1</v>
      </c>
      <c r="V53" s="290">
        <f t="shared" si="20"/>
        <v>-1</v>
      </c>
      <c r="W53" s="290">
        <f t="shared" si="20"/>
        <v>1173.6296</v>
      </c>
      <c r="X53" s="290">
        <f t="shared" si="20"/>
        <v>-1</v>
      </c>
      <c r="Y53" s="290">
        <f t="shared" si="20"/>
        <v>-1</v>
      </c>
      <c r="Z53" s="290">
        <f t="shared" si="20"/>
        <v>-1</v>
      </c>
      <c r="AA53" s="290">
        <f t="shared" si="20"/>
        <v>1539.8759</v>
      </c>
    </row>
    <row r="54" spans="1:27" ht="15" thickBot="1" x14ac:dyDescent="0.4">
      <c r="A54" s="16">
        <v>2022</v>
      </c>
      <c r="B54" s="119">
        <v>8.3799999999999999E-2</v>
      </c>
      <c r="C54" s="118">
        <v>1</v>
      </c>
      <c r="D54" s="118">
        <f t="shared" si="1"/>
        <v>0</v>
      </c>
      <c r="E54" s="105"/>
      <c r="F54" s="291">
        <f t="shared" ref="F54:AA54" si="21">IF(F100&lt;&gt;"",F100+F100*$D54,-1)</f>
        <v>-1</v>
      </c>
      <c r="G54" s="291">
        <f t="shared" si="21"/>
        <v>-1</v>
      </c>
      <c r="H54" s="294">
        <f t="shared" si="21"/>
        <v>1464.4044350000001</v>
      </c>
      <c r="I54" s="292">
        <f t="shared" si="21"/>
        <v>1007.9999999999999</v>
      </c>
      <c r="J54" s="292">
        <f t="shared" si="21"/>
        <v>-1</v>
      </c>
      <c r="K54" s="292">
        <f t="shared" si="21"/>
        <v>-1</v>
      </c>
      <c r="L54" s="292">
        <f t="shared" si="21"/>
        <v>-1</v>
      </c>
      <c r="M54" s="292">
        <f t="shared" si="21"/>
        <v>1679</v>
      </c>
      <c r="N54" s="292">
        <f t="shared" si="21"/>
        <v>-1</v>
      </c>
      <c r="O54" s="292">
        <f t="shared" si="21"/>
        <v>-1</v>
      </c>
      <c r="P54" s="292">
        <f t="shared" si="21"/>
        <v>1061</v>
      </c>
      <c r="Q54" s="292">
        <f t="shared" si="21"/>
        <v>-1</v>
      </c>
      <c r="R54" s="292">
        <f t="shared" si="21"/>
        <v>1700</v>
      </c>
      <c r="S54" s="292">
        <f t="shared" si="21"/>
        <v>-1</v>
      </c>
      <c r="T54" s="292">
        <f t="shared" si="21"/>
        <v>-1</v>
      </c>
      <c r="U54" s="292">
        <f t="shared" si="21"/>
        <v>-1</v>
      </c>
      <c r="V54" s="292">
        <f t="shared" si="21"/>
        <v>-1</v>
      </c>
      <c r="W54" s="292">
        <f t="shared" si="21"/>
        <v>1144</v>
      </c>
      <c r="X54" s="292">
        <f t="shared" si="21"/>
        <v>-1</v>
      </c>
      <c r="Y54" s="292">
        <f t="shared" si="21"/>
        <v>-1</v>
      </c>
      <c r="Z54" s="292">
        <f t="shared" si="21"/>
        <v>-1</v>
      </c>
      <c r="AA54" s="292">
        <f t="shared" si="21"/>
        <v>1501</v>
      </c>
    </row>
    <row r="55" spans="1:27" ht="15" customHeight="1" thickBot="1" x14ac:dyDescent="0.3">
      <c r="A55" s="105" t="s">
        <v>271</v>
      </c>
      <c r="E55" s="105"/>
      <c r="F55" s="507" t="s">
        <v>270</v>
      </c>
      <c r="G55" s="508"/>
      <c r="H55" s="508"/>
      <c r="I55" s="508"/>
      <c r="J55" s="508"/>
      <c r="K55" s="508"/>
      <c r="L55" s="508"/>
      <c r="M55" s="508"/>
      <c r="N55" s="508"/>
      <c r="O55" s="508"/>
      <c r="P55" s="508"/>
      <c r="Q55" s="508"/>
      <c r="R55" s="508"/>
      <c r="S55" s="508"/>
      <c r="T55" s="508"/>
      <c r="U55" s="508"/>
      <c r="V55" s="508"/>
      <c r="W55" s="508"/>
      <c r="X55" s="508"/>
      <c r="Y55" s="508"/>
      <c r="Z55" s="508"/>
      <c r="AA55" s="509"/>
    </row>
    <row r="56" spans="1:27" x14ac:dyDescent="0.35">
      <c r="E56" s="105"/>
      <c r="F56" s="125" t="s">
        <v>268</v>
      </c>
      <c r="H56"/>
    </row>
    <row r="57" spans="1:27" x14ac:dyDescent="0.35">
      <c r="C57" s="105" t="s">
        <v>230</v>
      </c>
      <c r="D57" s="117"/>
      <c r="F57" s="113" t="s">
        <v>0</v>
      </c>
      <c r="G57" s="113" t="s">
        <v>1</v>
      </c>
      <c r="H57" s="112" t="s">
        <v>2</v>
      </c>
      <c r="I57" s="112" t="s">
        <v>3</v>
      </c>
      <c r="J57" s="112" t="s">
        <v>4</v>
      </c>
      <c r="K57" s="112" t="s">
        <v>5</v>
      </c>
      <c r="L57" s="112" t="s">
        <v>6</v>
      </c>
      <c r="M57" s="112" t="s">
        <v>7</v>
      </c>
      <c r="N57" s="420" t="s">
        <v>22</v>
      </c>
      <c r="O57" s="112" t="s">
        <v>9</v>
      </c>
      <c r="P57" s="112" t="s">
        <v>10</v>
      </c>
      <c r="Q57" s="112" t="s">
        <v>11</v>
      </c>
      <c r="R57" s="112" t="s">
        <v>12</v>
      </c>
      <c r="S57" s="112" t="s">
        <v>13</v>
      </c>
      <c r="T57" s="112" t="s">
        <v>14</v>
      </c>
      <c r="U57" s="112" t="s">
        <v>15</v>
      </c>
      <c r="V57" s="112" t="s">
        <v>16</v>
      </c>
      <c r="W57" s="112" t="s">
        <v>17</v>
      </c>
      <c r="X57" s="112" t="s">
        <v>18</v>
      </c>
      <c r="Y57" s="112" t="s">
        <v>19</v>
      </c>
      <c r="Z57" s="112" t="s">
        <v>20</v>
      </c>
      <c r="AA57" s="112" t="s">
        <v>181</v>
      </c>
    </row>
    <row r="58" spans="1:27" x14ac:dyDescent="0.35">
      <c r="C58" s="105" t="s">
        <v>229</v>
      </c>
      <c r="E58">
        <v>2003</v>
      </c>
      <c r="F58" s="108"/>
      <c r="G58" s="108"/>
      <c r="H58" s="108">
        <v>920.24539877300617</v>
      </c>
      <c r="I58" s="108"/>
      <c r="J58" s="108">
        <v>872.48322147651004</v>
      </c>
      <c r="K58" s="108">
        <v>954</v>
      </c>
      <c r="L58" s="108"/>
      <c r="M58" s="108">
        <v>1133</v>
      </c>
      <c r="N58" s="108">
        <v>1070</v>
      </c>
      <c r="O58" s="108">
        <v>1100</v>
      </c>
      <c r="P58" s="108">
        <v>900</v>
      </c>
      <c r="Q58" s="108">
        <v>869.04761904761904</v>
      </c>
      <c r="R58" s="108"/>
      <c r="S58" s="108"/>
      <c r="T58" s="108">
        <v>1119</v>
      </c>
      <c r="U58" s="108">
        <v>1254</v>
      </c>
      <c r="V58" s="108">
        <v>1150</v>
      </c>
      <c r="W58" s="108">
        <v>936</v>
      </c>
      <c r="X58" s="108">
        <v>1036.3836824696803</v>
      </c>
      <c r="Y58" s="108"/>
      <c r="Z58" s="108"/>
      <c r="AA58" s="108">
        <v>793.65079365079362</v>
      </c>
    </row>
    <row r="59" spans="1:27" x14ac:dyDescent="0.35">
      <c r="E59">
        <v>2004</v>
      </c>
      <c r="F59" s="108"/>
      <c r="G59" s="108"/>
      <c r="H59" s="108">
        <v>920.24539877300617</v>
      </c>
      <c r="I59" s="108"/>
      <c r="J59" s="108">
        <v>880.3763440860215</v>
      </c>
      <c r="K59" s="108">
        <v>954</v>
      </c>
      <c r="L59" s="108"/>
      <c r="M59" s="108">
        <v>1150</v>
      </c>
      <c r="N59" s="108">
        <v>1050</v>
      </c>
      <c r="O59" s="108">
        <v>1150</v>
      </c>
      <c r="P59" s="108">
        <v>1000</v>
      </c>
      <c r="Q59" s="108">
        <v>864.44444444444434</v>
      </c>
      <c r="R59" s="108"/>
      <c r="S59" s="108"/>
      <c r="T59" s="108">
        <v>1125</v>
      </c>
      <c r="U59" s="108">
        <v>972.05346294046171</v>
      </c>
      <c r="V59" s="108">
        <v>1100</v>
      </c>
      <c r="W59" s="108">
        <v>920</v>
      </c>
      <c r="X59" s="108">
        <v>995.89322381930185</v>
      </c>
      <c r="Y59" s="108"/>
      <c r="Z59" s="108">
        <v>1056.3380281690143</v>
      </c>
      <c r="AA59" s="108">
        <v>792.5925925925925</v>
      </c>
    </row>
    <row r="60" spans="1:27" x14ac:dyDescent="0.35">
      <c r="E60">
        <v>2005</v>
      </c>
      <c r="F60" s="108"/>
      <c r="G60" s="108"/>
      <c r="H60" s="108">
        <v>1449.2753623188407</v>
      </c>
      <c r="I60" s="108"/>
      <c r="J60" s="108">
        <v>938.33780160857907</v>
      </c>
      <c r="K60" s="108">
        <v>954</v>
      </c>
      <c r="L60" s="108"/>
      <c r="M60" s="108">
        <v>1170</v>
      </c>
      <c r="N60" s="108">
        <v>1050</v>
      </c>
      <c r="O60" s="108"/>
      <c r="P60" s="108">
        <v>1000</v>
      </c>
      <c r="Q60" s="108">
        <v>1005.9121621621622</v>
      </c>
      <c r="R60" s="108"/>
      <c r="S60" s="108"/>
      <c r="T60" s="108">
        <v>1100</v>
      </c>
      <c r="U60" s="108">
        <v>1026.2828535669587</v>
      </c>
      <c r="V60" s="108">
        <v>1170</v>
      </c>
      <c r="W60" s="108">
        <v>970</v>
      </c>
      <c r="X60" s="108"/>
      <c r="Y60" s="108"/>
      <c r="Z60" s="108">
        <v>1504.4776119402984</v>
      </c>
      <c r="AA60" s="108">
        <v>903.71621621621625</v>
      </c>
    </row>
    <row r="61" spans="1:27" x14ac:dyDescent="0.35">
      <c r="E61">
        <v>2006</v>
      </c>
      <c r="F61" s="108"/>
      <c r="G61" s="108"/>
      <c r="H61" s="108">
        <v>1365.6636000000001</v>
      </c>
      <c r="I61" s="108"/>
      <c r="J61" s="108">
        <v>979.52524849999998</v>
      </c>
      <c r="K61" s="108"/>
      <c r="L61" s="108"/>
      <c r="M61" s="108">
        <v>1289</v>
      </c>
      <c r="N61" s="108">
        <v>1050</v>
      </c>
      <c r="O61" s="108"/>
      <c r="P61" s="108">
        <v>1200</v>
      </c>
      <c r="Q61" s="108">
        <v>1209.6464000000001</v>
      </c>
      <c r="R61" s="108"/>
      <c r="S61" s="108"/>
      <c r="T61" s="108">
        <v>1100</v>
      </c>
      <c r="U61" s="108">
        <v>1216.54</v>
      </c>
      <c r="V61" s="108">
        <v>1170</v>
      </c>
      <c r="W61" s="108">
        <v>1220</v>
      </c>
      <c r="X61" s="108"/>
      <c r="Y61" s="108"/>
      <c r="Z61" s="108">
        <v>1261.5020000000002</v>
      </c>
      <c r="AA61" s="108">
        <v>1121.46704</v>
      </c>
    </row>
    <row r="62" spans="1:27" x14ac:dyDescent="0.35">
      <c r="E62">
        <v>2007</v>
      </c>
      <c r="F62" s="108"/>
      <c r="G62" s="108"/>
      <c r="H62" s="108">
        <v>1572.76</v>
      </c>
      <c r="I62" s="108"/>
      <c r="J62" s="108"/>
      <c r="K62" s="108"/>
      <c r="L62" s="108"/>
      <c r="M62" s="108"/>
      <c r="N62" s="108">
        <v>1100</v>
      </c>
      <c r="O62" s="108">
        <v>2000</v>
      </c>
      <c r="P62" s="108">
        <v>1800</v>
      </c>
      <c r="Q62" s="108"/>
      <c r="R62" s="108"/>
      <c r="S62" s="108"/>
      <c r="T62" s="108"/>
      <c r="U62" s="108"/>
      <c r="V62" s="108">
        <v>1300</v>
      </c>
      <c r="W62" s="108">
        <v>1250</v>
      </c>
      <c r="X62" s="108"/>
      <c r="Y62" s="108">
        <v>1301.5</v>
      </c>
      <c r="Z62" s="108">
        <v>941</v>
      </c>
      <c r="AA62" s="108">
        <v>1488</v>
      </c>
    </row>
    <row r="63" spans="1:27" x14ac:dyDescent="0.35">
      <c r="E63">
        <v>2008</v>
      </c>
      <c r="F63" s="108"/>
      <c r="G63" s="108"/>
      <c r="H63" s="108">
        <v>1174</v>
      </c>
      <c r="I63" s="108"/>
      <c r="J63" s="108"/>
      <c r="K63" s="108"/>
      <c r="L63" s="108"/>
      <c r="M63" s="108">
        <v>1459.5</v>
      </c>
      <c r="N63" s="108">
        <v>1100</v>
      </c>
      <c r="O63" s="108">
        <v>1700</v>
      </c>
      <c r="P63" s="108">
        <v>1800</v>
      </c>
      <c r="Q63" s="108">
        <v>2000</v>
      </c>
      <c r="R63" s="108"/>
      <c r="S63" s="108">
        <v>984</v>
      </c>
      <c r="T63" s="108">
        <v>1200</v>
      </c>
      <c r="U63" s="108"/>
      <c r="V63" s="108">
        <v>1297</v>
      </c>
      <c r="W63" s="108">
        <v>1400</v>
      </c>
      <c r="X63" s="108"/>
      <c r="Y63" s="108">
        <v>1885</v>
      </c>
      <c r="Z63" s="108">
        <v>1312.5</v>
      </c>
      <c r="AA63" s="108">
        <v>1488</v>
      </c>
    </row>
    <row r="64" spans="1:27" x14ac:dyDescent="0.35">
      <c r="E64">
        <v>2009</v>
      </c>
      <c r="F64" s="108">
        <v>1750</v>
      </c>
      <c r="G64" s="108"/>
      <c r="H64" s="108">
        <v>1650</v>
      </c>
      <c r="I64" s="108"/>
      <c r="J64" s="108">
        <v>1300</v>
      </c>
      <c r="K64" s="108"/>
      <c r="L64" s="108"/>
      <c r="M64" s="108"/>
      <c r="N64" s="108">
        <v>1250</v>
      </c>
      <c r="O64" s="108">
        <v>1602</v>
      </c>
      <c r="P64" s="108">
        <v>1740</v>
      </c>
      <c r="Q64" s="108">
        <v>2250</v>
      </c>
      <c r="R64" s="108"/>
      <c r="S64" s="108">
        <v>1400</v>
      </c>
      <c r="T64" s="108">
        <v>1325</v>
      </c>
      <c r="U64" s="108">
        <v>1500</v>
      </c>
      <c r="V64" s="108">
        <v>1400</v>
      </c>
      <c r="W64" s="108">
        <v>1250</v>
      </c>
      <c r="X64" s="108">
        <v>1835</v>
      </c>
      <c r="Y64" s="108">
        <v>1885</v>
      </c>
      <c r="Z64" s="108">
        <v>1312.5</v>
      </c>
      <c r="AA64" s="108">
        <v>1488</v>
      </c>
    </row>
    <row r="65" spans="3:31" x14ac:dyDescent="0.35">
      <c r="E65">
        <v>2010</v>
      </c>
      <c r="F65" s="108">
        <v>1850</v>
      </c>
      <c r="G65" s="108"/>
      <c r="H65" s="108">
        <v>1674</v>
      </c>
      <c r="I65" s="108">
        <v>995</v>
      </c>
      <c r="J65" s="108">
        <v>1030</v>
      </c>
      <c r="K65" s="108"/>
      <c r="L65" s="108"/>
      <c r="M65" s="108">
        <v>1546</v>
      </c>
      <c r="N65" s="108">
        <v>1250</v>
      </c>
      <c r="O65" s="108">
        <v>1800</v>
      </c>
      <c r="P65" s="108">
        <v>1740</v>
      </c>
      <c r="Q65" s="108">
        <v>2000</v>
      </c>
      <c r="R65" s="108"/>
      <c r="S65" s="108">
        <v>1500</v>
      </c>
      <c r="T65" s="108">
        <v>1325</v>
      </c>
      <c r="U65" s="108"/>
      <c r="V65" s="108">
        <v>1200</v>
      </c>
      <c r="W65" s="108">
        <v>1400</v>
      </c>
      <c r="X65" s="108">
        <v>1600</v>
      </c>
      <c r="Y65" s="108">
        <v>1885</v>
      </c>
      <c r="Z65" s="108">
        <v>1312.5</v>
      </c>
      <c r="AA65" s="108">
        <v>1603</v>
      </c>
    </row>
    <row r="66" spans="3:31" x14ac:dyDescent="0.35">
      <c r="E66">
        <v>2011</v>
      </c>
      <c r="F66" s="108">
        <v>1750</v>
      </c>
      <c r="G66" s="108"/>
      <c r="H66" s="108">
        <v>1892</v>
      </c>
      <c r="I66" s="108">
        <v>984</v>
      </c>
      <c r="J66" s="108">
        <v>1030</v>
      </c>
      <c r="K66" s="108"/>
      <c r="L66" s="108"/>
      <c r="M66" s="108">
        <v>1546</v>
      </c>
      <c r="N66" s="108">
        <v>1250</v>
      </c>
      <c r="O66" s="108">
        <v>1850</v>
      </c>
      <c r="P66" s="108">
        <v>1750</v>
      </c>
      <c r="Q66" s="108">
        <v>2970</v>
      </c>
      <c r="R66" s="108"/>
      <c r="S66" s="108">
        <v>1500</v>
      </c>
      <c r="T66" s="108">
        <v>1325</v>
      </c>
      <c r="U66" s="108"/>
      <c r="V66" s="108">
        <v>1400</v>
      </c>
      <c r="W66" s="108">
        <v>1200</v>
      </c>
      <c r="X66" s="108">
        <v>1600</v>
      </c>
      <c r="Y66" s="108">
        <v>2100</v>
      </c>
      <c r="Z66" s="108"/>
      <c r="AA66" s="108">
        <v>1603</v>
      </c>
    </row>
    <row r="67" spans="3:31" x14ac:dyDescent="0.35">
      <c r="E67">
        <v>2012</v>
      </c>
      <c r="F67" s="108">
        <v>1675</v>
      </c>
      <c r="G67" s="108"/>
      <c r="H67" s="108">
        <v>1824</v>
      </c>
      <c r="I67" s="108">
        <v>1220</v>
      </c>
      <c r="J67" s="108">
        <v>1240</v>
      </c>
      <c r="K67" s="108"/>
      <c r="L67" s="108"/>
      <c r="M67" s="108"/>
      <c r="N67" s="108"/>
      <c r="O67" s="108">
        <v>1500</v>
      </c>
      <c r="P67" s="108">
        <v>1750</v>
      </c>
      <c r="Q67" s="108">
        <v>2610</v>
      </c>
      <c r="R67" s="108"/>
      <c r="S67" s="108">
        <v>1500</v>
      </c>
      <c r="T67" s="108">
        <v>1376</v>
      </c>
      <c r="U67" s="108"/>
      <c r="V67" s="108"/>
      <c r="W67" s="108">
        <v>1200</v>
      </c>
      <c r="X67" s="108">
        <v>1600</v>
      </c>
      <c r="Y67" s="108">
        <v>2070</v>
      </c>
      <c r="Z67" s="108"/>
      <c r="AA67" s="108"/>
    </row>
    <row r="68" spans="3:31" x14ac:dyDescent="0.35">
      <c r="E68">
        <v>2013</v>
      </c>
      <c r="F68" s="108">
        <v>1715</v>
      </c>
      <c r="G68" s="108"/>
      <c r="H68" s="108">
        <v>1639</v>
      </c>
      <c r="I68" s="108">
        <v>960</v>
      </c>
      <c r="J68" s="108"/>
      <c r="K68" s="108"/>
      <c r="L68" s="108"/>
      <c r="M68" s="108">
        <v>1427</v>
      </c>
      <c r="N68" s="108"/>
      <c r="O68" s="108"/>
      <c r="P68" s="108">
        <v>1750</v>
      </c>
      <c r="Q68" s="108">
        <v>2070</v>
      </c>
      <c r="R68" s="108"/>
      <c r="S68" s="108">
        <v>1500</v>
      </c>
      <c r="T68" s="108">
        <v>1376</v>
      </c>
      <c r="U68" s="108">
        <v>1412</v>
      </c>
      <c r="V68" s="108">
        <v>1350</v>
      </c>
      <c r="W68" s="108"/>
      <c r="X68" s="108"/>
      <c r="Y68" s="108">
        <v>2070</v>
      </c>
      <c r="Z68" s="108"/>
      <c r="AA68" s="108"/>
    </row>
    <row r="69" spans="3:31" x14ac:dyDescent="0.35">
      <c r="E69">
        <v>2014</v>
      </c>
      <c r="F69" s="108">
        <v>1384</v>
      </c>
      <c r="G69" s="108"/>
      <c r="H69" s="108"/>
      <c r="I69" s="108">
        <v>1064</v>
      </c>
      <c r="J69" s="108"/>
      <c r="K69" s="108"/>
      <c r="L69" s="108"/>
      <c r="M69" s="108"/>
      <c r="N69" s="108"/>
      <c r="O69" s="108">
        <v>1550</v>
      </c>
      <c r="P69" s="108">
        <v>1500</v>
      </c>
      <c r="Q69" s="108">
        <v>2081</v>
      </c>
      <c r="R69" s="108"/>
      <c r="S69" s="108">
        <v>1652</v>
      </c>
      <c r="T69" s="108">
        <v>1087</v>
      </c>
      <c r="U69" s="108">
        <v>1328</v>
      </c>
      <c r="V69" s="108">
        <v>1351</v>
      </c>
      <c r="W69" s="108">
        <v>1100</v>
      </c>
      <c r="X69" s="108"/>
      <c r="Y69" s="108"/>
      <c r="Z69" s="108"/>
      <c r="AA69" s="108"/>
    </row>
    <row r="70" spans="3:31" x14ac:dyDescent="0.35">
      <c r="E70">
        <v>2015</v>
      </c>
      <c r="F70" s="108">
        <v>1699.9999999999998</v>
      </c>
      <c r="G70" s="108">
        <v>1549.6323529411764</v>
      </c>
      <c r="H70" s="108"/>
      <c r="I70" s="108">
        <v>1219.6691176470588</v>
      </c>
      <c r="J70" s="108"/>
      <c r="K70" s="108"/>
      <c r="L70" s="108"/>
      <c r="M70" s="108">
        <v>1245.5</v>
      </c>
      <c r="N70" s="108"/>
      <c r="O70" s="108">
        <v>1649.8161764705881</v>
      </c>
      <c r="P70" s="108">
        <v>1669.1176470588234</v>
      </c>
      <c r="Q70" s="108">
        <v>2095.5882352941176</v>
      </c>
      <c r="R70" s="108"/>
      <c r="S70" s="108"/>
      <c r="T70" s="108"/>
      <c r="U70" s="108">
        <v>1102.9411764705881</v>
      </c>
      <c r="V70" s="108">
        <v>1635</v>
      </c>
      <c r="W70" s="108">
        <v>1213.2352941176471</v>
      </c>
      <c r="X70" s="108"/>
      <c r="Y70" s="108"/>
      <c r="Z70" s="108"/>
      <c r="AA70" s="108"/>
    </row>
    <row r="71" spans="3:31" x14ac:dyDescent="0.35">
      <c r="E71">
        <v>2016</v>
      </c>
      <c r="F71" s="108">
        <v>1757.5</v>
      </c>
      <c r="G71" s="108"/>
      <c r="H71" s="108">
        <v>1890.5</v>
      </c>
      <c r="I71" s="108">
        <v>1107.7</v>
      </c>
      <c r="J71" s="108"/>
      <c r="K71" s="108"/>
      <c r="L71" s="108">
        <v>1330</v>
      </c>
      <c r="M71" s="108">
        <v>1450</v>
      </c>
      <c r="N71" s="108"/>
      <c r="O71" s="108">
        <v>1749.8999999999999</v>
      </c>
      <c r="P71" s="108">
        <v>1501</v>
      </c>
      <c r="Q71" s="108"/>
      <c r="R71" s="108"/>
      <c r="S71" s="108">
        <v>2028.25</v>
      </c>
      <c r="T71" s="108"/>
      <c r="U71" s="108">
        <v>1140</v>
      </c>
      <c r="V71" s="108">
        <v>1635</v>
      </c>
      <c r="W71" s="108">
        <v>1199.8499999999999</v>
      </c>
      <c r="X71" s="108"/>
      <c r="Y71" s="108"/>
      <c r="Z71" s="108"/>
      <c r="AA71" s="108">
        <v>1605.5</v>
      </c>
    </row>
    <row r="72" spans="3:31" x14ac:dyDescent="0.35">
      <c r="D72"/>
      <c r="E72" s="105">
        <v>2017</v>
      </c>
      <c r="F72" s="108" t="s">
        <v>23</v>
      </c>
      <c r="G72" s="108" t="s">
        <v>23</v>
      </c>
      <c r="H72" s="108">
        <v>1844.6699238098111</v>
      </c>
      <c r="I72" s="108" t="s">
        <v>23</v>
      </c>
      <c r="J72" s="108" t="s">
        <v>23</v>
      </c>
      <c r="K72" s="108" t="s">
        <v>23</v>
      </c>
      <c r="L72" s="108" t="s">
        <v>23</v>
      </c>
      <c r="M72" s="108">
        <v>1416.8490153172866</v>
      </c>
      <c r="N72" s="108"/>
      <c r="O72" s="108" t="s">
        <v>23</v>
      </c>
      <c r="P72" s="108">
        <v>1259.3419672163134</v>
      </c>
      <c r="Q72" s="108" t="s">
        <v>23</v>
      </c>
      <c r="R72" s="108" t="s">
        <v>23</v>
      </c>
      <c r="S72" s="108">
        <v>2007.1427747915211</v>
      </c>
      <c r="T72" s="108" t="s">
        <v>23</v>
      </c>
      <c r="U72" s="108">
        <v>1064.2326483518141</v>
      </c>
      <c r="V72" s="108">
        <v>1635</v>
      </c>
      <c r="W72" s="108">
        <v>931.20356730783737</v>
      </c>
      <c r="X72" s="108" t="s">
        <v>23</v>
      </c>
      <c r="Y72" s="108" t="s">
        <v>23</v>
      </c>
      <c r="Z72" s="108" t="s">
        <v>23</v>
      </c>
      <c r="AA72" s="108">
        <v>1608</v>
      </c>
    </row>
    <row r="73" spans="3:31" ht="12.5" x14ac:dyDescent="0.25">
      <c r="E73" s="105">
        <v>2018</v>
      </c>
      <c r="F73" s="108" t="s">
        <v>23</v>
      </c>
      <c r="G73" s="108" t="s">
        <v>23</v>
      </c>
      <c r="H73" s="108">
        <v>1336.1558001693479</v>
      </c>
      <c r="I73" s="108">
        <v>873.86684701309116</v>
      </c>
      <c r="J73" s="108" t="s">
        <v>23</v>
      </c>
      <c r="K73" s="108" t="s">
        <v>23</v>
      </c>
      <c r="L73" s="108" t="s">
        <v>23</v>
      </c>
      <c r="M73" s="108">
        <v>1298.467400508044</v>
      </c>
      <c r="N73" s="108"/>
      <c r="O73" s="108" t="s">
        <v>23</v>
      </c>
      <c r="P73" s="108">
        <v>1172.7349703640982</v>
      </c>
      <c r="Q73" s="108" t="s">
        <v>23</v>
      </c>
      <c r="R73" s="108">
        <v>1439.4580863674851</v>
      </c>
      <c r="S73" s="108">
        <v>1877.0787468247247</v>
      </c>
      <c r="T73" s="108" t="s">
        <v>23</v>
      </c>
      <c r="U73" s="108" t="s">
        <v>23</v>
      </c>
      <c r="V73" s="108">
        <v>1384.4199830651989</v>
      </c>
      <c r="W73" s="108">
        <v>889.07705334462321</v>
      </c>
      <c r="X73" s="108" t="s">
        <v>23</v>
      </c>
      <c r="Y73" s="108" t="s">
        <v>23</v>
      </c>
      <c r="Z73" s="108" t="s">
        <v>23</v>
      </c>
      <c r="AA73" s="108">
        <v>1244.7078746824725</v>
      </c>
    </row>
    <row r="74" spans="3:31" x14ac:dyDescent="0.35">
      <c r="C74" s="110"/>
      <c r="D74" s="2"/>
      <c r="E74">
        <v>2019</v>
      </c>
      <c r="F74" s="108" t="s">
        <v>23</v>
      </c>
      <c r="G74" s="108" t="s">
        <v>23</v>
      </c>
      <c r="H74" s="108">
        <v>1769.135</v>
      </c>
      <c r="I74" s="108">
        <v>1007.9999999999999</v>
      </c>
      <c r="J74" s="108" t="s">
        <v>23</v>
      </c>
      <c r="K74" s="108" t="s">
        <v>23</v>
      </c>
      <c r="L74" s="108">
        <v>1684.5</v>
      </c>
      <c r="M74" s="108">
        <v>1541.79</v>
      </c>
      <c r="N74" s="108"/>
      <c r="O74" s="108" t="s">
        <v>23</v>
      </c>
      <c r="P74" s="108">
        <v>1200</v>
      </c>
      <c r="Q74" s="108" t="s">
        <v>23</v>
      </c>
      <c r="R74" s="108">
        <v>1700</v>
      </c>
      <c r="S74" s="108">
        <v>1687</v>
      </c>
      <c r="T74" s="108" t="s">
        <v>23</v>
      </c>
      <c r="U74" s="108">
        <v>1174.086</v>
      </c>
      <c r="V74" s="108">
        <v>1635</v>
      </c>
      <c r="W74" s="108">
        <v>1050</v>
      </c>
      <c r="X74" s="108" t="s">
        <v>23</v>
      </c>
      <c r="Y74" s="108" t="s">
        <v>23</v>
      </c>
      <c r="Z74" s="108" t="s">
        <v>23</v>
      </c>
      <c r="AA74" s="108" t="s">
        <v>23</v>
      </c>
    </row>
    <row r="75" spans="3:31" x14ac:dyDescent="0.35">
      <c r="C75" s="110"/>
      <c r="D75" s="2"/>
      <c r="E75" s="105">
        <v>2020</v>
      </c>
      <c r="F75" s="108" t="s">
        <v>23</v>
      </c>
      <c r="G75" s="108" t="s">
        <v>23</v>
      </c>
      <c r="H75" s="108">
        <v>1305</v>
      </c>
      <c r="I75" s="108">
        <v>1007.9999999999999</v>
      </c>
      <c r="J75" s="108" t="s">
        <v>23</v>
      </c>
      <c r="K75" s="108" t="s">
        <v>23</v>
      </c>
      <c r="L75" s="108" t="s">
        <v>23</v>
      </c>
      <c r="M75" s="108">
        <v>1684</v>
      </c>
      <c r="N75" s="108"/>
      <c r="O75" s="108" t="s">
        <v>23</v>
      </c>
      <c r="P75" s="108">
        <v>1200</v>
      </c>
      <c r="Q75" s="108" t="s">
        <v>23</v>
      </c>
      <c r="R75" s="108">
        <v>1700</v>
      </c>
      <c r="S75" s="108" t="s">
        <v>23</v>
      </c>
      <c r="T75" s="108" t="s">
        <v>23</v>
      </c>
      <c r="U75" s="108">
        <v>1178.307</v>
      </c>
      <c r="V75" s="108" t="s">
        <v>23</v>
      </c>
      <c r="W75" s="108">
        <v>1050</v>
      </c>
      <c r="X75" s="108" t="s">
        <v>23</v>
      </c>
      <c r="Y75" s="108" t="s">
        <v>23</v>
      </c>
      <c r="Z75" s="108" t="s">
        <v>23</v>
      </c>
      <c r="AA75" s="108">
        <v>1460</v>
      </c>
    </row>
    <row r="76" spans="3:31" x14ac:dyDescent="0.35">
      <c r="C76" s="110"/>
      <c r="D76" s="2"/>
      <c r="E76" s="105">
        <v>2021</v>
      </c>
      <c r="F76" s="108" t="s">
        <v>23</v>
      </c>
      <c r="G76" s="108" t="s">
        <v>23</v>
      </c>
      <c r="H76" s="108">
        <v>1286.8228778558878</v>
      </c>
      <c r="I76" s="108">
        <v>885.76449912126532</v>
      </c>
      <c r="J76" s="108" t="s">
        <v>23</v>
      </c>
      <c r="K76" s="108" t="s">
        <v>23</v>
      </c>
      <c r="L76" s="108" t="s">
        <v>23</v>
      </c>
      <c r="M76" s="108">
        <v>1475.395430579965</v>
      </c>
      <c r="N76" s="108" t="s">
        <v>23</v>
      </c>
      <c r="O76" s="108" t="s">
        <v>23</v>
      </c>
      <c r="P76" s="108">
        <v>932.33743409490341</v>
      </c>
      <c r="Q76" s="108" t="s">
        <v>23</v>
      </c>
      <c r="R76" s="108">
        <v>1493.8488576449913</v>
      </c>
      <c r="S76" s="108" t="s">
        <v>23</v>
      </c>
      <c r="T76" s="108" t="s">
        <v>23</v>
      </c>
      <c r="U76" s="108" t="s">
        <v>23</v>
      </c>
      <c r="V76" s="108" t="s">
        <v>23</v>
      </c>
      <c r="W76" s="108">
        <v>1005.2724077328647</v>
      </c>
      <c r="X76" s="108" t="s">
        <v>23</v>
      </c>
      <c r="Y76" s="108" t="s">
        <v>23</v>
      </c>
      <c r="Z76" s="108" t="s">
        <v>23</v>
      </c>
      <c r="AA76" s="108">
        <v>1318.9806678383129</v>
      </c>
    </row>
    <row r="77" spans="3:31" x14ac:dyDescent="0.35">
      <c r="C77" s="110"/>
      <c r="D77" s="2"/>
      <c r="E77">
        <v>2022</v>
      </c>
      <c r="F77" s="108" t="s">
        <v>23</v>
      </c>
      <c r="G77" s="108" t="s">
        <v>23</v>
      </c>
      <c r="H77" s="108">
        <v>1364.7758014911465</v>
      </c>
      <c r="I77" s="108">
        <v>939.42218080149109</v>
      </c>
      <c r="J77" s="108" t="s">
        <v>23</v>
      </c>
      <c r="K77" s="108" t="s">
        <v>23</v>
      </c>
      <c r="L77" s="108" t="s">
        <v>23</v>
      </c>
      <c r="M77" s="108">
        <v>1564.7716682199441</v>
      </c>
      <c r="N77" s="108" t="s">
        <v>23</v>
      </c>
      <c r="O77" s="108" t="s">
        <v>23</v>
      </c>
      <c r="P77" s="108">
        <v>988.8164026095061</v>
      </c>
      <c r="Q77" s="108" t="s">
        <v>23</v>
      </c>
      <c r="R77" s="108">
        <v>1584.3429636533085</v>
      </c>
      <c r="S77" s="108" t="s">
        <v>23</v>
      </c>
      <c r="T77" s="108" t="s">
        <v>23</v>
      </c>
      <c r="U77" s="108" t="s">
        <v>23</v>
      </c>
      <c r="V77" s="108" t="s">
        <v>23</v>
      </c>
      <c r="W77" s="108">
        <v>1066.1696178937559</v>
      </c>
      <c r="X77" s="108" t="s">
        <v>23</v>
      </c>
      <c r="Y77" s="108" t="s">
        <v>23</v>
      </c>
      <c r="Z77" s="108" t="s">
        <v>23</v>
      </c>
      <c r="AA77" s="108">
        <v>1398.8816402609507</v>
      </c>
    </row>
    <row r="78" spans="3:31" x14ac:dyDescent="0.35">
      <c r="C78" s="116" t="s">
        <v>269</v>
      </c>
      <c r="D78" s="2"/>
      <c r="E78" s="105"/>
      <c r="F78" s="107"/>
      <c r="G78" s="107"/>
      <c r="H78" s="107"/>
      <c r="I78" s="107"/>
      <c r="J78" s="107"/>
      <c r="K78" s="107"/>
      <c r="L78" s="107"/>
      <c r="M78" s="107"/>
      <c r="O78" s="107"/>
      <c r="P78" s="107"/>
      <c r="Q78" s="107"/>
      <c r="R78" s="107"/>
      <c r="S78" s="107"/>
      <c r="T78" s="107"/>
      <c r="U78" s="107"/>
      <c r="V78" s="107"/>
      <c r="W78" s="107"/>
      <c r="X78" s="107"/>
      <c r="Y78" s="107"/>
      <c r="Z78" s="107"/>
      <c r="AA78" s="107"/>
    </row>
    <row r="79" spans="3:31" x14ac:dyDescent="0.35">
      <c r="C79" s="300">
        <v>1.1299999999999999</v>
      </c>
      <c r="E79" s="105"/>
      <c r="F79" s="288" t="s">
        <v>228</v>
      </c>
      <c r="H79"/>
    </row>
    <row r="80" spans="3:31" x14ac:dyDescent="0.35">
      <c r="C80" s="300">
        <v>1.24</v>
      </c>
      <c r="D80" s="114"/>
      <c r="E80" s="105"/>
      <c r="F80" s="113" t="s">
        <v>0</v>
      </c>
      <c r="G80" s="113" t="s">
        <v>1</v>
      </c>
      <c r="H80" s="112" t="s">
        <v>2</v>
      </c>
      <c r="I80" s="112" t="s">
        <v>3</v>
      </c>
      <c r="J80" s="112" t="s">
        <v>4</v>
      </c>
      <c r="K80" s="112" t="s">
        <v>5</v>
      </c>
      <c r="L80" s="112" t="s">
        <v>6</v>
      </c>
      <c r="M80" s="112" t="s">
        <v>7</v>
      </c>
      <c r="N80" s="420" t="s">
        <v>22</v>
      </c>
      <c r="O80" s="112" t="s">
        <v>9</v>
      </c>
      <c r="P80" s="112" t="s">
        <v>10</v>
      </c>
      <c r="Q80" s="112" t="s">
        <v>11</v>
      </c>
      <c r="R80" s="112" t="s">
        <v>12</v>
      </c>
      <c r="S80" s="112" t="s">
        <v>13</v>
      </c>
      <c r="T80" s="112" t="s">
        <v>14</v>
      </c>
      <c r="U80" s="112" t="s">
        <v>15</v>
      </c>
      <c r="V80" s="112" t="s">
        <v>16</v>
      </c>
      <c r="W80" s="112" t="s">
        <v>17</v>
      </c>
      <c r="X80" s="112" t="s">
        <v>18</v>
      </c>
      <c r="Y80" s="112" t="s">
        <v>19</v>
      </c>
      <c r="Z80" s="112" t="s">
        <v>20</v>
      </c>
      <c r="AA80" s="112" t="s">
        <v>181</v>
      </c>
      <c r="AB80" s="105" t="s">
        <v>130</v>
      </c>
      <c r="AC80" s="105" t="s">
        <v>227</v>
      </c>
      <c r="AE80" s="111" t="s">
        <v>226</v>
      </c>
    </row>
    <row r="81" spans="3:31" x14ac:dyDescent="0.35">
      <c r="C81" s="300">
        <v>1.24</v>
      </c>
      <c r="D81" s="110"/>
      <c r="E81">
        <v>2003</v>
      </c>
      <c r="F81" s="108" t="str">
        <f t="shared" ref="F81:AA81" si="22">IF(F58&lt;&gt;"",F58*$C79,"")</f>
        <v/>
      </c>
      <c r="G81" s="108" t="str">
        <f t="shared" si="22"/>
        <v/>
      </c>
      <c r="H81" s="108">
        <f t="shared" si="22"/>
        <v>1039.8773006134968</v>
      </c>
      <c r="I81" s="108" t="str">
        <f t="shared" si="22"/>
        <v/>
      </c>
      <c r="J81" s="108">
        <f t="shared" si="22"/>
        <v>985.9060402684562</v>
      </c>
      <c r="K81" s="108">
        <f t="shared" si="22"/>
        <v>1078.02</v>
      </c>
      <c r="L81" s="108" t="str">
        <f t="shared" si="22"/>
        <v/>
      </c>
      <c r="M81" s="108">
        <f t="shared" si="22"/>
        <v>1280.29</v>
      </c>
      <c r="N81" s="108">
        <f t="shared" si="22"/>
        <v>1209.0999999999999</v>
      </c>
      <c r="O81" s="108">
        <f t="shared" si="22"/>
        <v>1242.9999999999998</v>
      </c>
      <c r="P81" s="108">
        <f t="shared" si="22"/>
        <v>1016.9999999999999</v>
      </c>
      <c r="Q81" s="108">
        <f t="shared" si="22"/>
        <v>982.0238095238094</v>
      </c>
      <c r="R81" s="108" t="str">
        <f t="shared" si="22"/>
        <v/>
      </c>
      <c r="S81" s="108" t="str">
        <f t="shared" si="22"/>
        <v/>
      </c>
      <c r="T81" s="108">
        <f t="shared" si="22"/>
        <v>1264.4699999999998</v>
      </c>
      <c r="U81" s="108">
        <f t="shared" si="22"/>
        <v>1417.0199999999998</v>
      </c>
      <c r="V81" s="108">
        <f t="shared" si="22"/>
        <v>1299.4999999999998</v>
      </c>
      <c r="W81" s="108">
        <f t="shared" si="22"/>
        <v>1057.6799999999998</v>
      </c>
      <c r="X81" s="108">
        <f t="shared" si="22"/>
        <v>1171.1135611907387</v>
      </c>
      <c r="Y81" s="108" t="str">
        <f t="shared" si="22"/>
        <v/>
      </c>
      <c r="Z81" s="108" t="str">
        <f t="shared" si="22"/>
        <v/>
      </c>
      <c r="AA81" s="108">
        <f t="shared" si="22"/>
        <v>896.82539682539675</v>
      </c>
      <c r="AB81" s="107">
        <f t="shared" ref="AB81:AB100" si="23">AVERAGE(F81:AA81)</f>
        <v>1138.7018648872786</v>
      </c>
      <c r="AE81" s="38"/>
    </row>
    <row r="82" spans="3:31" x14ac:dyDescent="0.35">
      <c r="C82" s="300">
        <v>1.26</v>
      </c>
      <c r="E82">
        <v>2004</v>
      </c>
      <c r="F82" s="108" t="str">
        <f t="shared" ref="F82:AA82" si="24">IF(F59&lt;&gt;"",F59*$C80,"")</f>
        <v/>
      </c>
      <c r="G82" s="108" t="str">
        <f t="shared" si="24"/>
        <v/>
      </c>
      <c r="H82" s="108">
        <f t="shared" si="24"/>
        <v>1141.1042944785277</v>
      </c>
      <c r="I82" s="108" t="str">
        <f t="shared" si="24"/>
        <v/>
      </c>
      <c r="J82" s="108">
        <f t="shared" si="24"/>
        <v>1091.6666666666667</v>
      </c>
      <c r="K82" s="108">
        <f t="shared" si="24"/>
        <v>1182.96</v>
      </c>
      <c r="L82" s="108" t="str">
        <f t="shared" si="24"/>
        <v/>
      </c>
      <c r="M82" s="108">
        <f t="shared" si="24"/>
        <v>1426</v>
      </c>
      <c r="N82" s="108">
        <f t="shared" si="24"/>
        <v>1302</v>
      </c>
      <c r="O82" s="108">
        <f t="shared" si="24"/>
        <v>1426</v>
      </c>
      <c r="P82" s="108">
        <f t="shared" si="24"/>
        <v>1240</v>
      </c>
      <c r="Q82" s="108">
        <f t="shared" si="24"/>
        <v>1071.911111111111</v>
      </c>
      <c r="R82" s="108" t="str">
        <f t="shared" si="24"/>
        <v/>
      </c>
      <c r="S82" s="108" t="str">
        <f t="shared" si="24"/>
        <v/>
      </c>
      <c r="T82" s="108">
        <f t="shared" si="24"/>
        <v>1395</v>
      </c>
      <c r="U82" s="108">
        <f t="shared" si="24"/>
        <v>1205.3462940461725</v>
      </c>
      <c r="V82" s="108">
        <f t="shared" si="24"/>
        <v>1364</v>
      </c>
      <c r="W82" s="108">
        <f t="shared" si="24"/>
        <v>1140.8</v>
      </c>
      <c r="X82" s="108">
        <f t="shared" si="24"/>
        <v>1234.9075975359342</v>
      </c>
      <c r="Y82" s="108" t="str">
        <f t="shared" si="24"/>
        <v/>
      </c>
      <c r="Z82" s="108">
        <f t="shared" si="24"/>
        <v>1309.8591549295777</v>
      </c>
      <c r="AA82" s="108">
        <f t="shared" si="24"/>
        <v>982.81481481481467</v>
      </c>
      <c r="AB82" s="107">
        <f t="shared" si="23"/>
        <v>1234.2913289055202</v>
      </c>
      <c r="AC82" s="106">
        <f t="shared" ref="AC82:AC98" si="25">(AB81-AB82)/AB81</f>
        <v>-8.3945997601140451E-2</v>
      </c>
      <c r="AE82" s="38"/>
    </row>
    <row r="83" spans="3:31" x14ac:dyDescent="0.35">
      <c r="C83" s="300">
        <v>1.37</v>
      </c>
      <c r="E83">
        <v>2005</v>
      </c>
      <c r="F83" s="108" t="str">
        <f t="shared" ref="F83:AA83" si="26">IF(F60&lt;&gt;"",F60*$C81,"")</f>
        <v/>
      </c>
      <c r="G83" s="108" t="str">
        <f t="shared" si="26"/>
        <v/>
      </c>
      <c r="H83" s="108">
        <f t="shared" si="26"/>
        <v>1797.1014492753625</v>
      </c>
      <c r="I83" s="108" t="str">
        <f t="shared" si="26"/>
        <v/>
      </c>
      <c r="J83" s="108">
        <f t="shared" si="26"/>
        <v>1163.5388739946382</v>
      </c>
      <c r="K83" s="108">
        <f t="shared" si="26"/>
        <v>1182.96</v>
      </c>
      <c r="L83" s="108" t="str">
        <f t="shared" si="26"/>
        <v/>
      </c>
      <c r="M83" s="108">
        <f t="shared" si="26"/>
        <v>1450.8</v>
      </c>
      <c r="N83" s="108">
        <f t="shared" si="26"/>
        <v>1302</v>
      </c>
      <c r="O83" s="108" t="str">
        <f t="shared" si="26"/>
        <v/>
      </c>
      <c r="P83" s="108">
        <f t="shared" si="26"/>
        <v>1240</v>
      </c>
      <c r="Q83" s="108">
        <f t="shared" si="26"/>
        <v>1247.331081081081</v>
      </c>
      <c r="R83" s="108" t="str">
        <f t="shared" si="26"/>
        <v/>
      </c>
      <c r="S83" s="108" t="str">
        <f t="shared" si="26"/>
        <v/>
      </c>
      <c r="T83" s="108">
        <f t="shared" si="26"/>
        <v>1364</v>
      </c>
      <c r="U83" s="108">
        <f t="shared" si="26"/>
        <v>1272.5907384230288</v>
      </c>
      <c r="V83" s="108">
        <f t="shared" si="26"/>
        <v>1450.8</v>
      </c>
      <c r="W83" s="108">
        <f t="shared" si="26"/>
        <v>1202.8</v>
      </c>
      <c r="X83" s="108" t="str">
        <f t="shared" si="26"/>
        <v/>
      </c>
      <c r="Y83" s="108" t="str">
        <f t="shared" si="26"/>
        <v/>
      </c>
      <c r="Z83" s="108">
        <f t="shared" si="26"/>
        <v>1865.5522388059701</v>
      </c>
      <c r="AA83" s="108">
        <f t="shared" si="26"/>
        <v>1120.6081081081081</v>
      </c>
      <c r="AB83" s="107">
        <f t="shared" si="23"/>
        <v>1358.4678838221682</v>
      </c>
      <c r="AC83" s="106">
        <f t="shared" si="25"/>
        <v>-0.10060554749806007</v>
      </c>
      <c r="AE83" s="38"/>
    </row>
    <row r="84" spans="3:31" x14ac:dyDescent="0.35">
      <c r="C84" s="300">
        <v>1.47</v>
      </c>
      <c r="E84">
        <v>2006</v>
      </c>
      <c r="F84" s="108" t="str">
        <f t="shared" ref="F84:AA84" si="27">IF(F61&lt;&gt;"",F61*$C82,"")</f>
        <v/>
      </c>
      <c r="G84" s="108" t="str">
        <f t="shared" si="27"/>
        <v/>
      </c>
      <c r="H84" s="108">
        <f t="shared" si="27"/>
        <v>1720.7361360000002</v>
      </c>
      <c r="I84" s="108" t="str">
        <f t="shared" si="27"/>
        <v/>
      </c>
      <c r="J84" s="108">
        <f t="shared" si="27"/>
        <v>1234.2018131099999</v>
      </c>
      <c r="K84" s="108" t="str">
        <f t="shared" si="27"/>
        <v/>
      </c>
      <c r="L84" s="108" t="str">
        <f t="shared" si="27"/>
        <v/>
      </c>
      <c r="M84" s="108">
        <f t="shared" si="27"/>
        <v>1624.14</v>
      </c>
      <c r="N84" s="108">
        <f t="shared" si="27"/>
        <v>1323</v>
      </c>
      <c r="O84" s="108" t="str">
        <f t="shared" si="27"/>
        <v/>
      </c>
      <c r="P84" s="108">
        <f t="shared" si="27"/>
        <v>1512</v>
      </c>
      <c r="Q84" s="108">
        <f t="shared" si="27"/>
        <v>1524.1544640000002</v>
      </c>
      <c r="R84" s="108" t="str">
        <f t="shared" si="27"/>
        <v/>
      </c>
      <c r="S84" s="108" t="str">
        <f t="shared" si="27"/>
        <v/>
      </c>
      <c r="T84" s="108">
        <f t="shared" si="27"/>
        <v>1386</v>
      </c>
      <c r="U84" s="108">
        <f t="shared" si="27"/>
        <v>1532.8404</v>
      </c>
      <c r="V84" s="108">
        <f t="shared" si="27"/>
        <v>1474.2</v>
      </c>
      <c r="W84" s="108">
        <f t="shared" si="27"/>
        <v>1537.2</v>
      </c>
      <c r="X84" s="108" t="str">
        <f t="shared" si="27"/>
        <v/>
      </c>
      <c r="Y84" s="108" t="str">
        <f t="shared" si="27"/>
        <v/>
      </c>
      <c r="Z84" s="108">
        <f t="shared" si="27"/>
        <v>1589.4925200000002</v>
      </c>
      <c r="AA84" s="108">
        <f t="shared" si="27"/>
        <v>1413.0484704</v>
      </c>
      <c r="AB84" s="107">
        <f t="shared" si="23"/>
        <v>1489.2511502925001</v>
      </c>
      <c r="AC84" s="106">
        <f t="shared" si="25"/>
        <v>-9.6272623024669338E-2</v>
      </c>
      <c r="AE84" s="38"/>
    </row>
    <row r="85" spans="3:31" x14ac:dyDescent="0.35">
      <c r="C85" s="300">
        <v>1.39</v>
      </c>
      <c r="E85">
        <v>2007</v>
      </c>
      <c r="F85" s="108" t="str">
        <f t="shared" ref="F85:AA85" si="28">IF(F62&lt;&gt;"",F62*$C83,"")</f>
        <v/>
      </c>
      <c r="G85" s="108" t="str">
        <f t="shared" si="28"/>
        <v/>
      </c>
      <c r="H85" s="108">
        <f t="shared" si="28"/>
        <v>2154.6812</v>
      </c>
      <c r="I85" s="108" t="str">
        <f t="shared" si="28"/>
        <v/>
      </c>
      <c r="J85" s="108" t="str">
        <f t="shared" si="28"/>
        <v/>
      </c>
      <c r="K85" s="108" t="str">
        <f t="shared" si="28"/>
        <v/>
      </c>
      <c r="L85" s="108" t="str">
        <f t="shared" si="28"/>
        <v/>
      </c>
      <c r="M85" s="108" t="str">
        <f t="shared" si="28"/>
        <v/>
      </c>
      <c r="N85" s="108">
        <f t="shared" si="28"/>
        <v>1507.0000000000002</v>
      </c>
      <c r="O85" s="108">
        <f t="shared" si="28"/>
        <v>2740</v>
      </c>
      <c r="P85" s="108">
        <f t="shared" si="28"/>
        <v>2466</v>
      </c>
      <c r="Q85" s="108" t="str">
        <f t="shared" si="28"/>
        <v/>
      </c>
      <c r="R85" s="108" t="str">
        <f t="shared" si="28"/>
        <v/>
      </c>
      <c r="S85" s="108" t="str">
        <f t="shared" si="28"/>
        <v/>
      </c>
      <c r="T85" s="108" t="str">
        <f t="shared" si="28"/>
        <v/>
      </c>
      <c r="U85" s="108" t="str">
        <f t="shared" si="28"/>
        <v/>
      </c>
      <c r="V85" s="108">
        <f t="shared" si="28"/>
        <v>1781.0000000000002</v>
      </c>
      <c r="W85" s="108">
        <f t="shared" si="28"/>
        <v>1712.5000000000002</v>
      </c>
      <c r="X85" s="108" t="str">
        <f t="shared" si="28"/>
        <v/>
      </c>
      <c r="Y85" s="108">
        <f t="shared" si="28"/>
        <v>1783.0550000000001</v>
      </c>
      <c r="Z85" s="108">
        <f t="shared" si="28"/>
        <v>1289.17</v>
      </c>
      <c r="AA85" s="108">
        <f t="shared" si="28"/>
        <v>2038.5600000000002</v>
      </c>
      <c r="AB85" s="107">
        <f t="shared" si="23"/>
        <v>1941.3295777777776</v>
      </c>
      <c r="AC85" s="106">
        <f t="shared" si="25"/>
        <v>-0.30356090535601454</v>
      </c>
      <c r="AE85" s="38"/>
    </row>
    <row r="86" spans="3:31" x14ac:dyDescent="0.35">
      <c r="C86" s="300">
        <v>1.33</v>
      </c>
      <c r="E86">
        <v>2008</v>
      </c>
      <c r="F86" s="108" t="str">
        <f t="shared" ref="F86:AA86" si="29">IF(F63&lt;&gt;"",F63*$C84,"")</f>
        <v/>
      </c>
      <c r="G86" s="108" t="str">
        <f t="shared" si="29"/>
        <v/>
      </c>
      <c r="H86" s="108">
        <f t="shared" si="29"/>
        <v>1725.78</v>
      </c>
      <c r="I86" s="108" t="str">
        <f t="shared" si="29"/>
        <v/>
      </c>
      <c r="J86" s="108" t="str">
        <f t="shared" si="29"/>
        <v/>
      </c>
      <c r="K86" s="108" t="str">
        <f t="shared" si="29"/>
        <v/>
      </c>
      <c r="L86" s="108" t="str">
        <f t="shared" si="29"/>
        <v/>
      </c>
      <c r="M86" s="108">
        <f t="shared" si="29"/>
        <v>2145.4650000000001</v>
      </c>
      <c r="N86" s="108">
        <f t="shared" si="29"/>
        <v>1617</v>
      </c>
      <c r="O86" s="108">
        <f t="shared" si="29"/>
        <v>2499</v>
      </c>
      <c r="P86" s="108">
        <f t="shared" si="29"/>
        <v>2646</v>
      </c>
      <c r="Q86" s="108">
        <f t="shared" si="29"/>
        <v>2940</v>
      </c>
      <c r="R86" s="108" t="str">
        <f t="shared" si="29"/>
        <v/>
      </c>
      <c r="S86" s="108">
        <f t="shared" si="29"/>
        <v>1446.48</v>
      </c>
      <c r="T86" s="108">
        <f t="shared" si="29"/>
        <v>1764</v>
      </c>
      <c r="U86" s="108" t="str">
        <f t="shared" si="29"/>
        <v/>
      </c>
      <c r="V86" s="108">
        <f t="shared" si="29"/>
        <v>1906.59</v>
      </c>
      <c r="W86" s="108">
        <f t="shared" si="29"/>
        <v>2058</v>
      </c>
      <c r="X86" s="108" t="str">
        <f t="shared" si="29"/>
        <v/>
      </c>
      <c r="Y86" s="108">
        <f t="shared" si="29"/>
        <v>2770.95</v>
      </c>
      <c r="Z86" s="108">
        <f t="shared" si="29"/>
        <v>1929.375</v>
      </c>
      <c r="AA86" s="108">
        <f t="shared" si="29"/>
        <v>2187.36</v>
      </c>
      <c r="AB86" s="107">
        <f t="shared" si="23"/>
        <v>2125.8461538461538</v>
      </c>
      <c r="AC86" s="106">
        <f t="shared" si="25"/>
        <v>-9.5046497091746118E-2</v>
      </c>
      <c r="AE86" s="38"/>
    </row>
    <row r="87" spans="3:31" x14ac:dyDescent="0.35">
      <c r="C87" s="300">
        <v>1.39</v>
      </c>
      <c r="E87">
        <v>2009</v>
      </c>
      <c r="F87" s="108">
        <f t="shared" ref="F87:AA87" si="30">IF(F64&lt;&gt;"",F64*$C85,"")</f>
        <v>2432.5</v>
      </c>
      <c r="G87" s="108" t="str">
        <f t="shared" si="30"/>
        <v/>
      </c>
      <c r="H87" s="108">
        <f t="shared" si="30"/>
        <v>2293.5</v>
      </c>
      <c r="I87" s="108" t="str">
        <f t="shared" si="30"/>
        <v/>
      </c>
      <c r="J87" s="108">
        <f t="shared" si="30"/>
        <v>1806.9999999999998</v>
      </c>
      <c r="K87" s="108" t="str">
        <f t="shared" si="30"/>
        <v/>
      </c>
      <c r="L87" s="108" t="str">
        <f t="shared" si="30"/>
        <v/>
      </c>
      <c r="M87" s="108" t="str">
        <f t="shared" si="30"/>
        <v/>
      </c>
      <c r="N87" s="108">
        <f t="shared" si="30"/>
        <v>1737.4999999999998</v>
      </c>
      <c r="O87" s="108">
        <f t="shared" si="30"/>
        <v>2226.7799999999997</v>
      </c>
      <c r="P87" s="108">
        <f t="shared" si="30"/>
        <v>2418.6</v>
      </c>
      <c r="Q87" s="108">
        <f t="shared" si="30"/>
        <v>3127.5</v>
      </c>
      <c r="R87" s="108" t="str">
        <f t="shared" si="30"/>
        <v/>
      </c>
      <c r="S87" s="108">
        <f t="shared" si="30"/>
        <v>1945.9999999999998</v>
      </c>
      <c r="T87" s="108">
        <f t="shared" si="30"/>
        <v>1841.7499999999998</v>
      </c>
      <c r="U87" s="108">
        <f t="shared" si="30"/>
        <v>2085</v>
      </c>
      <c r="V87" s="108">
        <f t="shared" si="30"/>
        <v>1945.9999999999998</v>
      </c>
      <c r="W87" s="108">
        <f t="shared" si="30"/>
        <v>1737.4999999999998</v>
      </c>
      <c r="X87" s="108">
        <f t="shared" si="30"/>
        <v>2550.6499999999996</v>
      </c>
      <c r="Y87" s="108">
        <f t="shared" si="30"/>
        <v>2620.1499999999996</v>
      </c>
      <c r="Z87" s="108">
        <f t="shared" si="30"/>
        <v>1824.3749999999998</v>
      </c>
      <c r="AA87" s="108">
        <f t="shared" si="30"/>
        <v>2068.3199999999997</v>
      </c>
      <c r="AB87" s="107">
        <f t="shared" si="23"/>
        <v>2166.4453125</v>
      </c>
      <c r="AC87" s="106">
        <f t="shared" si="25"/>
        <v>-1.9097881838905793E-2</v>
      </c>
      <c r="AE87" s="38"/>
    </row>
    <row r="88" spans="3:31" x14ac:dyDescent="0.35">
      <c r="C88" s="300">
        <v>1.28</v>
      </c>
      <c r="E88">
        <v>2010</v>
      </c>
      <c r="F88" s="108">
        <f t="shared" ref="F88:AA88" si="31">IF(F65&lt;&gt;"",F65*$C86,"")</f>
        <v>2460.5</v>
      </c>
      <c r="G88" s="108" t="str">
        <f t="shared" si="31"/>
        <v/>
      </c>
      <c r="H88" s="108">
        <f t="shared" si="31"/>
        <v>2226.42</v>
      </c>
      <c r="I88" s="108">
        <f t="shared" si="31"/>
        <v>1323.3500000000001</v>
      </c>
      <c r="J88" s="108">
        <f t="shared" si="31"/>
        <v>1369.9</v>
      </c>
      <c r="K88" s="108" t="str">
        <f t="shared" si="31"/>
        <v/>
      </c>
      <c r="L88" s="108" t="str">
        <f t="shared" si="31"/>
        <v/>
      </c>
      <c r="M88" s="108">
        <f t="shared" si="31"/>
        <v>2056.1800000000003</v>
      </c>
      <c r="N88" s="108">
        <f t="shared" si="31"/>
        <v>1662.5</v>
      </c>
      <c r="O88" s="108">
        <f t="shared" si="31"/>
        <v>2394</v>
      </c>
      <c r="P88" s="108">
        <f t="shared" si="31"/>
        <v>2314.2000000000003</v>
      </c>
      <c r="Q88" s="108">
        <f t="shared" si="31"/>
        <v>2660</v>
      </c>
      <c r="R88" s="108" t="str">
        <f t="shared" si="31"/>
        <v/>
      </c>
      <c r="S88" s="108">
        <f t="shared" si="31"/>
        <v>1995</v>
      </c>
      <c r="T88" s="108">
        <f t="shared" si="31"/>
        <v>1762.25</v>
      </c>
      <c r="U88" s="108" t="str">
        <f t="shared" si="31"/>
        <v/>
      </c>
      <c r="V88" s="108">
        <f t="shared" si="31"/>
        <v>1596</v>
      </c>
      <c r="W88" s="108">
        <f t="shared" si="31"/>
        <v>1862</v>
      </c>
      <c r="X88" s="108">
        <f t="shared" si="31"/>
        <v>2128</v>
      </c>
      <c r="Y88" s="108">
        <f t="shared" si="31"/>
        <v>2507.0500000000002</v>
      </c>
      <c r="Z88" s="108">
        <f t="shared" si="31"/>
        <v>1745.625</v>
      </c>
      <c r="AA88" s="108">
        <f t="shared" si="31"/>
        <v>2131.9900000000002</v>
      </c>
      <c r="AB88" s="107">
        <f t="shared" si="23"/>
        <v>2011.4685294117648</v>
      </c>
      <c r="AC88" s="106">
        <f t="shared" si="25"/>
        <v>7.1535054309493515E-2</v>
      </c>
      <c r="AE88" s="38"/>
    </row>
    <row r="89" spans="3:31" x14ac:dyDescent="0.35">
      <c r="C89" s="300">
        <v>1.33</v>
      </c>
      <c r="E89">
        <v>2011</v>
      </c>
      <c r="F89" s="108">
        <f t="shared" ref="F89:AA89" si="32">IF(F66&lt;&gt;"",F66*$C87,"")</f>
        <v>2432.5</v>
      </c>
      <c r="G89" s="108" t="str">
        <f t="shared" si="32"/>
        <v/>
      </c>
      <c r="H89" s="108">
        <f t="shared" si="32"/>
        <v>2629.8799999999997</v>
      </c>
      <c r="I89" s="108">
        <f t="shared" si="32"/>
        <v>1367.76</v>
      </c>
      <c r="J89" s="108">
        <f t="shared" si="32"/>
        <v>1431.6999999999998</v>
      </c>
      <c r="K89" s="108" t="str">
        <f t="shared" si="32"/>
        <v/>
      </c>
      <c r="L89" s="108" t="str">
        <f t="shared" si="32"/>
        <v/>
      </c>
      <c r="M89" s="108">
        <f t="shared" si="32"/>
        <v>2148.94</v>
      </c>
      <c r="N89" s="108">
        <f t="shared" si="32"/>
        <v>1737.4999999999998</v>
      </c>
      <c r="O89" s="108">
        <f t="shared" si="32"/>
        <v>2571.5</v>
      </c>
      <c r="P89" s="108">
        <f t="shared" si="32"/>
        <v>2432.5</v>
      </c>
      <c r="Q89" s="108">
        <f t="shared" si="32"/>
        <v>4128.2999999999993</v>
      </c>
      <c r="R89" s="108" t="str">
        <f t="shared" si="32"/>
        <v/>
      </c>
      <c r="S89" s="108">
        <f t="shared" si="32"/>
        <v>2085</v>
      </c>
      <c r="T89" s="108">
        <f t="shared" si="32"/>
        <v>1841.7499999999998</v>
      </c>
      <c r="U89" s="108" t="str">
        <f t="shared" si="32"/>
        <v/>
      </c>
      <c r="V89" s="108">
        <f t="shared" si="32"/>
        <v>1945.9999999999998</v>
      </c>
      <c r="W89" s="108">
        <f t="shared" si="32"/>
        <v>1667.9999999999998</v>
      </c>
      <c r="X89" s="108">
        <f t="shared" si="32"/>
        <v>2224</v>
      </c>
      <c r="Y89" s="108">
        <f t="shared" si="32"/>
        <v>2919</v>
      </c>
      <c r="Z89" s="108" t="str">
        <f t="shared" si="32"/>
        <v/>
      </c>
      <c r="AA89" s="108">
        <f t="shared" si="32"/>
        <v>2228.1699999999996</v>
      </c>
      <c r="AB89" s="107">
        <f t="shared" si="23"/>
        <v>2237.03125</v>
      </c>
      <c r="AC89" s="106">
        <f t="shared" si="25"/>
        <v>-0.11213832942949342</v>
      </c>
      <c r="AE89" s="38"/>
    </row>
    <row r="90" spans="3:31" x14ac:dyDescent="0.35">
      <c r="C90" s="300">
        <v>1.33</v>
      </c>
      <c r="E90">
        <v>2012</v>
      </c>
      <c r="F90" s="108">
        <f t="shared" ref="F90:AA90" si="33">IF(F67&lt;&gt;"",F67*$C88,"")</f>
        <v>2144</v>
      </c>
      <c r="G90" s="108" t="str">
        <f t="shared" si="33"/>
        <v/>
      </c>
      <c r="H90" s="108">
        <f t="shared" si="33"/>
        <v>2334.7200000000003</v>
      </c>
      <c r="I90" s="108">
        <f t="shared" si="33"/>
        <v>1561.6000000000001</v>
      </c>
      <c r="J90" s="108">
        <f t="shared" si="33"/>
        <v>1587.2</v>
      </c>
      <c r="K90" s="108" t="str">
        <f t="shared" si="33"/>
        <v/>
      </c>
      <c r="L90" s="108" t="str">
        <f t="shared" si="33"/>
        <v/>
      </c>
      <c r="M90" s="108" t="str">
        <f t="shared" si="33"/>
        <v/>
      </c>
      <c r="N90" s="108" t="str">
        <f t="shared" si="33"/>
        <v/>
      </c>
      <c r="O90" s="108">
        <f t="shared" si="33"/>
        <v>1920</v>
      </c>
      <c r="P90" s="108">
        <f t="shared" si="33"/>
        <v>2240</v>
      </c>
      <c r="Q90" s="108">
        <f t="shared" si="33"/>
        <v>3340.8</v>
      </c>
      <c r="R90" s="108" t="str">
        <f t="shared" si="33"/>
        <v/>
      </c>
      <c r="S90" s="108">
        <f t="shared" si="33"/>
        <v>1920</v>
      </c>
      <c r="T90" s="108">
        <f t="shared" si="33"/>
        <v>1761.28</v>
      </c>
      <c r="U90" s="108" t="str">
        <f t="shared" si="33"/>
        <v/>
      </c>
      <c r="V90" s="108" t="str">
        <f t="shared" si="33"/>
        <v/>
      </c>
      <c r="W90" s="108">
        <f t="shared" si="33"/>
        <v>1536</v>
      </c>
      <c r="X90" s="108">
        <f t="shared" si="33"/>
        <v>2048</v>
      </c>
      <c r="Y90" s="108">
        <f t="shared" si="33"/>
        <v>2649.6</v>
      </c>
      <c r="Z90" s="108" t="str">
        <f t="shared" si="33"/>
        <v/>
      </c>
      <c r="AA90" s="108" t="str">
        <f t="shared" si="33"/>
        <v/>
      </c>
      <c r="AB90" s="107">
        <f t="shared" si="23"/>
        <v>2086.9333333333329</v>
      </c>
      <c r="AC90" s="106">
        <f t="shared" si="25"/>
        <v>6.7096924402225963E-2</v>
      </c>
      <c r="AE90" s="38"/>
    </row>
    <row r="91" spans="3:31" x14ac:dyDescent="0.35">
      <c r="C91" s="300">
        <v>1.1100000000000001</v>
      </c>
      <c r="E91">
        <v>2013</v>
      </c>
      <c r="F91" s="108">
        <f t="shared" ref="F91:AA91" si="34">IF(F68&lt;&gt;"",F68*$C89,"")</f>
        <v>2280.9500000000003</v>
      </c>
      <c r="G91" s="108" t="str">
        <f t="shared" si="34"/>
        <v/>
      </c>
      <c r="H91" s="108">
        <f t="shared" si="34"/>
        <v>2179.87</v>
      </c>
      <c r="I91" s="108">
        <f t="shared" si="34"/>
        <v>1276.8000000000002</v>
      </c>
      <c r="J91" s="108" t="str">
        <f t="shared" si="34"/>
        <v/>
      </c>
      <c r="K91" s="108" t="str">
        <f t="shared" si="34"/>
        <v/>
      </c>
      <c r="L91" s="108" t="str">
        <f t="shared" si="34"/>
        <v/>
      </c>
      <c r="M91" s="108">
        <f t="shared" si="34"/>
        <v>1897.91</v>
      </c>
      <c r="N91" s="108" t="str">
        <f t="shared" si="34"/>
        <v/>
      </c>
      <c r="O91" s="108" t="str">
        <f t="shared" si="34"/>
        <v/>
      </c>
      <c r="P91" s="108">
        <f t="shared" si="34"/>
        <v>2327.5</v>
      </c>
      <c r="Q91" s="108">
        <f t="shared" si="34"/>
        <v>2753.1000000000004</v>
      </c>
      <c r="R91" s="108" t="str">
        <f t="shared" si="34"/>
        <v/>
      </c>
      <c r="S91" s="108">
        <f t="shared" si="34"/>
        <v>1995</v>
      </c>
      <c r="T91" s="108">
        <f t="shared" si="34"/>
        <v>1830.0800000000002</v>
      </c>
      <c r="U91" s="108">
        <f t="shared" si="34"/>
        <v>1877.96</v>
      </c>
      <c r="V91" s="108">
        <f t="shared" si="34"/>
        <v>1795.5</v>
      </c>
      <c r="W91" s="108" t="str">
        <f t="shared" si="34"/>
        <v/>
      </c>
      <c r="X91" s="108" t="str">
        <f t="shared" si="34"/>
        <v/>
      </c>
      <c r="Y91" s="108">
        <f t="shared" si="34"/>
        <v>2753.1000000000004</v>
      </c>
      <c r="Z91" s="108" t="str">
        <f t="shared" si="34"/>
        <v/>
      </c>
      <c r="AA91" s="108" t="str">
        <f t="shared" si="34"/>
        <v/>
      </c>
      <c r="AB91" s="107">
        <f t="shared" si="23"/>
        <v>2087.9790909090907</v>
      </c>
      <c r="AC91" s="106">
        <f t="shared" si="25"/>
        <v>-5.0109773946992165E-4</v>
      </c>
      <c r="AE91" s="38"/>
    </row>
    <row r="92" spans="3:31" x14ac:dyDescent="0.35">
      <c r="C92" s="300">
        <v>1.1100000000000001</v>
      </c>
      <c r="E92">
        <v>2014</v>
      </c>
      <c r="F92" s="108">
        <f t="shared" ref="F92:AA92" si="35">IF(F69&lt;&gt;"",F69*$C90,"")</f>
        <v>1840.72</v>
      </c>
      <c r="G92" s="108" t="str">
        <f t="shared" si="35"/>
        <v/>
      </c>
      <c r="H92" s="108" t="str">
        <f t="shared" si="35"/>
        <v/>
      </c>
      <c r="I92" s="108">
        <f t="shared" si="35"/>
        <v>1415.1200000000001</v>
      </c>
      <c r="J92" s="108" t="str">
        <f t="shared" si="35"/>
        <v/>
      </c>
      <c r="K92" s="108" t="str">
        <f t="shared" si="35"/>
        <v/>
      </c>
      <c r="L92" s="108" t="str">
        <f t="shared" si="35"/>
        <v/>
      </c>
      <c r="M92" s="108" t="str">
        <f t="shared" si="35"/>
        <v/>
      </c>
      <c r="N92" s="108" t="str">
        <f t="shared" si="35"/>
        <v/>
      </c>
      <c r="O92" s="108">
        <f t="shared" si="35"/>
        <v>2061.5</v>
      </c>
      <c r="P92" s="108">
        <f t="shared" si="35"/>
        <v>1995</v>
      </c>
      <c r="Q92" s="108">
        <f t="shared" si="35"/>
        <v>2767.73</v>
      </c>
      <c r="R92" s="108" t="str">
        <f t="shared" si="35"/>
        <v/>
      </c>
      <c r="S92" s="108">
        <f t="shared" si="35"/>
        <v>2197.1600000000003</v>
      </c>
      <c r="T92" s="108">
        <f t="shared" si="35"/>
        <v>1445.71</v>
      </c>
      <c r="U92" s="108">
        <f t="shared" si="35"/>
        <v>1766.24</v>
      </c>
      <c r="V92" s="108">
        <f t="shared" si="35"/>
        <v>1796.8300000000002</v>
      </c>
      <c r="W92" s="108">
        <f t="shared" si="35"/>
        <v>1463</v>
      </c>
      <c r="X92" s="108" t="str">
        <f t="shared" si="35"/>
        <v/>
      </c>
      <c r="Y92" s="108" t="str">
        <f t="shared" si="35"/>
        <v/>
      </c>
      <c r="Z92" s="108" t="str">
        <f t="shared" si="35"/>
        <v/>
      </c>
      <c r="AA92" s="108" t="str">
        <f t="shared" si="35"/>
        <v/>
      </c>
      <c r="AB92" s="107">
        <f t="shared" si="23"/>
        <v>1874.9009999999998</v>
      </c>
      <c r="AC92" s="106">
        <f t="shared" si="25"/>
        <v>0.1020499160345127</v>
      </c>
      <c r="AE92" s="38"/>
    </row>
    <row r="93" spans="3:31" x14ac:dyDescent="0.35">
      <c r="C93" s="300">
        <v>1.1275729999999999</v>
      </c>
      <c r="E93">
        <v>2015</v>
      </c>
      <c r="F93" s="108">
        <f t="shared" ref="F93:AA93" si="36">IF(F70&lt;&gt;"",F70*$C91,"")</f>
        <v>1887</v>
      </c>
      <c r="G93" s="108">
        <f t="shared" si="36"/>
        <v>1720.0919117647059</v>
      </c>
      <c r="H93" s="108" t="str">
        <f t="shared" si="36"/>
        <v/>
      </c>
      <c r="I93" s="108">
        <f t="shared" si="36"/>
        <v>1353.8327205882354</v>
      </c>
      <c r="J93" s="108" t="str">
        <f t="shared" si="36"/>
        <v/>
      </c>
      <c r="K93" s="108" t="str">
        <f t="shared" si="36"/>
        <v/>
      </c>
      <c r="L93" s="108" t="str">
        <f t="shared" si="36"/>
        <v/>
      </c>
      <c r="M93" s="108">
        <f t="shared" si="36"/>
        <v>1382.5050000000001</v>
      </c>
      <c r="N93" s="108" t="str">
        <f t="shared" si="36"/>
        <v/>
      </c>
      <c r="O93" s="108">
        <f t="shared" si="36"/>
        <v>1831.2959558823529</v>
      </c>
      <c r="P93" s="108">
        <f t="shared" si="36"/>
        <v>1852.7205882352941</v>
      </c>
      <c r="Q93" s="108">
        <f t="shared" si="36"/>
        <v>2326.1029411764707</v>
      </c>
      <c r="R93" s="108" t="str">
        <f t="shared" si="36"/>
        <v/>
      </c>
      <c r="S93" s="108" t="str">
        <f t="shared" si="36"/>
        <v/>
      </c>
      <c r="T93" s="108" t="str">
        <f t="shared" si="36"/>
        <v/>
      </c>
      <c r="U93" s="108">
        <f t="shared" si="36"/>
        <v>1224.2647058823529</v>
      </c>
      <c r="V93" s="108">
        <f t="shared" si="36"/>
        <v>1814.8500000000001</v>
      </c>
      <c r="W93" s="108">
        <f t="shared" si="36"/>
        <v>1346.6911764705883</v>
      </c>
      <c r="X93" s="108" t="str">
        <f t="shared" si="36"/>
        <v/>
      </c>
      <c r="Y93" s="108" t="str">
        <f t="shared" si="36"/>
        <v/>
      </c>
      <c r="Z93" s="108" t="str">
        <f t="shared" si="36"/>
        <v/>
      </c>
      <c r="AA93" s="108" t="str">
        <f t="shared" si="36"/>
        <v/>
      </c>
      <c r="AB93" s="107">
        <f t="shared" si="23"/>
        <v>1673.9355</v>
      </c>
      <c r="AC93" s="106">
        <f t="shared" si="25"/>
        <v>0.10718725948730083</v>
      </c>
      <c r="AE93" s="38"/>
    </row>
    <row r="94" spans="3:31" x14ac:dyDescent="0.35">
      <c r="C94" s="299">
        <v>1.181</v>
      </c>
      <c r="E94">
        <v>2016</v>
      </c>
      <c r="F94" s="108">
        <f t="shared" ref="F94:AA94" si="37">IF(F71&lt;&gt;"",F71*$C92,"")</f>
        <v>1950.8250000000003</v>
      </c>
      <c r="G94" s="108" t="str">
        <f t="shared" si="37"/>
        <v/>
      </c>
      <c r="H94" s="108">
        <f t="shared" si="37"/>
        <v>2098.4550000000004</v>
      </c>
      <c r="I94" s="108">
        <f t="shared" si="37"/>
        <v>1229.5470000000003</v>
      </c>
      <c r="J94" s="108" t="str">
        <f t="shared" si="37"/>
        <v/>
      </c>
      <c r="K94" s="108" t="str">
        <f t="shared" si="37"/>
        <v/>
      </c>
      <c r="L94" s="108">
        <f t="shared" si="37"/>
        <v>1476.3000000000002</v>
      </c>
      <c r="M94" s="108">
        <f t="shared" si="37"/>
        <v>1609.5000000000002</v>
      </c>
      <c r="N94" s="108" t="str">
        <f t="shared" si="37"/>
        <v/>
      </c>
      <c r="O94" s="108">
        <f t="shared" si="37"/>
        <v>1942.3890000000001</v>
      </c>
      <c r="P94" s="108">
        <f t="shared" si="37"/>
        <v>1666.1100000000001</v>
      </c>
      <c r="Q94" s="108" t="str">
        <f t="shared" si="37"/>
        <v/>
      </c>
      <c r="R94" s="108" t="str">
        <f t="shared" si="37"/>
        <v/>
      </c>
      <c r="S94" s="108">
        <f t="shared" si="37"/>
        <v>2251.3575000000001</v>
      </c>
      <c r="T94" s="108" t="str">
        <f t="shared" si="37"/>
        <v/>
      </c>
      <c r="U94" s="108">
        <f t="shared" si="37"/>
        <v>1265.4000000000001</v>
      </c>
      <c r="V94" s="108">
        <f t="shared" si="37"/>
        <v>1814.8500000000001</v>
      </c>
      <c r="W94" s="108">
        <f t="shared" si="37"/>
        <v>1331.8335</v>
      </c>
      <c r="X94" s="108" t="str">
        <f t="shared" si="37"/>
        <v/>
      </c>
      <c r="Y94" s="108" t="str">
        <f t="shared" si="37"/>
        <v/>
      </c>
      <c r="Z94" s="108" t="str">
        <f t="shared" si="37"/>
        <v/>
      </c>
      <c r="AA94" s="108">
        <f t="shared" si="37"/>
        <v>1782.1050000000002</v>
      </c>
      <c r="AB94" s="107">
        <f t="shared" si="23"/>
        <v>1701.5560000000003</v>
      </c>
      <c r="AC94" s="106">
        <f t="shared" si="25"/>
        <v>-1.6500337079893592E-2</v>
      </c>
      <c r="AE94" s="38"/>
    </row>
    <row r="95" spans="3:31" x14ac:dyDescent="0.35">
      <c r="C95" s="299">
        <v>1.123</v>
      </c>
      <c r="E95" s="105">
        <v>2017</v>
      </c>
      <c r="F95" s="108" t="str">
        <f t="shared" ref="F95:AA95" si="38">IF(F72&lt;&gt;"",F72*$C93,"")</f>
        <v/>
      </c>
      <c r="G95" s="108" t="str">
        <f t="shared" si="38"/>
        <v/>
      </c>
      <c r="H95" s="108">
        <f t="shared" si="38"/>
        <v>2080</v>
      </c>
      <c r="I95" s="108" t="str">
        <f t="shared" si="38"/>
        <v/>
      </c>
      <c r="J95" s="108" t="str">
        <f t="shared" si="38"/>
        <v/>
      </c>
      <c r="K95" s="108" t="str">
        <f t="shared" si="38"/>
        <v/>
      </c>
      <c r="L95" s="108" t="str">
        <f t="shared" si="38"/>
        <v/>
      </c>
      <c r="M95" s="108">
        <f t="shared" si="38"/>
        <v>1597.6006947483586</v>
      </c>
      <c r="N95" s="108" t="str">
        <f t="shared" si="38"/>
        <v/>
      </c>
      <c r="O95" s="108" t="str">
        <f t="shared" si="38"/>
        <v/>
      </c>
      <c r="P95" s="108">
        <f t="shared" si="38"/>
        <v>1420</v>
      </c>
      <c r="Q95" s="108" t="str">
        <f t="shared" si="38"/>
        <v/>
      </c>
      <c r="R95" s="108" t="str">
        <f t="shared" si="38"/>
        <v/>
      </c>
      <c r="S95" s="108">
        <f t="shared" si="38"/>
        <v>2263.1999999999998</v>
      </c>
      <c r="T95" s="108" t="str">
        <f t="shared" si="38"/>
        <v/>
      </c>
      <c r="U95" s="108">
        <f t="shared" si="38"/>
        <v>1200</v>
      </c>
      <c r="V95" s="108">
        <f t="shared" si="38"/>
        <v>1843.5818549999999</v>
      </c>
      <c r="W95" s="108">
        <f t="shared" si="38"/>
        <v>1050</v>
      </c>
      <c r="X95" s="108" t="str">
        <f t="shared" si="38"/>
        <v/>
      </c>
      <c r="Y95" s="108" t="str">
        <f t="shared" si="38"/>
        <v/>
      </c>
      <c r="Z95" s="108" t="str">
        <f t="shared" si="38"/>
        <v/>
      </c>
      <c r="AA95" s="108">
        <f t="shared" si="38"/>
        <v>1813.1373839999999</v>
      </c>
      <c r="AB95" s="107">
        <f t="shared" si="23"/>
        <v>1658.4399917185449</v>
      </c>
      <c r="AC95" s="106">
        <f t="shared" si="25"/>
        <v>2.5339165023928318E-2</v>
      </c>
    </row>
    <row r="96" spans="3:31" x14ac:dyDescent="0.35">
      <c r="C96" s="299">
        <f>[1]Summary_2020!A3</f>
        <v>1.2230000000000001</v>
      </c>
      <c r="D96" s="2"/>
      <c r="E96">
        <v>2018</v>
      </c>
      <c r="F96" s="108" t="str">
        <f t="shared" ref="F96:AA96" si="39">IF(F73&lt;&gt;"",F73*$C94,"")</f>
        <v/>
      </c>
      <c r="G96" s="108" t="str">
        <f t="shared" si="39"/>
        <v/>
      </c>
      <c r="H96" s="108">
        <f t="shared" si="39"/>
        <v>1578</v>
      </c>
      <c r="I96" s="108">
        <f t="shared" si="39"/>
        <v>1032.0367463224607</v>
      </c>
      <c r="J96" s="108" t="str">
        <f t="shared" si="39"/>
        <v/>
      </c>
      <c r="K96" s="108" t="str">
        <f t="shared" si="39"/>
        <v/>
      </c>
      <c r="L96" s="108" t="str">
        <f t="shared" si="39"/>
        <v/>
      </c>
      <c r="M96" s="108">
        <f t="shared" si="39"/>
        <v>1533.49</v>
      </c>
      <c r="N96" s="108" t="str">
        <f t="shared" si="39"/>
        <v/>
      </c>
      <c r="O96" s="108" t="str">
        <f t="shared" si="39"/>
        <v/>
      </c>
      <c r="P96" s="108">
        <f t="shared" si="39"/>
        <v>1385</v>
      </c>
      <c r="Q96" s="108" t="str">
        <f t="shared" si="39"/>
        <v/>
      </c>
      <c r="R96" s="109">
        <f t="shared" si="39"/>
        <v>1700</v>
      </c>
      <c r="S96" s="108">
        <f t="shared" si="39"/>
        <v>2216.83</v>
      </c>
      <c r="T96" s="108" t="str">
        <f t="shared" si="39"/>
        <v/>
      </c>
      <c r="U96" s="108" t="str">
        <f t="shared" si="39"/>
        <v/>
      </c>
      <c r="V96" s="108">
        <f t="shared" si="39"/>
        <v>1635</v>
      </c>
      <c r="W96" s="108">
        <f t="shared" si="39"/>
        <v>1050</v>
      </c>
      <c r="X96" s="108" t="str">
        <f t="shared" si="39"/>
        <v/>
      </c>
      <c r="Y96" s="108" t="str">
        <f t="shared" si="39"/>
        <v/>
      </c>
      <c r="Z96" s="108" t="str">
        <f t="shared" si="39"/>
        <v/>
      </c>
      <c r="AA96" s="108">
        <f t="shared" si="39"/>
        <v>1470</v>
      </c>
      <c r="AB96" s="107">
        <f t="shared" si="23"/>
        <v>1511.1507495913845</v>
      </c>
      <c r="AC96" s="106">
        <f t="shared" si="25"/>
        <v>8.8811921361431415E-2</v>
      </c>
      <c r="AE96" s="107">
        <f>AB96/C94</f>
        <v>1279.5518624821207</v>
      </c>
    </row>
    <row r="97" spans="3:31" x14ac:dyDescent="0.35">
      <c r="C97" s="299">
        <f>[1]Summary_2021!A3</f>
        <v>1.1379999999999999</v>
      </c>
      <c r="D97" s="2"/>
      <c r="E97">
        <v>2019</v>
      </c>
      <c r="F97" s="108" t="str">
        <f>IF(F74&lt;&gt;"",F74*$C95,"")</f>
        <v/>
      </c>
      <c r="G97" s="108" t="str">
        <f t="shared" ref="G97:M97" si="40">IF(G74&lt;&gt;"",G74,"")</f>
        <v/>
      </c>
      <c r="H97" s="108">
        <f t="shared" si="40"/>
        <v>1769.135</v>
      </c>
      <c r="I97" s="108">
        <f t="shared" si="40"/>
        <v>1007.9999999999999</v>
      </c>
      <c r="J97" s="108" t="str">
        <f t="shared" si="40"/>
        <v/>
      </c>
      <c r="K97" s="108" t="str">
        <f t="shared" si="40"/>
        <v/>
      </c>
      <c r="L97" s="108">
        <f t="shared" si="40"/>
        <v>1684.5</v>
      </c>
      <c r="M97" s="108">
        <f t="shared" si="40"/>
        <v>1541.79</v>
      </c>
      <c r="N97" s="108" t="str">
        <f>IF(N74&lt;&gt;"",N74*$C95,"")</f>
        <v/>
      </c>
      <c r="O97" s="108" t="str">
        <f>IF(O74&lt;&gt;"",O74*$C95,"")</f>
        <v/>
      </c>
      <c r="P97" s="108">
        <f>IF(P74&lt;&gt;"",P74*$C95,"")</f>
        <v>1347.6</v>
      </c>
      <c r="Q97" s="108" t="str">
        <f t="shared" ref="Q97:U98" si="41">IF(Q74&lt;&gt;"",Q74,"")</f>
        <v/>
      </c>
      <c r="R97" s="109">
        <f t="shared" si="41"/>
        <v>1700</v>
      </c>
      <c r="S97" s="108">
        <f t="shared" si="41"/>
        <v>1687</v>
      </c>
      <c r="T97" s="108" t="str">
        <f t="shared" si="41"/>
        <v/>
      </c>
      <c r="U97" s="108">
        <f t="shared" si="41"/>
        <v>1174.086</v>
      </c>
      <c r="V97" s="108">
        <f>IF(V74&lt;&gt;"",V74*$C95,"")</f>
        <v>1836.105</v>
      </c>
      <c r="W97" s="108">
        <f t="shared" ref="W97:AA98" si="42">IF(W74&lt;&gt;"",W74,"")</f>
        <v>1050</v>
      </c>
      <c r="X97" s="108" t="str">
        <f t="shared" si="42"/>
        <v/>
      </c>
      <c r="Y97" s="108" t="str">
        <f t="shared" si="42"/>
        <v/>
      </c>
      <c r="Z97" s="108" t="str">
        <f t="shared" si="42"/>
        <v/>
      </c>
      <c r="AA97" s="108" t="str">
        <f t="shared" si="42"/>
        <v/>
      </c>
      <c r="AB97" s="107">
        <f t="shared" si="23"/>
        <v>1479.8215999999998</v>
      </c>
      <c r="AC97" s="106">
        <f t="shared" si="25"/>
        <v>2.0731981637077675E-2</v>
      </c>
      <c r="AD97" s="106"/>
      <c r="AE97" s="107">
        <f>AB97/C95</f>
        <v>1317.7396260017808</v>
      </c>
    </row>
    <row r="98" spans="3:31" x14ac:dyDescent="0.35">
      <c r="C98" s="299">
        <f>[1]Summary_2022!A3</f>
        <v>1.073</v>
      </c>
      <c r="D98" s="110"/>
      <c r="E98" s="105">
        <v>2020</v>
      </c>
      <c r="F98" s="108" t="str">
        <f>IF(F75&lt;&gt;"",F75*$C96,"")</f>
        <v/>
      </c>
      <c r="G98" s="108" t="str">
        <f>IF(G75&lt;&gt;"",G75*$C96,"")</f>
        <v/>
      </c>
      <c r="H98" s="108">
        <f t="shared" ref="H98:P98" si="43">IF(H75&lt;&gt;"",H75,"")</f>
        <v>1305</v>
      </c>
      <c r="I98" s="108">
        <f t="shared" si="43"/>
        <v>1007.9999999999999</v>
      </c>
      <c r="J98" s="108" t="str">
        <f t="shared" si="43"/>
        <v/>
      </c>
      <c r="K98" s="108" t="str">
        <f t="shared" si="43"/>
        <v/>
      </c>
      <c r="L98" s="108" t="str">
        <f t="shared" si="43"/>
        <v/>
      </c>
      <c r="M98" s="108">
        <f t="shared" si="43"/>
        <v>1684</v>
      </c>
      <c r="N98" s="108" t="str">
        <f t="shared" si="43"/>
        <v/>
      </c>
      <c r="O98" s="108" t="str">
        <f t="shared" si="43"/>
        <v/>
      </c>
      <c r="P98" s="108">
        <f t="shared" si="43"/>
        <v>1200</v>
      </c>
      <c r="Q98" s="108" t="str">
        <f t="shared" si="41"/>
        <v/>
      </c>
      <c r="R98" s="109">
        <f t="shared" si="41"/>
        <v>1700</v>
      </c>
      <c r="S98" s="108" t="str">
        <f t="shared" si="41"/>
        <v/>
      </c>
      <c r="T98" s="108" t="str">
        <f t="shared" si="41"/>
        <v/>
      </c>
      <c r="U98" s="108">
        <f t="shared" si="41"/>
        <v>1178.307</v>
      </c>
      <c r="V98" s="108" t="str">
        <f>IF(V75&lt;&gt;"",V75,"")</f>
        <v/>
      </c>
      <c r="W98" s="108">
        <f t="shared" si="42"/>
        <v>1050</v>
      </c>
      <c r="X98" s="108" t="str">
        <f t="shared" si="42"/>
        <v/>
      </c>
      <c r="Y98" s="108" t="str">
        <f t="shared" si="42"/>
        <v/>
      </c>
      <c r="Z98" s="108" t="str">
        <f t="shared" si="42"/>
        <v/>
      </c>
      <c r="AA98" s="108">
        <f t="shared" si="42"/>
        <v>1460</v>
      </c>
      <c r="AB98" s="107">
        <f t="shared" si="23"/>
        <v>1323.1633750000001</v>
      </c>
      <c r="AC98" s="106">
        <f t="shared" si="25"/>
        <v>0.1058629127997589</v>
      </c>
      <c r="AE98" s="107">
        <f>AB98/C96</f>
        <v>1081.8997342600164</v>
      </c>
    </row>
    <row r="99" spans="3:31" ht="12.5" x14ac:dyDescent="0.25">
      <c r="E99" s="105">
        <v>2021</v>
      </c>
      <c r="F99" s="108" t="str">
        <f>IF(F76&lt;&gt;"",F76*$C97,"")</f>
        <v/>
      </c>
      <c r="G99" s="108" t="str">
        <f>IF(G76&lt;&gt;"",G76*$C97,"")</f>
        <v/>
      </c>
      <c r="H99" s="108">
        <f t="shared" ref="H99:AA99" si="44">IF(H76&lt;&gt;"",H76*$C97,"")</f>
        <v>1464.4044350000001</v>
      </c>
      <c r="I99" s="108">
        <f t="shared" si="44"/>
        <v>1007.9999999999999</v>
      </c>
      <c r="J99" s="108" t="str">
        <f t="shared" si="44"/>
        <v/>
      </c>
      <c r="K99" s="108" t="str">
        <f t="shared" si="44"/>
        <v/>
      </c>
      <c r="L99" s="108" t="str">
        <f t="shared" si="44"/>
        <v/>
      </c>
      <c r="M99" s="108">
        <f t="shared" si="44"/>
        <v>1679</v>
      </c>
      <c r="N99" s="108" t="str">
        <f t="shared" si="44"/>
        <v/>
      </c>
      <c r="O99" s="108" t="str">
        <f t="shared" si="44"/>
        <v/>
      </c>
      <c r="P99" s="108">
        <f t="shared" si="44"/>
        <v>1061</v>
      </c>
      <c r="Q99" s="108" t="str">
        <f t="shared" si="44"/>
        <v/>
      </c>
      <c r="R99" s="109">
        <f t="shared" si="44"/>
        <v>1700</v>
      </c>
      <c r="S99" s="108" t="str">
        <f t="shared" si="44"/>
        <v/>
      </c>
      <c r="T99" s="108" t="str">
        <f t="shared" si="44"/>
        <v/>
      </c>
      <c r="U99" s="108" t="str">
        <f t="shared" si="44"/>
        <v/>
      </c>
      <c r="V99" s="108" t="str">
        <f t="shared" si="44"/>
        <v/>
      </c>
      <c r="W99" s="108">
        <f t="shared" si="44"/>
        <v>1144</v>
      </c>
      <c r="X99" s="108" t="str">
        <f t="shared" si="44"/>
        <v/>
      </c>
      <c r="Y99" s="108" t="str">
        <f t="shared" si="44"/>
        <v/>
      </c>
      <c r="Z99" s="108" t="str">
        <f t="shared" si="44"/>
        <v/>
      </c>
      <c r="AA99" s="108">
        <f t="shared" si="44"/>
        <v>1501</v>
      </c>
      <c r="AB99" s="107">
        <f t="shared" si="23"/>
        <v>1365.3434907142857</v>
      </c>
      <c r="AC99" s="106">
        <f>(AB89-AB98)/AB89</f>
        <v>0.40851815324439472</v>
      </c>
      <c r="AD99" s="105" t="s">
        <v>225</v>
      </c>
    </row>
    <row r="100" spans="3:31" x14ac:dyDescent="0.35">
      <c r="E100">
        <v>2022</v>
      </c>
      <c r="F100" s="108" t="str">
        <f>IF(F77&lt;&gt;"",F77*$C98,"")</f>
        <v/>
      </c>
      <c r="G100" s="108" t="str">
        <f>IF(G77&lt;&gt;"",G77*$C98,"")</f>
        <v/>
      </c>
      <c r="H100" s="108">
        <f t="shared" ref="H100:AA100" si="45">IF(H77&lt;&gt;"",H77*$C98,"")</f>
        <v>1464.4044350000001</v>
      </c>
      <c r="I100" s="108">
        <f t="shared" si="45"/>
        <v>1007.9999999999999</v>
      </c>
      <c r="J100" s="108" t="str">
        <f t="shared" si="45"/>
        <v/>
      </c>
      <c r="K100" s="108" t="str">
        <f t="shared" si="45"/>
        <v/>
      </c>
      <c r="L100" s="108" t="str">
        <f t="shared" si="45"/>
        <v/>
      </c>
      <c r="M100" s="108">
        <f t="shared" si="45"/>
        <v>1679</v>
      </c>
      <c r="N100" s="108" t="str">
        <f t="shared" si="45"/>
        <v/>
      </c>
      <c r="O100" s="108" t="str">
        <f t="shared" si="45"/>
        <v/>
      </c>
      <c r="P100" s="108">
        <f t="shared" si="45"/>
        <v>1061</v>
      </c>
      <c r="Q100" s="108" t="str">
        <f t="shared" si="45"/>
        <v/>
      </c>
      <c r="R100" s="109">
        <f t="shared" si="45"/>
        <v>1700</v>
      </c>
      <c r="S100" s="108" t="str">
        <f t="shared" si="45"/>
        <v/>
      </c>
      <c r="T100" s="108" t="str">
        <f t="shared" si="45"/>
        <v/>
      </c>
      <c r="U100" s="108" t="str">
        <f t="shared" si="45"/>
        <v/>
      </c>
      <c r="V100" s="108" t="str">
        <f t="shared" si="45"/>
        <v/>
      </c>
      <c r="W100" s="108">
        <f t="shared" si="45"/>
        <v>1144</v>
      </c>
      <c r="X100" s="108" t="str">
        <f t="shared" si="45"/>
        <v/>
      </c>
      <c r="Y100" s="108" t="str">
        <f t="shared" si="45"/>
        <v/>
      </c>
      <c r="Z100" s="108" t="str">
        <f t="shared" si="45"/>
        <v/>
      </c>
      <c r="AA100" s="108">
        <f t="shared" si="45"/>
        <v>1501</v>
      </c>
      <c r="AB100" s="107">
        <f t="shared" si="23"/>
        <v>1365.3434907142857</v>
      </c>
      <c r="AC100" s="106">
        <f>(AB90-AB99)/AB90</f>
        <v>0.34576564142875382</v>
      </c>
    </row>
  </sheetData>
  <mergeCells count="2">
    <mergeCell ref="F55:AA55"/>
    <mergeCell ref="F33:AA33"/>
  </mergeCells>
  <hyperlinks>
    <hyperlink ref="A1" location="CONTENTS!A1" display="TO CONTENTS" xr:uid="{1EC8CC0C-4333-4FA1-9134-A0D422AE12EE}"/>
    <hyperlink ref="A50" r:id="rId1" display="http://www.inflation.eu/inflation-rates/europe/historic-inflation/hicp-inflation-europe-2018.aspx" xr:uid="{61FF49CD-4B4F-4E80-9747-259F90FBA049}"/>
    <hyperlink ref="A51" r:id="rId2" display="https://www.inflation.eu/inflation-rates/europe/historic-inflation/hicp-inflation-europe-2019.aspx" xr:uid="{3233A15F-E567-4BE5-9051-3D79537B37E7}"/>
    <hyperlink ref="A52" r:id="rId3" display="https://www.inflation.eu/en/inflation-rates/europe/historic-inflation/hicp-inflation-europe-2020.aspx" xr:uid="{5F5298B7-DCFA-45AF-966F-745C91DBE00F}"/>
    <hyperlink ref="A53" r:id="rId4" display="https://www.inflation.eu/en/inflation-rates/europe/historic-inflation/hicp-inflation-europe-2021.aspx" xr:uid="{29341DF4-4AB5-461C-9D24-7DD91EBC0CC9}"/>
    <hyperlink ref="A54" r:id="rId5" display="https://www.inflation.eu/en/inflation-rates/europe/historic-inflation/hicp-inflation-europe-2022.aspx" xr:uid="{8F1BD50B-8ADE-47CC-BBCD-FDC29C580E11}"/>
  </hyperlinks>
  <pageMargins left="0.75" right="0.75" top="1" bottom="1" header="0.5" footer="0.5"/>
  <pageSetup orientation="portrait"/>
  <headerFooter alignWithMargins="0"/>
  <drawing r:id="rId6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48AFE5-E823-4860-AAB2-F8B2A61CBE25}">
  <dimension ref="B1:G38"/>
  <sheetViews>
    <sheetView topLeftCell="A14" zoomScale="102" workbookViewId="0">
      <selection activeCell="B35" sqref="B35"/>
    </sheetView>
  </sheetViews>
  <sheetFormatPr defaultRowHeight="14.5" x14ac:dyDescent="0.35"/>
  <cols>
    <col min="2" max="2" width="22.81640625" customWidth="1"/>
  </cols>
  <sheetData>
    <row r="1" spans="2:7" ht="15" thickBot="1" x14ac:dyDescent="0.4">
      <c r="B1" s="8">
        <v>2022</v>
      </c>
      <c r="C1" s="2"/>
    </row>
    <row r="2" spans="2:7" ht="15" thickBot="1" x14ac:dyDescent="0.4">
      <c r="B2" s="421" t="s">
        <v>24</v>
      </c>
      <c r="C2" s="422"/>
      <c r="D2" s="422"/>
      <c r="E2" s="422"/>
      <c r="F2" s="422"/>
      <c r="G2" s="423"/>
    </row>
    <row r="3" spans="2:7" ht="92.5" thickBot="1" x14ac:dyDescent="0.4">
      <c r="B3" s="9" t="s">
        <v>25</v>
      </c>
      <c r="C3" s="10" t="s">
        <v>26</v>
      </c>
      <c r="D3" s="10" t="s">
        <v>27</v>
      </c>
      <c r="E3" s="10" t="s">
        <v>28</v>
      </c>
      <c r="F3" s="10" t="s">
        <v>29</v>
      </c>
      <c r="G3" s="10" t="s">
        <v>30</v>
      </c>
    </row>
    <row r="4" spans="2:7" ht="15" thickBot="1" x14ac:dyDescent="0.4">
      <c r="B4" s="9" t="s">
        <v>0</v>
      </c>
      <c r="C4" s="302">
        <v>3.6</v>
      </c>
      <c r="D4" s="303">
        <v>266</v>
      </c>
      <c r="E4" s="302">
        <v>8.1999999999999993</v>
      </c>
      <c r="F4" s="303">
        <v>76.599999999999994</v>
      </c>
      <c r="G4" s="304">
        <v>0.10704960835509138</v>
      </c>
    </row>
    <row r="5" spans="2:7" ht="15" thickBot="1" x14ac:dyDescent="0.4">
      <c r="B5" s="9" t="s">
        <v>1</v>
      </c>
      <c r="C5" s="302">
        <v>5.2</v>
      </c>
      <c r="D5" s="303">
        <v>288</v>
      </c>
      <c r="E5" s="302">
        <v>12</v>
      </c>
      <c r="F5" s="303">
        <v>80</v>
      </c>
      <c r="G5" s="304">
        <v>0.15</v>
      </c>
    </row>
    <row r="6" spans="2:7" ht="15" thickBot="1" x14ac:dyDescent="0.4">
      <c r="B6" s="9" t="s">
        <v>2</v>
      </c>
      <c r="C6" s="302">
        <v>15.3</v>
      </c>
      <c r="D6" s="303">
        <v>1005.9</v>
      </c>
      <c r="E6" s="302">
        <v>39.1</v>
      </c>
      <c r="F6" s="303">
        <v>590.4</v>
      </c>
      <c r="G6" s="304">
        <v>6.6226287262872635E-2</v>
      </c>
    </row>
    <row r="7" spans="2:7" ht="15" thickBot="1" x14ac:dyDescent="0.4">
      <c r="B7" s="9" t="s">
        <v>3</v>
      </c>
      <c r="C7" s="302">
        <v>387.2</v>
      </c>
      <c r="D7" s="303">
        <v>40549.599999999999</v>
      </c>
      <c r="E7" s="302">
        <v>759.9</v>
      </c>
      <c r="F7" s="303">
        <v>8637.2000000000007</v>
      </c>
      <c r="G7" s="304">
        <v>8.7979900893808166E-2</v>
      </c>
    </row>
    <row r="8" spans="2:7" ht="15" thickBot="1" x14ac:dyDescent="0.4">
      <c r="B8" s="9" t="s">
        <v>4</v>
      </c>
      <c r="C8" s="302">
        <v>7</v>
      </c>
      <c r="D8" s="303">
        <v>79.900000000000006</v>
      </c>
      <c r="E8" s="302">
        <v>19</v>
      </c>
      <c r="F8" s="303">
        <v>32.799999999999997</v>
      </c>
      <c r="G8" s="304">
        <v>0.5792682926829269</v>
      </c>
    </row>
    <row r="9" spans="2:7" ht="15" thickBot="1" x14ac:dyDescent="0.4">
      <c r="B9" s="9" t="s">
        <v>5</v>
      </c>
      <c r="C9" s="302">
        <v>5.7</v>
      </c>
      <c r="D9" s="303">
        <v>2421</v>
      </c>
      <c r="E9" s="302">
        <v>11.6</v>
      </c>
      <c r="F9" s="303">
        <v>81.7</v>
      </c>
      <c r="G9" s="304">
        <v>0.14198286413708688</v>
      </c>
    </row>
    <row r="10" spans="2:7" ht="15" thickBot="1" x14ac:dyDescent="0.4">
      <c r="B10" s="9" t="s">
        <v>6</v>
      </c>
      <c r="C10" s="302">
        <v>20.9</v>
      </c>
      <c r="D10" s="303">
        <v>1865</v>
      </c>
      <c r="E10" s="302">
        <v>37.9</v>
      </c>
      <c r="F10" s="303">
        <v>459</v>
      </c>
      <c r="G10" s="304">
        <v>8.2570806100217858E-2</v>
      </c>
    </row>
    <row r="11" spans="2:7" ht="15" thickBot="1" x14ac:dyDescent="0.4">
      <c r="B11" s="9" t="s">
        <v>7</v>
      </c>
      <c r="C11" s="302">
        <v>66.3</v>
      </c>
      <c r="D11" s="303">
        <v>2479</v>
      </c>
      <c r="E11" s="302">
        <v>125.3</v>
      </c>
      <c r="F11" s="303">
        <v>549.6</v>
      </c>
      <c r="G11" s="304">
        <v>0.22798398835516737</v>
      </c>
    </row>
    <row r="12" spans="2:7" ht="15" thickBot="1" x14ac:dyDescent="0.4">
      <c r="B12" s="9" t="s">
        <v>22</v>
      </c>
      <c r="C12" s="302">
        <v>4.7</v>
      </c>
      <c r="D12" s="303">
        <v>230</v>
      </c>
      <c r="E12" s="302">
        <v>10.7</v>
      </c>
      <c r="F12" s="303">
        <v>53</v>
      </c>
      <c r="G12" s="304">
        <v>0.20188679245283017</v>
      </c>
    </row>
    <row r="13" spans="2:7" ht="15" thickBot="1" x14ac:dyDescent="0.4">
      <c r="B13" s="9" t="s">
        <v>9</v>
      </c>
      <c r="C13" s="302">
        <v>4.5</v>
      </c>
      <c r="D13" s="303">
        <v>164</v>
      </c>
      <c r="E13" s="302">
        <v>10.9</v>
      </c>
      <c r="F13" s="303">
        <v>33</v>
      </c>
      <c r="G13" s="304">
        <v>0.33030303030303032</v>
      </c>
    </row>
    <row r="14" spans="2:7" ht="15" thickBot="1" x14ac:dyDescent="0.4">
      <c r="B14" s="9" t="s">
        <v>8</v>
      </c>
      <c r="C14" s="302">
        <v>41.9</v>
      </c>
      <c r="D14" s="303">
        <v>1847</v>
      </c>
      <c r="E14" s="302">
        <v>68.599999999999994</v>
      </c>
      <c r="F14" s="303">
        <v>1484.5</v>
      </c>
      <c r="G14" s="304">
        <v>4.6210845402492415E-2</v>
      </c>
    </row>
    <row r="15" spans="2:7" ht="15" thickBot="1" x14ac:dyDescent="0.4">
      <c r="B15" s="9" t="s">
        <v>10</v>
      </c>
      <c r="C15" s="302">
        <v>11.5</v>
      </c>
      <c r="D15" s="303">
        <v>459</v>
      </c>
      <c r="E15" s="302">
        <v>20.399999999999999</v>
      </c>
      <c r="F15" s="303">
        <v>316.8</v>
      </c>
      <c r="G15" s="304">
        <v>6.4393939393939392E-2</v>
      </c>
    </row>
    <row r="16" spans="2:7" ht="15" thickBot="1" x14ac:dyDescent="0.4">
      <c r="B16" s="9" t="s">
        <v>11</v>
      </c>
      <c r="C16" s="302">
        <v>4.8</v>
      </c>
      <c r="D16" s="303">
        <v>228.1</v>
      </c>
      <c r="E16" s="302">
        <v>8.8000000000000007</v>
      </c>
      <c r="F16" s="303">
        <v>872.2</v>
      </c>
      <c r="G16" s="304">
        <v>1.0089429030038982E-2</v>
      </c>
    </row>
    <row r="17" spans="2:7" ht="15" thickBot="1" x14ac:dyDescent="0.4">
      <c r="B17" s="9" t="s">
        <v>12</v>
      </c>
      <c r="C17" s="302">
        <v>1.8</v>
      </c>
      <c r="D17" s="303">
        <v>95.6</v>
      </c>
      <c r="E17" s="302">
        <v>3.3</v>
      </c>
      <c r="F17" s="303">
        <v>550.70000000000005</v>
      </c>
      <c r="G17" s="304">
        <v>5.9923733430179765E-3</v>
      </c>
    </row>
    <row r="18" spans="2:7" ht="15" thickBot="1" x14ac:dyDescent="0.4">
      <c r="B18" s="9" t="s">
        <v>14</v>
      </c>
      <c r="C18" s="302">
        <v>8.6999999999999993</v>
      </c>
      <c r="D18" s="303">
        <v>1000</v>
      </c>
      <c r="E18" s="302">
        <v>21.4</v>
      </c>
      <c r="F18" s="303">
        <v>117.9</v>
      </c>
      <c r="G18" s="304">
        <v>0.18150975402883798</v>
      </c>
    </row>
    <row r="19" spans="2:7" ht="15" thickBot="1" x14ac:dyDescent="0.4">
      <c r="B19" s="9" t="s">
        <v>15</v>
      </c>
      <c r="C19" s="302">
        <v>5.0999999999999996</v>
      </c>
      <c r="D19" s="303">
        <v>374</v>
      </c>
      <c r="E19" s="302">
        <v>14.8</v>
      </c>
      <c r="F19" s="303">
        <v>133.4</v>
      </c>
      <c r="G19" s="304">
        <v>0.11094452773613193</v>
      </c>
    </row>
    <row r="20" spans="2:7" ht="15" thickBot="1" x14ac:dyDescent="0.4">
      <c r="B20" s="9" t="s">
        <v>16</v>
      </c>
      <c r="C20" s="302">
        <v>5.7</v>
      </c>
      <c r="D20" s="303">
        <v>28</v>
      </c>
      <c r="E20" s="302">
        <v>13.3</v>
      </c>
      <c r="F20" s="303">
        <v>51.9</v>
      </c>
      <c r="G20" s="304">
        <v>0.25626204238921002</v>
      </c>
    </row>
    <row r="21" spans="2:7" ht="15" thickBot="1" x14ac:dyDescent="0.4">
      <c r="B21" s="9" t="s">
        <v>17</v>
      </c>
      <c r="C21" s="302">
        <v>29.8</v>
      </c>
      <c r="D21" s="303">
        <v>1670</v>
      </c>
      <c r="E21" s="302">
        <v>61.1</v>
      </c>
      <c r="F21" s="303">
        <v>235.6</v>
      </c>
      <c r="G21" s="304">
        <v>0.25933786078098475</v>
      </c>
    </row>
    <row r="22" spans="2:7" ht="15" thickBot="1" x14ac:dyDescent="0.4">
      <c r="B22" s="9" t="s">
        <v>18</v>
      </c>
      <c r="C22" s="302">
        <v>14.3</v>
      </c>
      <c r="D22" s="303">
        <v>2163</v>
      </c>
      <c r="E22" s="302">
        <v>33.1</v>
      </c>
      <c r="F22" s="303">
        <v>137</v>
      </c>
      <c r="G22" s="304">
        <v>0.2416058394160584</v>
      </c>
    </row>
    <row r="23" spans="2:7" ht="15" thickBot="1" x14ac:dyDescent="0.4">
      <c r="B23" s="9" t="s">
        <v>19</v>
      </c>
      <c r="C23" s="302">
        <v>0.1</v>
      </c>
      <c r="D23" s="303">
        <v>0</v>
      </c>
      <c r="E23" s="302">
        <v>0.2</v>
      </c>
      <c r="F23" s="303">
        <v>55.4</v>
      </c>
      <c r="G23" s="304">
        <v>3.6101083032490976E-3</v>
      </c>
    </row>
    <row r="24" spans="2:7" ht="15" thickBot="1" x14ac:dyDescent="0.4">
      <c r="B24" s="9" t="s">
        <v>32</v>
      </c>
      <c r="C24" s="302">
        <v>28.7</v>
      </c>
      <c r="D24" s="303">
        <v>3011</v>
      </c>
      <c r="E24" s="302">
        <v>80.2</v>
      </c>
      <c r="F24" s="303">
        <v>321.3</v>
      </c>
      <c r="G24" s="304">
        <v>0.24961095549330845</v>
      </c>
    </row>
    <row r="25" spans="2:7" ht="15" thickBot="1" x14ac:dyDescent="0.4">
      <c r="B25" s="9" t="s">
        <v>33</v>
      </c>
      <c r="C25" s="302">
        <v>144.19999999999999</v>
      </c>
      <c r="D25" s="303">
        <v>8287</v>
      </c>
      <c r="E25" s="302">
        <v>434.8</v>
      </c>
      <c r="F25" s="303">
        <v>3909.1</v>
      </c>
      <c r="G25" s="304">
        <v>0.11122764830779464</v>
      </c>
    </row>
    <row r="26" spans="2:7" ht="15" thickBot="1" x14ac:dyDescent="0.4">
      <c r="B26" s="312" t="s">
        <v>34</v>
      </c>
      <c r="C26" s="313">
        <v>817</v>
      </c>
      <c r="D26" s="314">
        <v>68511.100000000006</v>
      </c>
      <c r="E26" s="313">
        <v>1794.5999999999997</v>
      </c>
      <c r="F26" s="313">
        <v>18779.099999999999</v>
      </c>
      <c r="G26" s="315">
        <v>9.5563685160630685E-2</v>
      </c>
    </row>
    <row r="27" spans="2:7" ht="15" thickBot="1" x14ac:dyDescent="0.4">
      <c r="B27" s="301" t="s">
        <v>35</v>
      </c>
      <c r="C27" s="305">
        <v>89</v>
      </c>
      <c r="D27" s="306">
        <f>D28-D26</f>
        <v>9088.8999999999942</v>
      </c>
      <c r="E27" s="307"/>
      <c r="F27" s="306"/>
      <c r="G27" s="308"/>
    </row>
    <row r="28" spans="2:7" ht="15" thickBot="1" x14ac:dyDescent="0.4">
      <c r="B28" s="312" t="s">
        <v>36</v>
      </c>
      <c r="C28" s="316">
        <v>906</v>
      </c>
      <c r="D28" s="317">
        <v>77600</v>
      </c>
      <c r="E28" s="309"/>
      <c r="F28" s="310"/>
      <c r="G28" s="311"/>
    </row>
    <row r="29" spans="2:7" ht="15" thickBot="1" x14ac:dyDescent="0.4">
      <c r="B29" s="424" t="s">
        <v>239</v>
      </c>
      <c r="C29" s="425"/>
      <c r="D29" s="425"/>
      <c r="E29" s="425"/>
      <c r="F29" s="425"/>
      <c r="G29" s="426"/>
    </row>
    <row r="31" spans="2:7" ht="15" customHeight="1" x14ac:dyDescent="0.35"/>
    <row r="32" spans="2:7" x14ac:dyDescent="0.35">
      <c r="B32" s="2"/>
      <c r="C32" s="12"/>
      <c r="D32" s="12"/>
      <c r="E32" s="12"/>
      <c r="F32" s="12"/>
      <c r="G32" s="13"/>
    </row>
    <row r="33" spans="2:7" x14ac:dyDescent="0.35">
      <c r="C33" s="2"/>
      <c r="D33" s="2"/>
      <c r="E33" s="2"/>
      <c r="F33" s="2"/>
      <c r="G33" s="4"/>
    </row>
    <row r="34" spans="2:7" ht="15" thickBot="1" x14ac:dyDescent="0.4">
      <c r="B34" s="121" t="s">
        <v>238</v>
      </c>
      <c r="C34" s="138"/>
      <c r="D34" s="138"/>
      <c r="E34" s="138"/>
      <c r="F34" s="138"/>
    </row>
    <row r="35" spans="2:7" x14ac:dyDescent="0.35">
      <c r="B35" s="71" t="s">
        <v>37</v>
      </c>
      <c r="C35" s="28">
        <v>849</v>
      </c>
      <c r="D35" s="29" t="s">
        <v>38</v>
      </c>
      <c r="F35" s="138"/>
    </row>
    <row r="36" spans="2:7" x14ac:dyDescent="0.35">
      <c r="B36" s="217" t="s">
        <v>39</v>
      </c>
      <c r="C36" s="138">
        <v>57</v>
      </c>
      <c r="D36" s="31" t="s">
        <v>38</v>
      </c>
      <c r="F36" s="138"/>
    </row>
    <row r="37" spans="2:7" x14ac:dyDescent="0.35">
      <c r="B37" s="217" t="s">
        <v>40</v>
      </c>
      <c r="C37" s="138">
        <v>906</v>
      </c>
      <c r="D37" s="31" t="s">
        <v>38</v>
      </c>
      <c r="F37" s="138"/>
    </row>
    <row r="38" spans="2:7" ht="15" thickBot="1" x14ac:dyDescent="0.4">
      <c r="B38" s="3" t="s">
        <v>41</v>
      </c>
      <c r="C38" s="30">
        <v>77.599999999999994</v>
      </c>
      <c r="D38" s="33" t="s">
        <v>38</v>
      </c>
    </row>
  </sheetData>
  <mergeCells count="2">
    <mergeCell ref="B2:G2"/>
    <mergeCell ref="B29:G29"/>
  </mergeCells>
  <hyperlinks>
    <hyperlink ref="B34" r:id="rId1" xr:uid="{FFB08757-41FF-40D4-8588-C516A576BE0B}"/>
  </hyperlink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0662A4-3C42-4B63-A2B3-6EEFEDDAC5D0}">
  <dimension ref="A1:AJ50"/>
  <sheetViews>
    <sheetView zoomScale="64" zoomScaleNormal="81" workbookViewId="0">
      <selection activeCell="B32" sqref="B32:R32"/>
    </sheetView>
  </sheetViews>
  <sheetFormatPr defaultRowHeight="14.5" x14ac:dyDescent="0.35"/>
  <sheetData>
    <row r="1" spans="1:36" x14ac:dyDescent="0.35">
      <c r="A1" s="16"/>
    </row>
    <row r="2" spans="1:36" x14ac:dyDescent="0.35">
      <c r="S2" s="16"/>
      <c r="T2" s="2"/>
    </row>
    <row r="3" spans="1:36" x14ac:dyDescent="0.35">
      <c r="B3" s="1">
        <v>2022</v>
      </c>
      <c r="S3" s="16"/>
      <c r="T3" s="1">
        <v>2021</v>
      </c>
    </row>
    <row r="4" spans="1:36" ht="15" thickBot="1" x14ac:dyDescent="0.4">
      <c r="G4" s="2"/>
      <c r="I4" s="2"/>
      <c r="O4" s="2"/>
      <c r="S4" s="16"/>
      <c r="Y4" s="2"/>
      <c r="AA4" s="2"/>
      <c r="AG4" s="2"/>
    </row>
    <row r="5" spans="1:36" ht="15" thickBot="1" x14ac:dyDescent="0.4">
      <c r="B5" s="447" t="s">
        <v>281</v>
      </c>
      <c r="C5" s="448"/>
      <c r="D5" s="448"/>
      <c r="E5" s="448"/>
      <c r="F5" s="448"/>
      <c r="G5" s="448"/>
      <c r="H5" s="448"/>
      <c r="I5" s="448"/>
      <c r="J5" s="448"/>
      <c r="K5" s="448"/>
      <c r="L5" s="448"/>
      <c r="M5" s="448"/>
      <c r="N5" s="448"/>
      <c r="O5" s="448"/>
      <c r="P5" s="448"/>
      <c r="Q5" s="324"/>
      <c r="R5" s="325"/>
      <c r="S5" s="16"/>
      <c r="T5" s="427" t="s">
        <v>282</v>
      </c>
      <c r="U5" s="428"/>
      <c r="V5" s="428"/>
      <c r="W5" s="428"/>
      <c r="X5" s="428"/>
      <c r="Y5" s="428"/>
      <c r="Z5" s="428"/>
      <c r="AA5" s="428"/>
      <c r="AB5" s="428"/>
      <c r="AC5" s="428"/>
      <c r="AD5" s="428"/>
      <c r="AE5" s="428"/>
      <c r="AF5" s="428"/>
      <c r="AG5" s="428"/>
      <c r="AH5" s="428"/>
      <c r="AI5" s="428"/>
      <c r="AJ5" s="429"/>
    </row>
    <row r="6" spans="1:36" ht="14.4" customHeight="1" x14ac:dyDescent="0.35">
      <c r="B6" s="445"/>
      <c r="C6" s="434" t="s">
        <v>243</v>
      </c>
      <c r="D6" s="435"/>
      <c r="E6" s="438" t="s">
        <v>242</v>
      </c>
      <c r="F6" s="439"/>
      <c r="G6" s="434" t="s">
        <v>42</v>
      </c>
      <c r="H6" s="435"/>
      <c r="I6" s="434" t="s">
        <v>241</v>
      </c>
      <c r="J6" s="435"/>
      <c r="K6" s="434" t="s">
        <v>240</v>
      </c>
      <c r="L6" s="435"/>
      <c r="M6" s="434" t="s">
        <v>245</v>
      </c>
      <c r="N6" s="435"/>
      <c r="O6" s="430" t="s">
        <v>247</v>
      </c>
      <c r="P6" s="431"/>
      <c r="Q6" s="434" t="s">
        <v>244</v>
      </c>
      <c r="R6" s="435"/>
      <c r="S6" s="16"/>
      <c r="T6" s="445"/>
      <c r="U6" s="434" t="s">
        <v>243</v>
      </c>
      <c r="V6" s="435"/>
      <c r="W6" s="438" t="s">
        <v>246</v>
      </c>
      <c r="X6" s="439"/>
      <c r="Y6" s="434" t="s">
        <v>42</v>
      </c>
      <c r="Z6" s="435"/>
      <c r="AA6" s="434" t="s">
        <v>241</v>
      </c>
      <c r="AB6" s="435"/>
      <c r="AC6" s="434" t="s">
        <v>240</v>
      </c>
      <c r="AD6" s="435"/>
      <c r="AE6" s="434" t="s">
        <v>245</v>
      </c>
      <c r="AF6" s="435"/>
      <c r="AG6" s="434" t="s">
        <v>247</v>
      </c>
      <c r="AH6" s="435"/>
      <c r="AI6" s="434" t="s">
        <v>244</v>
      </c>
      <c r="AJ6" s="435"/>
    </row>
    <row r="7" spans="1:36" ht="15" thickBot="1" x14ac:dyDescent="0.4">
      <c r="B7" s="446"/>
      <c r="C7" s="436"/>
      <c r="D7" s="437"/>
      <c r="E7" s="440"/>
      <c r="F7" s="441"/>
      <c r="G7" s="436"/>
      <c r="H7" s="437"/>
      <c r="I7" s="436"/>
      <c r="J7" s="437"/>
      <c r="K7" s="436"/>
      <c r="L7" s="437"/>
      <c r="M7" s="436"/>
      <c r="N7" s="437"/>
      <c r="O7" s="432"/>
      <c r="P7" s="433"/>
      <c r="Q7" s="436"/>
      <c r="R7" s="437"/>
      <c r="S7" s="16"/>
      <c r="T7" s="446"/>
      <c r="U7" s="436"/>
      <c r="V7" s="437"/>
      <c r="W7" s="440"/>
      <c r="X7" s="441"/>
      <c r="Y7" s="436"/>
      <c r="Z7" s="437"/>
      <c r="AA7" s="436"/>
      <c r="AB7" s="437"/>
      <c r="AC7" s="436"/>
      <c r="AD7" s="437"/>
      <c r="AE7" s="436"/>
      <c r="AF7" s="437"/>
      <c r="AG7" s="436"/>
      <c r="AH7" s="437"/>
      <c r="AI7" s="436"/>
      <c r="AJ7" s="437"/>
    </row>
    <row r="8" spans="1:36" ht="15" thickBot="1" x14ac:dyDescent="0.4">
      <c r="B8" s="11"/>
      <c r="C8" s="17" t="s">
        <v>25</v>
      </c>
      <c r="D8" s="18" t="s">
        <v>38</v>
      </c>
      <c r="E8" s="17" t="s">
        <v>25</v>
      </c>
      <c r="F8" s="18" t="s">
        <v>38</v>
      </c>
      <c r="G8" s="17" t="s">
        <v>25</v>
      </c>
      <c r="H8" s="18" t="s">
        <v>43</v>
      </c>
      <c r="I8" s="17" t="s">
        <v>25</v>
      </c>
      <c r="J8" s="17" t="s">
        <v>44</v>
      </c>
      <c r="K8" s="17" t="s">
        <v>25</v>
      </c>
      <c r="L8" s="17" t="s">
        <v>38</v>
      </c>
      <c r="M8" s="17" t="s">
        <v>25</v>
      </c>
      <c r="N8" s="17" t="s">
        <v>38</v>
      </c>
      <c r="O8" s="17" t="s">
        <v>25</v>
      </c>
      <c r="P8" s="17" t="s">
        <v>43</v>
      </c>
      <c r="Q8" s="17" t="s">
        <v>25</v>
      </c>
      <c r="R8" s="17" t="s">
        <v>45</v>
      </c>
      <c r="S8" s="16"/>
      <c r="T8" s="11"/>
      <c r="U8" s="17" t="s">
        <v>25</v>
      </c>
      <c r="V8" s="18" t="s">
        <v>38</v>
      </c>
      <c r="W8" s="17" t="s">
        <v>25</v>
      </c>
      <c r="X8" s="18" t="s">
        <v>38</v>
      </c>
      <c r="Y8" s="17" t="s">
        <v>25</v>
      </c>
      <c r="Z8" s="18" t="s">
        <v>43</v>
      </c>
      <c r="AA8" s="17" t="s">
        <v>25</v>
      </c>
      <c r="AB8" s="17" t="s">
        <v>44</v>
      </c>
      <c r="AC8" s="17" t="s">
        <v>25</v>
      </c>
      <c r="AD8" s="17" t="s">
        <v>38</v>
      </c>
      <c r="AE8" s="17" t="s">
        <v>25</v>
      </c>
      <c r="AF8" s="17" t="s">
        <v>38</v>
      </c>
      <c r="AG8" s="17" t="s">
        <v>25</v>
      </c>
      <c r="AH8" s="17" t="s">
        <v>43</v>
      </c>
      <c r="AI8" s="17" t="s">
        <v>25</v>
      </c>
      <c r="AJ8" s="17" t="s">
        <v>45</v>
      </c>
    </row>
    <row r="9" spans="1:36" ht="15" thickBot="1" x14ac:dyDescent="0.4">
      <c r="B9" s="19">
        <v>1</v>
      </c>
      <c r="C9" s="20" t="s">
        <v>3</v>
      </c>
      <c r="D9" s="21">
        <v>387215.45</v>
      </c>
      <c r="E9" s="20" t="s">
        <v>3</v>
      </c>
      <c r="F9" s="21">
        <v>49829.58</v>
      </c>
      <c r="G9" s="20" t="s">
        <v>5</v>
      </c>
      <c r="H9" s="22">
        <v>0.74332207552962848</v>
      </c>
      <c r="I9" s="20" t="s">
        <v>14</v>
      </c>
      <c r="J9" s="23">
        <v>210.55292106973496</v>
      </c>
      <c r="K9" s="20" t="s">
        <v>5</v>
      </c>
      <c r="L9" s="24">
        <v>5.5606407322654459</v>
      </c>
      <c r="M9" s="20" t="s">
        <v>5</v>
      </c>
      <c r="N9" s="24">
        <v>4.0760947595118449</v>
      </c>
      <c r="O9" s="20" t="s">
        <v>21</v>
      </c>
      <c r="P9" s="25">
        <v>0.35475161365883173</v>
      </c>
      <c r="Q9" s="20" t="s">
        <v>18</v>
      </c>
      <c r="R9" s="24">
        <v>1.3571186619165454</v>
      </c>
      <c r="T9" s="19">
        <v>1</v>
      </c>
      <c r="U9" s="20" t="s">
        <v>3</v>
      </c>
      <c r="V9" s="21">
        <v>346666.07</v>
      </c>
      <c r="W9" s="20" t="s">
        <v>3</v>
      </c>
      <c r="X9" s="21">
        <v>55919.07</v>
      </c>
      <c r="Y9" s="20" t="s">
        <v>5</v>
      </c>
      <c r="Z9" s="22">
        <v>0.2594740912606342</v>
      </c>
      <c r="AA9" s="20" t="s">
        <v>14</v>
      </c>
      <c r="AB9" s="23">
        <v>186.48147702380666</v>
      </c>
      <c r="AC9" s="20" t="s">
        <v>14</v>
      </c>
      <c r="AD9" s="24">
        <v>5.9701492537313436</v>
      </c>
      <c r="AE9" s="20" t="s">
        <v>15</v>
      </c>
      <c r="AF9" s="24">
        <v>3.5624521072796935</v>
      </c>
      <c r="AG9" s="20" t="s">
        <v>21</v>
      </c>
      <c r="AH9" s="25">
        <v>0.35</v>
      </c>
      <c r="AI9" s="20" t="s">
        <v>4</v>
      </c>
      <c r="AJ9" s="24">
        <v>1.1894099315068494</v>
      </c>
    </row>
    <row r="10" spans="1:36" ht="15" thickBot="1" x14ac:dyDescent="0.4">
      <c r="B10" s="19">
        <v>2</v>
      </c>
      <c r="C10" s="20" t="s">
        <v>21</v>
      </c>
      <c r="D10" s="21">
        <v>144173</v>
      </c>
      <c r="E10" s="20" t="s">
        <v>21</v>
      </c>
      <c r="F10" s="21">
        <v>8511</v>
      </c>
      <c r="G10" s="20" t="s">
        <v>18</v>
      </c>
      <c r="H10" s="22">
        <v>0.17852426543413669</v>
      </c>
      <c r="I10" s="20" t="s">
        <v>7</v>
      </c>
      <c r="J10" s="23">
        <v>185.53247181804707</v>
      </c>
      <c r="K10" s="20" t="s">
        <v>14</v>
      </c>
      <c r="L10" s="24">
        <v>5.5508021390374331</v>
      </c>
      <c r="M10" s="20" t="s">
        <v>15</v>
      </c>
      <c r="N10" s="24">
        <v>3.6548991354466858</v>
      </c>
      <c r="O10" s="20" t="s">
        <v>15</v>
      </c>
      <c r="P10" s="25">
        <v>0.34578340501329863</v>
      </c>
      <c r="Q10" s="20" t="s">
        <v>4</v>
      </c>
      <c r="R10" s="24">
        <v>1.1842944152819292</v>
      </c>
      <c r="T10" s="19">
        <v>2</v>
      </c>
      <c r="U10" s="20" t="s">
        <v>21</v>
      </c>
      <c r="V10" s="21">
        <v>135886</v>
      </c>
      <c r="W10" s="20" t="s">
        <v>21</v>
      </c>
      <c r="X10" s="21">
        <v>13413</v>
      </c>
      <c r="Y10" s="20" t="s">
        <v>18</v>
      </c>
      <c r="Z10" s="22">
        <v>0.20270001985308717</v>
      </c>
      <c r="AA10" s="20" t="s">
        <v>7</v>
      </c>
      <c r="AB10" s="23">
        <v>178.59989317285024</v>
      </c>
      <c r="AC10" s="20" t="s">
        <v>15</v>
      </c>
      <c r="AD10" s="24">
        <v>5.0421428571428573</v>
      </c>
      <c r="AE10" s="20" t="s">
        <v>5</v>
      </c>
      <c r="AF10" s="24">
        <v>3.3856548856548856</v>
      </c>
      <c r="AG10" s="20" t="s">
        <v>5</v>
      </c>
      <c r="AH10" s="25">
        <v>0.33</v>
      </c>
      <c r="AI10" s="20" t="s">
        <v>18</v>
      </c>
      <c r="AJ10" s="24">
        <v>1.1591678254199114</v>
      </c>
    </row>
    <row r="11" spans="1:36" ht="15" thickBot="1" x14ac:dyDescent="0.4">
      <c r="B11" s="19">
        <v>3</v>
      </c>
      <c r="C11" s="20" t="s">
        <v>7</v>
      </c>
      <c r="D11" s="21">
        <v>66344</v>
      </c>
      <c r="E11" s="20" t="s">
        <v>20</v>
      </c>
      <c r="F11" s="21">
        <v>3012</v>
      </c>
      <c r="G11" s="20" t="s">
        <v>14</v>
      </c>
      <c r="H11" s="22">
        <v>0.1290822253775655</v>
      </c>
      <c r="I11" s="20" t="s">
        <v>1</v>
      </c>
      <c r="J11" s="23">
        <v>172.93262879788639</v>
      </c>
      <c r="K11" s="20" t="s">
        <v>12</v>
      </c>
      <c r="L11" s="24">
        <v>5.3705882352941181</v>
      </c>
      <c r="M11" s="20" t="s">
        <v>14</v>
      </c>
      <c r="N11" s="24">
        <v>2.8982770046388335</v>
      </c>
      <c r="O11" s="20" t="s">
        <v>20</v>
      </c>
      <c r="P11" s="25">
        <v>0.33603529825239176</v>
      </c>
      <c r="Q11" s="20" t="s">
        <v>5</v>
      </c>
      <c r="R11" s="24">
        <v>1.0213703487445491</v>
      </c>
      <c r="T11" s="19">
        <v>3</v>
      </c>
      <c r="U11" s="20" t="s">
        <v>7</v>
      </c>
      <c r="V11" s="21">
        <v>63865</v>
      </c>
      <c r="W11" s="20" t="s">
        <v>18</v>
      </c>
      <c r="X11" s="21">
        <v>2042</v>
      </c>
      <c r="Y11" s="20" t="s">
        <v>3</v>
      </c>
      <c r="Z11" s="22">
        <v>0.19232896642097769</v>
      </c>
      <c r="AA11" s="20" t="s">
        <v>1</v>
      </c>
      <c r="AB11" s="23">
        <v>163.4214002642008</v>
      </c>
      <c r="AC11" s="20" t="s">
        <v>18</v>
      </c>
      <c r="AD11" s="24">
        <v>4.7710280373831777</v>
      </c>
      <c r="AE11" s="20" t="s">
        <v>14</v>
      </c>
      <c r="AF11" s="24">
        <v>2.7461892945763915</v>
      </c>
      <c r="AG11" s="20" t="s">
        <v>15</v>
      </c>
      <c r="AH11" s="25">
        <v>0.32900000000000001</v>
      </c>
      <c r="AI11" s="20" t="s">
        <v>9</v>
      </c>
      <c r="AJ11" s="24">
        <v>0.86427998395507422</v>
      </c>
    </row>
    <row r="12" spans="1:36" ht="15" thickBot="1" x14ac:dyDescent="0.4">
      <c r="B12" s="19">
        <v>4</v>
      </c>
      <c r="C12" s="20" t="s">
        <v>8</v>
      </c>
      <c r="D12" s="21">
        <v>41930</v>
      </c>
      <c r="E12" s="20" t="s">
        <v>7</v>
      </c>
      <c r="F12" s="21">
        <v>2745</v>
      </c>
      <c r="G12" s="20" t="s">
        <v>20</v>
      </c>
      <c r="H12" s="22">
        <v>0.11703657635946671</v>
      </c>
      <c r="I12" s="20" t="s">
        <v>4</v>
      </c>
      <c r="J12" s="23">
        <v>163.5819654955647</v>
      </c>
      <c r="K12" s="20" t="s">
        <v>18</v>
      </c>
      <c r="L12" s="24">
        <v>5.2756097560975617</v>
      </c>
      <c r="M12" s="20" t="s">
        <v>18</v>
      </c>
      <c r="N12" s="24">
        <v>2.7651045701006973</v>
      </c>
      <c r="O12" s="20" t="s">
        <v>5</v>
      </c>
      <c r="P12" s="25">
        <v>0.33200000000000002</v>
      </c>
      <c r="Q12" s="20" t="s">
        <v>15</v>
      </c>
      <c r="R12" s="24">
        <v>0.9265347272448331</v>
      </c>
      <c r="T12" s="19">
        <v>4</v>
      </c>
      <c r="U12" s="20" t="s">
        <v>8</v>
      </c>
      <c r="V12" s="21">
        <v>40358</v>
      </c>
      <c r="W12" s="20" t="s">
        <v>7</v>
      </c>
      <c r="X12" s="21">
        <v>1949</v>
      </c>
      <c r="Y12" s="20" t="s">
        <v>14</v>
      </c>
      <c r="Z12" s="22">
        <v>0.1737878787878788</v>
      </c>
      <c r="AA12" s="20" t="s">
        <v>4</v>
      </c>
      <c r="AB12" s="23">
        <v>159.46175390266299</v>
      </c>
      <c r="AC12" s="20" t="s">
        <v>5</v>
      </c>
      <c r="AD12" s="24">
        <v>4.7588652482269502</v>
      </c>
      <c r="AE12" s="20" t="s">
        <v>18</v>
      </c>
      <c r="AF12" s="24">
        <v>2.5485906604964241</v>
      </c>
      <c r="AG12" s="20" t="s">
        <v>14</v>
      </c>
      <c r="AH12" s="25">
        <v>0.30440335473005564</v>
      </c>
      <c r="AI12" s="20" t="s">
        <v>15</v>
      </c>
      <c r="AJ12" s="24">
        <v>0.85691587699782679</v>
      </c>
    </row>
    <row r="13" spans="1:36" ht="15" thickBot="1" x14ac:dyDescent="0.4">
      <c r="B13" s="19">
        <v>5</v>
      </c>
      <c r="C13" s="20" t="s">
        <v>17</v>
      </c>
      <c r="D13" s="21">
        <v>29827.81</v>
      </c>
      <c r="E13" s="20" t="s">
        <v>5</v>
      </c>
      <c r="F13" s="21">
        <v>2430</v>
      </c>
      <c r="G13" s="20" t="s">
        <v>3</v>
      </c>
      <c r="H13" s="22">
        <v>0.11697021111423517</v>
      </c>
      <c r="I13" s="20" t="s">
        <v>20</v>
      </c>
      <c r="J13" s="23">
        <v>118.50965999298954</v>
      </c>
      <c r="K13" s="20" t="s">
        <v>2</v>
      </c>
      <c r="L13" s="24">
        <v>4.5515837104072396</v>
      </c>
      <c r="M13" s="20" t="s">
        <v>0</v>
      </c>
      <c r="N13" s="24">
        <v>2.6061493411420207</v>
      </c>
      <c r="O13" s="20" t="s">
        <v>4</v>
      </c>
      <c r="P13" s="25">
        <v>0.3116038193302646</v>
      </c>
      <c r="Q13" s="20" t="s">
        <v>9</v>
      </c>
      <c r="R13" s="24">
        <v>0.8971119133574007</v>
      </c>
      <c r="T13" s="19">
        <v>5</v>
      </c>
      <c r="U13" s="20" t="s">
        <v>17</v>
      </c>
      <c r="V13" s="21">
        <v>28157.81</v>
      </c>
      <c r="W13" s="20" t="s">
        <v>20</v>
      </c>
      <c r="X13" s="21">
        <v>1245</v>
      </c>
      <c r="Y13" s="20" t="s">
        <v>15</v>
      </c>
      <c r="Z13" s="22">
        <v>0.16897158662308273</v>
      </c>
      <c r="AA13" s="20" t="s">
        <v>20</v>
      </c>
      <c r="AB13" s="23">
        <v>106.09290913214706</v>
      </c>
      <c r="AC13" s="20" t="s">
        <v>0</v>
      </c>
      <c r="AD13" s="24">
        <v>4.3582089552238807</v>
      </c>
      <c r="AE13" s="20" t="s">
        <v>0</v>
      </c>
      <c r="AF13" s="24">
        <v>2.520275439938791</v>
      </c>
      <c r="AG13" s="20" t="s">
        <v>2</v>
      </c>
      <c r="AH13" s="25">
        <v>0.29646809286216069</v>
      </c>
      <c r="AI13" s="20" t="s">
        <v>7</v>
      </c>
      <c r="AJ13" s="24">
        <v>0.7674011776775308</v>
      </c>
    </row>
    <row r="14" spans="1:36" ht="15" thickBot="1" x14ac:dyDescent="0.4">
      <c r="B14" s="19">
        <v>6</v>
      </c>
      <c r="C14" s="20" t="s">
        <v>20</v>
      </c>
      <c r="D14" s="21">
        <v>28738</v>
      </c>
      <c r="E14" s="20" t="s">
        <v>18</v>
      </c>
      <c r="F14" s="21">
        <v>2163</v>
      </c>
      <c r="G14" s="20" t="s">
        <v>6</v>
      </c>
      <c r="H14" s="22">
        <v>9.7889985303380223E-2</v>
      </c>
      <c r="I14" s="20" t="s">
        <v>9</v>
      </c>
      <c r="J14" s="23">
        <v>63.651758143241359</v>
      </c>
      <c r="K14" s="20" t="s">
        <v>15</v>
      </c>
      <c r="L14" s="24">
        <v>4.5060240963855422</v>
      </c>
      <c r="M14" s="20" t="s">
        <v>20</v>
      </c>
      <c r="N14" s="24">
        <v>2.4939685845699904</v>
      </c>
      <c r="O14" s="20" t="s">
        <v>2</v>
      </c>
      <c r="P14" s="25">
        <v>0.30113589291441123</v>
      </c>
      <c r="Q14" s="20" t="s">
        <v>7</v>
      </c>
      <c r="R14" s="24">
        <v>0.78727315464045933</v>
      </c>
      <c r="T14" s="19">
        <v>6</v>
      </c>
      <c r="U14" s="20" t="s">
        <v>20</v>
      </c>
      <c r="V14" s="21">
        <v>25727</v>
      </c>
      <c r="W14" s="20" t="s">
        <v>6</v>
      </c>
      <c r="X14" s="21">
        <v>1200</v>
      </c>
      <c r="Y14" s="20" t="s">
        <v>4</v>
      </c>
      <c r="Z14" s="22">
        <v>0.11703145742356763</v>
      </c>
      <c r="AA14" s="20" t="s">
        <v>9</v>
      </c>
      <c r="AB14" s="23">
        <v>61.322271711752734</v>
      </c>
      <c r="AC14" s="20" t="s">
        <v>2</v>
      </c>
      <c r="AD14" s="24">
        <v>4.2312500000000002</v>
      </c>
      <c r="AE14" s="20" t="s">
        <v>20</v>
      </c>
      <c r="AF14" s="24">
        <v>2.3263405371190884</v>
      </c>
      <c r="AG14" s="20" t="s">
        <v>20</v>
      </c>
      <c r="AH14" s="25">
        <v>0.29311268850542627</v>
      </c>
      <c r="AI14" s="20" t="s">
        <v>17</v>
      </c>
      <c r="AJ14" s="24">
        <v>0.59496685242303138</v>
      </c>
    </row>
    <row r="15" spans="1:36" ht="15" thickBot="1" x14ac:dyDescent="0.4">
      <c r="B15" s="19">
        <v>7</v>
      </c>
      <c r="C15" s="20" t="s">
        <v>6</v>
      </c>
      <c r="D15" s="21">
        <v>20917</v>
      </c>
      <c r="E15" s="20" t="s">
        <v>6</v>
      </c>
      <c r="F15" s="21">
        <v>1865</v>
      </c>
      <c r="G15" s="20" t="s">
        <v>0</v>
      </c>
      <c r="H15" s="22">
        <v>8.0752884031572561E-2</v>
      </c>
      <c r="I15" s="20" t="s">
        <v>16</v>
      </c>
      <c r="J15" s="23">
        <v>61.499587906129356</v>
      </c>
      <c r="K15" s="20" t="s">
        <v>7</v>
      </c>
      <c r="L15" s="24">
        <v>4.3611615245009068</v>
      </c>
      <c r="M15" s="20" t="s">
        <v>12</v>
      </c>
      <c r="N15" s="24">
        <v>2.3285070785070783</v>
      </c>
      <c r="O15" s="20" t="s">
        <v>14</v>
      </c>
      <c r="P15" s="25">
        <v>0.29763273291224435</v>
      </c>
      <c r="Q15" s="20" t="s">
        <v>17</v>
      </c>
      <c r="R15" s="24">
        <v>0.62880646363531589</v>
      </c>
      <c r="T15" s="19">
        <v>7</v>
      </c>
      <c r="U15" s="20" t="s">
        <v>6</v>
      </c>
      <c r="V15" s="21">
        <v>18900</v>
      </c>
      <c r="W15" s="20" t="s">
        <v>6</v>
      </c>
      <c r="X15" s="21">
        <v>1200</v>
      </c>
      <c r="Y15" s="20" t="s">
        <v>21</v>
      </c>
      <c r="Z15" s="22">
        <v>0.10786264022958518</v>
      </c>
      <c r="AA15" s="20" t="s">
        <v>16</v>
      </c>
      <c r="AB15" s="23">
        <v>61.033271157766883</v>
      </c>
      <c r="AC15" s="20" t="s">
        <v>7</v>
      </c>
      <c r="AD15" s="24">
        <v>3.9772727272727275</v>
      </c>
      <c r="AE15" s="20" t="s">
        <v>12</v>
      </c>
      <c r="AF15" s="24">
        <v>2.2577733860342555</v>
      </c>
      <c r="AG15" s="20" t="s">
        <v>1</v>
      </c>
      <c r="AH15" s="25">
        <v>0.28470529172254527</v>
      </c>
      <c r="AI15" s="20" t="s">
        <v>5</v>
      </c>
      <c r="AJ15" s="24">
        <v>0.58683986821057621</v>
      </c>
    </row>
    <row r="16" spans="1:36" ht="15" thickBot="1" x14ac:dyDescent="0.4">
      <c r="B16" s="19">
        <v>8</v>
      </c>
      <c r="C16" s="20" t="s">
        <v>2</v>
      </c>
      <c r="D16" s="21">
        <v>15309.9</v>
      </c>
      <c r="E16" s="20" t="s">
        <v>8</v>
      </c>
      <c r="F16" s="21">
        <v>1847</v>
      </c>
      <c r="G16" s="20" t="s">
        <v>15</v>
      </c>
      <c r="H16" s="22">
        <v>7.9591402426048091E-2</v>
      </c>
      <c r="I16" s="20" t="s">
        <v>17</v>
      </c>
      <c r="J16" s="23">
        <v>58.949406114745351</v>
      </c>
      <c r="K16" s="20" t="s">
        <v>3</v>
      </c>
      <c r="L16" s="24">
        <v>4.2941824473709511</v>
      </c>
      <c r="M16" s="20" t="s">
        <v>7</v>
      </c>
      <c r="N16" s="24">
        <v>2.21279434327263</v>
      </c>
      <c r="O16" s="20" t="s">
        <v>18</v>
      </c>
      <c r="P16" s="25">
        <v>0.28620336804483343</v>
      </c>
      <c r="Q16" s="20" t="s">
        <v>16</v>
      </c>
      <c r="R16" s="24">
        <v>0.54803432428556464</v>
      </c>
      <c r="T16" s="19">
        <v>8</v>
      </c>
      <c r="U16" s="20" t="s">
        <v>2</v>
      </c>
      <c r="V16" s="21">
        <v>14235</v>
      </c>
      <c r="W16" s="20" t="s">
        <v>8</v>
      </c>
      <c r="X16" s="21">
        <v>1110</v>
      </c>
      <c r="Y16" s="20" t="s">
        <v>22</v>
      </c>
      <c r="Z16" s="22">
        <v>8.3231929909953761E-2</v>
      </c>
      <c r="AA16" s="20" t="s">
        <v>17</v>
      </c>
      <c r="AB16" s="23">
        <v>55.648945631336588</v>
      </c>
      <c r="AC16" s="20" t="s">
        <v>20</v>
      </c>
      <c r="AD16" s="24">
        <v>3.9157894736842103</v>
      </c>
      <c r="AE16" s="20" t="s">
        <v>7</v>
      </c>
      <c r="AF16" s="24">
        <v>2.1480945814133396</v>
      </c>
      <c r="AG16" s="20" t="s">
        <v>4</v>
      </c>
      <c r="AH16" s="25">
        <v>0.27942774124458164</v>
      </c>
      <c r="AI16" s="20" t="s">
        <v>16</v>
      </c>
      <c r="AJ16" s="24">
        <v>0.54387888856976863</v>
      </c>
    </row>
    <row r="17" spans="2:36" ht="15" thickBot="1" x14ac:dyDescent="0.4">
      <c r="B17" s="19">
        <v>9</v>
      </c>
      <c r="C17" s="20" t="s">
        <v>18</v>
      </c>
      <c r="D17" s="21">
        <v>14279</v>
      </c>
      <c r="E17" s="20" t="s">
        <v>17</v>
      </c>
      <c r="F17" s="21">
        <v>1670</v>
      </c>
      <c r="G17" s="20" t="s">
        <v>2</v>
      </c>
      <c r="H17" s="22">
        <v>7.032298657718121E-2</v>
      </c>
      <c r="I17" s="20" t="s">
        <v>0</v>
      </c>
      <c r="J17" s="23">
        <v>42.38095238095238</v>
      </c>
      <c r="K17" s="20" t="s">
        <v>17</v>
      </c>
      <c r="L17" s="24">
        <v>4.2278481012658231</v>
      </c>
      <c r="M17" s="20" t="s">
        <v>3</v>
      </c>
      <c r="N17" s="24">
        <v>2.1315394142904327</v>
      </c>
      <c r="O17" s="20" t="s">
        <v>9</v>
      </c>
      <c r="P17" s="25">
        <v>0.27900000000000003</v>
      </c>
      <c r="Q17" s="20" t="s">
        <v>14</v>
      </c>
      <c r="R17" s="24">
        <v>0.49140449438202249</v>
      </c>
      <c r="T17" s="19">
        <v>9</v>
      </c>
      <c r="U17" s="20" t="s">
        <v>18</v>
      </c>
      <c r="V17" s="21">
        <v>12116</v>
      </c>
      <c r="W17" s="20" t="s">
        <v>17</v>
      </c>
      <c r="X17" s="21">
        <v>842.61</v>
      </c>
      <c r="Y17" s="20" t="s">
        <v>6</v>
      </c>
      <c r="Z17" s="22">
        <v>6.7796610169491525E-2</v>
      </c>
      <c r="AA17" s="20" t="s">
        <v>0</v>
      </c>
      <c r="AB17" s="23">
        <v>39.214285714285715</v>
      </c>
      <c r="AC17" s="20" t="s">
        <v>4</v>
      </c>
      <c r="AD17" s="24">
        <v>3.6368292682926833</v>
      </c>
      <c r="AE17" s="20" t="s">
        <v>19</v>
      </c>
      <c r="AF17" s="24">
        <v>2.0714285714285716</v>
      </c>
      <c r="AG17" s="20" t="s">
        <v>22</v>
      </c>
      <c r="AH17" s="25">
        <v>0.27928859608804452</v>
      </c>
      <c r="AI17" s="20" t="s">
        <v>14</v>
      </c>
      <c r="AJ17" s="24">
        <v>0.44268571428571429</v>
      </c>
    </row>
    <row r="18" spans="2:36" ht="15" thickBot="1" x14ac:dyDescent="0.4">
      <c r="B18" s="19">
        <v>10</v>
      </c>
      <c r="C18" s="20" t="s">
        <v>10</v>
      </c>
      <c r="D18" s="21">
        <v>11521</v>
      </c>
      <c r="E18" s="20" t="s">
        <v>14</v>
      </c>
      <c r="F18" s="21">
        <v>1109</v>
      </c>
      <c r="G18" s="20" t="s">
        <v>21</v>
      </c>
      <c r="H18" s="22">
        <v>6.0984943261263115E-2</v>
      </c>
      <c r="I18" s="20" t="s">
        <v>3</v>
      </c>
      <c r="J18" s="23">
        <v>40.334942708333337</v>
      </c>
      <c r="K18" s="20" t="s">
        <v>10</v>
      </c>
      <c r="L18" s="24">
        <v>3.9</v>
      </c>
      <c r="M18" s="20" t="s">
        <v>2</v>
      </c>
      <c r="N18" s="24">
        <v>2.1251943364797334</v>
      </c>
      <c r="O18" s="20" t="s">
        <v>0</v>
      </c>
      <c r="P18" s="25">
        <v>0.27511331649103027</v>
      </c>
      <c r="Q18" s="20" t="s">
        <v>1</v>
      </c>
      <c r="R18" s="24">
        <v>0.45815434947402017</v>
      </c>
      <c r="T18" s="19">
        <v>10</v>
      </c>
      <c r="U18" s="20" t="s">
        <v>10</v>
      </c>
      <c r="V18" s="21">
        <v>11101</v>
      </c>
      <c r="W18" s="20" t="s">
        <v>4</v>
      </c>
      <c r="X18" s="21">
        <v>753.91</v>
      </c>
      <c r="Y18" s="20" t="s">
        <v>0</v>
      </c>
      <c r="Z18" s="22">
        <v>6.0869565217391307E-2</v>
      </c>
      <c r="AA18" s="20" t="s">
        <v>10</v>
      </c>
      <c r="AB18" s="23">
        <v>36.83903125394076</v>
      </c>
      <c r="AC18" s="20" t="s">
        <v>12</v>
      </c>
      <c r="AD18" s="24">
        <v>3.5333333333333337</v>
      </c>
      <c r="AE18" s="20" t="s">
        <v>2</v>
      </c>
      <c r="AF18" s="24">
        <v>2.0385221251611054</v>
      </c>
      <c r="AG18" s="20" t="s">
        <v>18</v>
      </c>
      <c r="AH18" s="25">
        <v>0.27893184844051272</v>
      </c>
      <c r="AI18" s="20" t="s">
        <v>1</v>
      </c>
      <c r="AJ18" s="24">
        <v>0.43295603524124238</v>
      </c>
    </row>
    <row r="19" spans="2:36" ht="15" thickBot="1" x14ac:dyDescent="0.4">
      <c r="B19" s="19">
        <v>11</v>
      </c>
      <c r="C19" s="20" t="s">
        <v>14</v>
      </c>
      <c r="D19" s="21">
        <v>8747</v>
      </c>
      <c r="E19" s="20" t="s">
        <v>2</v>
      </c>
      <c r="F19" s="21">
        <v>1005.9</v>
      </c>
      <c r="G19" s="20" t="s">
        <v>17</v>
      </c>
      <c r="H19" s="22">
        <v>5.930858969500824E-2</v>
      </c>
      <c r="I19" s="20" t="s">
        <v>10</v>
      </c>
      <c r="J19" s="23">
        <v>38.232814978529092</v>
      </c>
      <c r="K19" s="20" t="s">
        <v>0</v>
      </c>
      <c r="L19" s="24">
        <v>3.62</v>
      </c>
      <c r="M19" s="20" t="s">
        <v>19</v>
      </c>
      <c r="N19" s="24">
        <v>2.0714285714285716</v>
      </c>
      <c r="O19" s="20" t="s">
        <v>1</v>
      </c>
      <c r="P19" s="25">
        <v>0.26835361066307423</v>
      </c>
      <c r="Q19" s="20" t="s">
        <v>0</v>
      </c>
      <c r="R19" s="24">
        <v>0.44500000000000001</v>
      </c>
      <c r="T19" s="19">
        <v>11</v>
      </c>
      <c r="U19" s="20" t="s">
        <v>14</v>
      </c>
      <c r="V19" s="21">
        <v>7747</v>
      </c>
      <c r="W19" s="20" t="s">
        <v>15</v>
      </c>
      <c r="X19" s="21">
        <v>709.5</v>
      </c>
      <c r="Y19" s="20" t="s">
        <v>20</v>
      </c>
      <c r="Z19" s="22">
        <v>5.0724933632836429E-2</v>
      </c>
      <c r="AA19" s="20" t="s">
        <v>3</v>
      </c>
      <c r="AB19" s="23">
        <v>36.111048958333335</v>
      </c>
      <c r="AC19" s="20" t="s">
        <v>10</v>
      </c>
      <c r="AD19" s="24">
        <v>3.14</v>
      </c>
      <c r="AE19" s="20" t="s">
        <v>3</v>
      </c>
      <c r="AF19" s="24">
        <v>2.0253208581143451</v>
      </c>
      <c r="AG19" s="20" t="s">
        <v>0</v>
      </c>
      <c r="AH19" s="25">
        <v>0.26500000000000001</v>
      </c>
      <c r="AI19" s="20" t="s">
        <v>0</v>
      </c>
      <c r="AJ19" s="24">
        <v>0.41175</v>
      </c>
    </row>
    <row r="20" spans="2:36" ht="15" thickBot="1" x14ac:dyDescent="0.4">
      <c r="B20" s="19">
        <v>12</v>
      </c>
      <c r="C20" s="20" t="s">
        <v>4</v>
      </c>
      <c r="D20" s="21">
        <v>7026.0089999999991</v>
      </c>
      <c r="E20" s="20" t="s">
        <v>10</v>
      </c>
      <c r="F20" s="21">
        <v>459</v>
      </c>
      <c r="G20" s="20" t="s">
        <v>1</v>
      </c>
      <c r="H20" s="22">
        <v>5.8200630506830497E-2</v>
      </c>
      <c r="I20" s="20" t="s">
        <v>6</v>
      </c>
      <c r="J20" s="23">
        <v>37.91406483654918</v>
      </c>
      <c r="K20" s="20" t="s">
        <v>4</v>
      </c>
      <c r="L20" s="24">
        <v>3.4983783783783782</v>
      </c>
      <c r="M20" s="20" t="s">
        <v>16</v>
      </c>
      <c r="N20" s="24">
        <v>1.9996473906911143</v>
      </c>
      <c r="O20" s="20" t="s">
        <v>22</v>
      </c>
      <c r="P20" s="25">
        <v>0.26751230556605604</v>
      </c>
      <c r="Q20" s="20" t="s">
        <v>21</v>
      </c>
      <c r="R20" s="24">
        <v>0.43439995179125612</v>
      </c>
      <c r="T20" s="19">
        <v>12</v>
      </c>
      <c r="U20" s="20" t="s">
        <v>4</v>
      </c>
      <c r="V20" s="21">
        <v>6946.1539999999995</v>
      </c>
      <c r="W20" s="20" t="s">
        <v>2</v>
      </c>
      <c r="X20" s="21">
        <v>677</v>
      </c>
      <c r="Y20" s="20" t="s">
        <v>2</v>
      </c>
      <c r="Z20" s="22">
        <v>4.9933618527806464E-2</v>
      </c>
      <c r="AA20" s="20" t="s">
        <v>6</v>
      </c>
      <c r="AB20" s="23">
        <v>34.25805925375434</v>
      </c>
      <c r="AC20" s="20" t="s">
        <v>3</v>
      </c>
      <c r="AD20" s="24">
        <v>3.113733844304178</v>
      </c>
      <c r="AE20" s="20" t="s">
        <v>16</v>
      </c>
      <c r="AF20" s="24">
        <v>2.0251889168765742</v>
      </c>
      <c r="AG20" s="20" t="s">
        <v>16</v>
      </c>
      <c r="AH20" s="25">
        <v>0.25600000000000001</v>
      </c>
      <c r="AI20" s="20" t="s">
        <v>21</v>
      </c>
      <c r="AJ20" s="24">
        <v>0.40943083551779202</v>
      </c>
    </row>
    <row r="21" spans="2:36" ht="15" thickBot="1" x14ac:dyDescent="0.4">
      <c r="B21" s="19">
        <v>13</v>
      </c>
      <c r="C21" s="20" t="s">
        <v>5</v>
      </c>
      <c r="D21" s="21">
        <v>5678</v>
      </c>
      <c r="E21" s="20" t="s">
        <v>15</v>
      </c>
      <c r="F21" s="21">
        <v>374</v>
      </c>
      <c r="G21" s="20" t="s">
        <v>12</v>
      </c>
      <c r="H21" s="22">
        <v>5.5787354477285327E-2</v>
      </c>
      <c r="I21" s="20" t="s">
        <v>22</v>
      </c>
      <c r="J21" s="23">
        <v>35.462121212121211</v>
      </c>
      <c r="K21" s="20" t="s">
        <v>22</v>
      </c>
      <c r="L21" s="24">
        <v>3.3823529411764706</v>
      </c>
      <c r="M21" s="20" t="s">
        <v>21</v>
      </c>
      <c r="N21" s="24">
        <v>1.9822771582956373</v>
      </c>
      <c r="O21" s="20" t="s">
        <v>16</v>
      </c>
      <c r="P21" s="25">
        <v>0.26700000000000002</v>
      </c>
      <c r="Q21" s="20" t="s">
        <v>20</v>
      </c>
      <c r="R21" s="24">
        <v>0.42840744771246703</v>
      </c>
      <c r="T21" s="19">
        <v>13</v>
      </c>
      <c r="U21" s="20" t="s">
        <v>16</v>
      </c>
      <c r="V21" s="21">
        <v>5628</v>
      </c>
      <c r="W21" s="20" t="s">
        <v>5</v>
      </c>
      <c r="X21" s="21">
        <v>671</v>
      </c>
      <c r="Y21" s="20" t="s">
        <v>10</v>
      </c>
      <c r="Z21" s="22">
        <v>4.4308560677328315E-2</v>
      </c>
      <c r="AA21" s="20" t="s">
        <v>22</v>
      </c>
      <c r="AB21" s="23">
        <v>33.719696969696969</v>
      </c>
      <c r="AC21" s="20" t="s">
        <v>9</v>
      </c>
      <c r="AD21" s="24">
        <v>3.1</v>
      </c>
      <c r="AE21" s="20" t="s">
        <v>21</v>
      </c>
      <c r="AF21" s="24">
        <v>1.9604691760564397</v>
      </c>
      <c r="AG21" s="20" t="s">
        <v>9</v>
      </c>
      <c r="AH21" s="25">
        <v>0.25</v>
      </c>
      <c r="AI21" s="20" t="s">
        <v>22</v>
      </c>
      <c r="AJ21" s="24">
        <v>0.40463636363636363</v>
      </c>
    </row>
    <row r="22" spans="2:36" ht="15" thickBot="1" x14ac:dyDescent="0.4">
      <c r="B22" s="19">
        <v>14</v>
      </c>
      <c r="C22" s="20" t="s">
        <v>16</v>
      </c>
      <c r="D22" s="21">
        <v>5671</v>
      </c>
      <c r="E22" s="20" t="s">
        <v>0</v>
      </c>
      <c r="F22" s="21">
        <v>315</v>
      </c>
      <c r="G22" s="20" t="s">
        <v>22</v>
      </c>
      <c r="H22" s="22">
        <v>5.1673781172770161E-2</v>
      </c>
      <c r="I22" s="20" t="s">
        <v>18</v>
      </c>
      <c r="J22" s="23">
        <v>31.913015298311485</v>
      </c>
      <c r="K22" s="20" t="s">
        <v>21</v>
      </c>
      <c r="L22" s="24">
        <v>3.2263078089461716</v>
      </c>
      <c r="M22" s="20" t="s">
        <v>11</v>
      </c>
      <c r="N22" s="24">
        <v>1.8314263920671243</v>
      </c>
      <c r="O22" s="20" t="s">
        <v>3</v>
      </c>
      <c r="P22" s="25">
        <v>0.2409627092846271</v>
      </c>
      <c r="Q22" s="20" t="s">
        <v>22</v>
      </c>
      <c r="R22" s="24">
        <v>0.42554545454545456</v>
      </c>
      <c r="T22" s="19">
        <v>14</v>
      </c>
      <c r="U22" s="20" t="s">
        <v>1</v>
      </c>
      <c r="V22" s="21">
        <v>4948.3999999999996</v>
      </c>
      <c r="W22" s="20" t="s">
        <v>10</v>
      </c>
      <c r="X22" s="21">
        <v>471</v>
      </c>
      <c r="Y22" s="20" t="s">
        <v>12</v>
      </c>
      <c r="Z22" s="22">
        <v>3.8544286536771617E-2</v>
      </c>
      <c r="AA22" s="20" t="s">
        <v>18</v>
      </c>
      <c r="AB22" s="23">
        <v>27.078793567780796</v>
      </c>
      <c r="AC22" s="20" t="s">
        <v>21</v>
      </c>
      <c r="AD22" s="24">
        <v>2.9524543253356814</v>
      </c>
      <c r="AE22" s="20" t="s">
        <v>9</v>
      </c>
      <c r="AF22" s="24">
        <v>1.9543310657596373</v>
      </c>
      <c r="AG22" s="20" t="s">
        <v>3</v>
      </c>
      <c r="AH22" s="25">
        <v>0.25</v>
      </c>
      <c r="AI22" s="20" t="s">
        <v>2</v>
      </c>
      <c r="AJ22" s="24">
        <v>0.38481313017542912</v>
      </c>
    </row>
    <row r="23" spans="2:36" ht="15" thickBot="1" x14ac:dyDescent="0.4">
      <c r="B23" s="19">
        <v>15</v>
      </c>
      <c r="C23" s="20" t="s">
        <v>1</v>
      </c>
      <c r="D23" s="21">
        <v>5236.3999999999996</v>
      </c>
      <c r="E23" s="20" t="s">
        <v>1</v>
      </c>
      <c r="F23" s="21">
        <v>288</v>
      </c>
      <c r="G23" s="20" t="s">
        <v>11</v>
      </c>
      <c r="H23" s="22">
        <v>4.9869914077701742E-2</v>
      </c>
      <c r="I23" s="20" t="s">
        <v>12</v>
      </c>
      <c r="J23" s="23">
        <v>18.018157083871941</v>
      </c>
      <c r="K23" s="20" t="s">
        <v>20</v>
      </c>
      <c r="L23" s="24">
        <v>3.1</v>
      </c>
      <c r="M23" s="20" t="s">
        <v>22</v>
      </c>
      <c r="N23" s="24">
        <v>1.6534793359237019</v>
      </c>
      <c r="O23" s="20" t="s">
        <v>17</v>
      </c>
      <c r="P23" s="25">
        <v>0.24045089220270369</v>
      </c>
      <c r="Q23" s="20" t="s">
        <v>2</v>
      </c>
      <c r="R23" s="24">
        <v>0.38694343724479513</v>
      </c>
      <c r="T23" s="19">
        <v>15</v>
      </c>
      <c r="U23" s="20" t="s">
        <v>15</v>
      </c>
      <c r="V23" s="21">
        <v>4649</v>
      </c>
      <c r="W23" s="20" t="s">
        <v>22</v>
      </c>
      <c r="X23" s="21">
        <v>342</v>
      </c>
      <c r="Y23" s="20" t="s">
        <v>11</v>
      </c>
      <c r="Z23" s="22">
        <v>3.2244980734131012E-2</v>
      </c>
      <c r="AA23" s="20" t="s">
        <v>12</v>
      </c>
      <c r="AB23" s="23">
        <v>17.066085331920494</v>
      </c>
      <c r="AC23" s="20" t="s">
        <v>17</v>
      </c>
      <c r="AD23" s="24">
        <v>2.9359233449477351</v>
      </c>
      <c r="AE23" s="20" t="s">
        <v>11</v>
      </c>
      <c r="AF23" s="24">
        <v>1.7797202797202798</v>
      </c>
      <c r="AG23" s="20" t="s">
        <v>17</v>
      </c>
      <c r="AH23" s="25">
        <v>0.24885605667599334</v>
      </c>
      <c r="AI23" s="20" t="s">
        <v>20</v>
      </c>
      <c r="AJ23" s="24">
        <v>0.38352141440944532</v>
      </c>
    </row>
    <row r="24" spans="2:36" ht="15" thickBot="1" x14ac:dyDescent="0.4">
      <c r="B24" s="19">
        <v>16</v>
      </c>
      <c r="C24" s="20" t="s">
        <v>15</v>
      </c>
      <c r="D24" s="21">
        <v>5073</v>
      </c>
      <c r="E24" s="20" t="s">
        <v>11</v>
      </c>
      <c r="F24" s="21">
        <v>232.9</v>
      </c>
      <c r="G24" s="20" t="s">
        <v>8</v>
      </c>
      <c r="H24" s="22">
        <v>4.6079385275553227E-2</v>
      </c>
      <c r="I24" s="20" t="s">
        <v>5</v>
      </c>
      <c r="J24" s="23">
        <v>16.777769898115974</v>
      </c>
      <c r="K24" s="20" t="s">
        <v>11</v>
      </c>
      <c r="L24" s="24">
        <v>2.875</v>
      </c>
      <c r="M24" s="20" t="s">
        <v>10</v>
      </c>
      <c r="N24" s="24">
        <v>1.5512319913827926</v>
      </c>
      <c r="O24" s="20" t="s">
        <v>7</v>
      </c>
      <c r="P24" s="25">
        <v>0.2201298869469181</v>
      </c>
      <c r="Q24" s="20" t="s">
        <v>6</v>
      </c>
      <c r="R24" s="24">
        <v>0.31270743010913438</v>
      </c>
      <c r="T24" s="19">
        <v>16</v>
      </c>
      <c r="U24" s="20" t="s">
        <v>11</v>
      </c>
      <c r="V24" s="21">
        <v>4581</v>
      </c>
      <c r="W24" s="20" t="s">
        <v>0</v>
      </c>
      <c r="X24" s="21">
        <v>292</v>
      </c>
      <c r="Y24" s="20" t="s">
        <v>17</v>
      </c>
      <c r="Z24" s="22">
        <v>3.0847659910965324E-2</v>
      </c>
      <c r="AA24" s="20" t="s">
        <v>15</v>
      </c>
      <c r="AB24" s="23">
        <v>14.357184768845928</v>
      </c>
      <c r="AC24" s="20" t="s">
        <v>22</v>
      </c>
      <c r="AD24" s="24">
        <v>2.671875</v>
      </c>
      <c r="AE24" s="20" t="s">
        <v>22</v>
      </c>
      <c r="AF24" s="24">
        <v>1.6109301483894318</v>
      </c>
      <c r="AG24" s="20" t="s">
        <v>6</v>
      </c>
      <c r="AH24" s="25">
        <v>0.23</v>
      </c>
      <c r="AI24" s="20" t="s">
        <v>6</v>
      </c>
      <c r="AJ24" s="24">
        <v>0.28255344595604726</v>
      </c>
    </row>
    <row r="25" spans="2:36" ht="15" thickBot="1" x14ac:dyDescent="0.4">
      <c r="B25" s="19">
        <v>17</v>
      </c>
      <c r="C25" s="20" t="s">
        <v>11</v>
      </c>
      <c r="D25" s="21">
        <v>4802</v>
      </c>
      <c r="E25" s="20" t="s">
        <v>22</v>
      </c>
      <c r="F25" s="21">
        <v>230</v>
      </c>
      <c r="G25" s="20" t="s">
        <v>10</v>
      </c>
      <c r="H25" s="22">
        <v>4.1493400831676006E-2</v>
      </c>
      <c r="I25" s="20" t="s">
        <v>21</v>
      </c>
      <c r="J25" s="23">
        <v>14.626004305841779</v>
      </c>
      <c r="K25" s="20"/>
      <c r="L25" s="24"/>
      <c r="M25" s="20" t="s">
        <v>17</v>
      </c>
      <c r="N25" s="24">
        <v>1.3532261137827784</v>
      </c>
      <c r="O25" s="20" t="s">
        <v>6</v>
      </c>
      <c r="P25" s="25">
        <v>0.21649198219944657</v>
      </c>
      <c r="Q25" s="20" t="s">
        <v>3</v>
      </c>
      <c r="R25" s="24">
        <v>0.27427658187948462</v>
      </c>
      <c r="T25" s="19">
        <v>17</v>
      </c>
      <c r="U25" s="20" t="s">
        <v>22</v>
      </c>
      <c r="V25" s="21">
        <v>4451</v>
      </c>
      <c r="W25" s="20" t="s">
        <v>1</v>
      </c>
      <c r="X25" s="21">
        <v>275.69999999999891</v>
      </c>
      <c r="Y25" s="20" t="s">
        <v>8</v>
      </c>
      <c r="Z25" s="22">
        <v>2.8281695882592744E-2</v>
      </c>
      <c r="AA25" s="20" t="s">
        <v>21</v>
      </c>
      <c r="AB25" s="23">
        <v>13.785308075046062</v>
      </c>
      <c r="AC25" s="20" t="s">
        <v>11</v>
      </c>
      <c r="AD25" s="24">
        <v>2.4298850574712643</v>
      </c>
      <c r="AE25" s="20"/>
      <c r="AF25" s="24"/>
      <c r="AG25" s="20" t="s">
        <v>10</v>
      </c>
      <c r="AH25" s="25">
        <v>0.221</v>
      </c>
      <c r="AI25" s="20" t="s">
        <v>3</v>
      </c>
      <c r="AJ25" s="24">
        <v>0.24760977822220634</v>
      </c>
    </row>
    <row r="26" spans="2:36" ht="15" thickBot="1" x14ac:dyDescent="0.4">
      <c r="B26" s="19">
        <v>18</v>
      </c>
      <c r="C26" s="20" t="s">
        <v>22</v>
      </c>
      <c r="D26" s="21">
        <v>4681</v>
      </c>
      <c r="E26" s="20" t="s">
        <v>9</v>
      </c>
      <c r="F26" s="21">
        <v>164</v>
      </c>
      <c r="G26" s="20" t="s">
        <v>7</v>
      </c>
      <c r="H26" s="22">
        <v>3.8816253033743052E-2</v>
      </c>
      <c r="I26" s="20" t="s">
        <v>15</v>
      </c>
      <c r="J26" s="23">
        <v>13.169542609557977</v>
      </c>
      <c r="K26" s="20"/>
      <c r="L26" s="24"/>
      <c r="M26" s="20" t="s">
        <v>4</v>
      </c>
      <c r="N26" s="24">
        <v>1.0057270254795303</v>
      </c>
      <c r="O26" s="20" t="s">
        <v>12</v>
      </c>
      <c r="P26" s="25">
        <v>0.21638283288404814</v>
      </c>
      <c r="Q26" s="20" t="s">
        <v>10</v>
      </c>
      <c r="R26" s="24">
        <v>0.19576557747531903</v>
      </c>
      <c r="T26" s="19">
        <v>18</v>
      </c>
      <c r="U26" s="20" t="s">
        <v>9</v>
      </c>
      <c r="V26" s="21">
        <v>4309.3</v>
      </c>
      <c r="W26" s="20" t="s">
        <v>11</v>
      </c>
      <c r="X26" s="21">
        <v>211.4</v>
      </c>
      <c r="Y26" s="20" t="s">
        <v>7</v>
      </c>
      <c r="Z26" s="22">
        <v>2.7611063733929748E-2</v>
      </c>
      <c r="AA26" s="20" t="s">
        <v>11</v>
      </c>
      <c r="AB26" s="23">
        <v>12.566005129541496</v>
      </c>
      <c r="AC26" s="20"/>
      <c r="AD26" s="24"/>
      <c r="AE26" s="20"/>
      <c r="AF26" s="24"/>
      <c r="AG26" s="20" t="s">
        <v>11</v>
      </c>
      <c r="AH26" s="25">
        <v>0.21546112832968589</v>
      </c>
      <c r="AI26" s="20" t="s">
        <v>10</v>
      </c>
      <c r="AJ26" s="24">
        <v>0.18805649650154099</v>
      </c>
    </row>
    <row r="27" spans="2:36" ht="15" thickBot="1" x14ac:dyDescent="0.4">
      <c r="B27" s="19">
        <v>19</v>
      </c>
      <c r="C27" s="20" t="s">
        <v>9</v>
      </c>
      <c r="D27" s="21">
        <v>4473</v>
      </c>
      <c r="E27" s="20" t="s">
        <v>4</v>
      </c>
      <c r="F27" s="21">
        <v>129.44</v>
      </c>
      <c r="G27" s="20" t="s">
        <v>9</v>
      </c>
      <c r="H27" s="22">
        <v>3.8059874680900441E-2</v>
      </c>
      <c r="I27" s="20" t="s">
        <v>8</v>
      </c>
      <c r="J27" s="23">
        <v>12.755292168591318</v>
      </c>
      <c r="K27" s="20"/>
      <c r="L27" s="24"/>
      <c r="M27" s="20"/>
      <c r="N27" s="24"/>
      <c r="O27" s="20" t="s">
        <v>11</v>
      </c>
      <c r="P27" s="25">
        <v>0.21512754480902108</v>
      </c>
      <c r="Q27" s="20" t="s">
        <v>11</v>
      </c>
      <c r="R27" s="24">
        <v>3.7811023622047246E-2</v>
      </c>
      <c r="T27" s="19">
        <v>19</v>
      </c>
      <c r="U27" s="20" t="s">
        <v>0</v>
      </c>
      <c r="V27" s="21">
        <v>3294</v>
      </c>
      <c r="W27" s="20" t="s">
        <v>16</v>
      </c>
      <c r="X27" s="21">
        <v>126</v>
      </c>
      <c r="Y27" s="20" t="s">
        <v>16</v>
      </c>
      <c r="Z27" s="22">
        <v>2.2900763358778626E-2</v>
      </c>
      <c r="AA27" s="20" t="s">
        <v>8</v>
      </c>
      <c r="AB27" s="23">
        <v>12.277082788934138</v>
      </c>
      <c r="AC27" s="20"/>
      <c r="AD27" s="24"/>
      <c r="AE27" s="20"/>
      <c r="AF27" s="24"/>
      <c r="AG27" s="20" t="s">
        <v>12</v>
      </c>
      <c r="AH27" s="25">
        <v>0.21468802768423498</v>
      </c>
      <c r="AI27" s="20" t="s">
        <v>11</v>
      </c>
      <c r="AJ27" s="24">
        <v>3.6070866141732286E-2</v>
      </c>
    </row>
    <row r="28" spans="2:36" ht="15" thickBot="1" x14ac:dyDescent="0.4">
      <c r="B28" s="19">
        <v>20</v>
      </c>
      <c r="C28" s="20" t="s">
        <v>0</v>
      </c>
      <c r="D28" s="21">
        <v>3560</v>
      </c>
      <c r="E28" s="20" t="s">
        <v>12</v>
      </c>
      <c r="F28" s="21">
        <v>95.6</v>
      </c>
      <c r="G28" s="20" t="s">
        <v>4</v>
      </c>
      <c r="H28" s="22">
        <v>1.14962898893402E-2</v>
      </c>
      <c r="I28" s="20" t="s">
        <v>11</v>
      </c>
      <c r="J28" s="23">
        <v>12.704543951319531</v>
      </c>
      <c r="K28" s="20"/>
      <c r="L28" s="24"/>
      <c r="M28" s="20"/>
      <c r="N28" s="24"/>
      <c r="O28" s="20" t="s">
        <v>10</v>
      </c>
      <c r="P28" s="25">
        <v>0.20899999999999999</v>
      </c>
      <c r="Q28" s="20" t="s">
        <v>12</v>
      </c>
      <c r="R28" s="24">
        <v>3.5036633009874411E-2</v>
      </c>
      <c r="T28" s="19">
        <v>20</v>
      </c>
      <c r="U28" s="20" t="s">
        <v>5</v>
      </c>
      <c r="V28" s="21">
        <v>3257</v>
      </c>
      <c r="W28" s="20" t="s">
        <v>12</v>
      </c>
      <c r="X28" s="21">
        <v>63.6</v>
      </c>
      <c r="Y28" s="20" t="s">
        <v>1</v>
      </c>
      <c r="Z28" s="22">
        <v>1.1653105450382305E-2</v>
      </c>
      <c r="AA28" s="20" t="s">
        <v>5</v>
      </c>
      <c r="AB28" s="23">
        <v>9.6240219369784654</v>
      </c>
      <c r="AC28" s="20"/>
      <c r="AD28" s="24"/>
      <c r="AE28" s="20"/>
      <c r="AF28" s="24"/>
      <c r="AG28" s="20" t="s">
        <v>7</v>
      </c>
      <c r="AH28" s="25">
        <v>0.20342128034847459</v>
      </c>
      <c r="AI28" s="20" t="s">
        <v>12</v>
      </c>
      <c r="AJ28" s="24">
        <v>3.318531223289832E-2</v>
      </c>
    </row>
    <row r="29" spans="2:36" ht="15" thickBot="1" x14ac:dyDescent="0.4">
      <c r="B29" s="19">
        <v>21</v>
      </c>
      <c r="C29" s="20" t="s">
        <v>12</v>
      </c>
      <c r="D29" s="21">
        <v>1809.2499999999998</v>
      </c>
      <c r="E29" s="20" t="s">
        <v>16</v>
      </c>
      <c r="F29" s="21">
        <v>28</v>
      </c>
      <c r="G29" s="20" t="s">
        <v>16</v>
      </c>
      <c r="H29" s="22">
        <v>4.9618996987418037E-3</v>
      </c>
      <c r="I29" s="20" t="s">
        <v>19</v>
      </c>
      <c r="J29" s="23">
        <v>2.107302894513746</v>
      </c>
      <c r="K29" s="20"/>
      <c r="L29" s="24"/>
      <c r="M29" s="20"/>
      <c r="N29" s="24"/>
      <c r="O29" s="20" t="s">
        <v>19</v>
      </c>
      <c r="P29" s="25">
        <v>0.20200000000000001</v>
      </c>
      <c r="Q29" s="20" t="s">
        <v>8</v>
      </c>
      <c r="R29" s="24">
        <v>3.0999098046753708E-2</v>
      </c>
      <c r="T29" s="19">
        <v>21</v>
      </c>
      <c r="U29" s="20" t="s">
        <v>12</v>
      </c>
      <c r="V29" s="21">
        <v>1713.6499999999999</v>
      </c>
      <c r="W29" s="20" t="s">
        <v>9</v>
      </c>
      <c r="X29" s="21">
        <v>9.3000000000000007</v>
      </c>
      <c r="Y29" s="20" t="s">
        <v>9</v>
      </c>
      <c r="Z29" s="22">
        <v>2.1627906976744186E-3</v>
      </c>
      <c r="AA29" s="20" t="s">
        <v>19</v>
      </c>
      <c r="AB29" s="23">
        <v>2.107302894513746</v>
      </c>
      <c r="AC29" s="20"/>
      <c r="AD29" s="24"/>
      <c r="AE29" s="20"/>
      <c r="AF29" s="24"/>
      <c r="AG29" s="20" t="s">
        <v>19</v>
      </c>
      <c r="AH29" s="25">
        <v>0.192</v>
      </c>
      <c r="AI29" s="20" t="s">
        <v>8</v>
      </c>
      <c r="AJ29" s="24">
        <v>2.9836909109727788E-2</v>
      </c>
    </row>
    <row r="30" spans="2:36" ht="15" thickBot="1" x14ac:dyDescent="0.4">
      <c r="B30" s="19">
        <v>22</v>
      </c>
      <c r="C30" s="20" t="s">
        <v>19</v>
      </c>
      <c r="D30" s="21">
        <v>87</v>
      </c>
      <c r="E30" s="20" t="s">
        <v>19</v>
      </c>
      <c r="F30" s="21">
        <v>0</v>
      </c>
      <c r="G30" s="20" t="s">
        <v>19</v>
      </c>
      <c r="H30" s="22">
        <v>0</v>
      </c>
      <c r="I30" s="20" t="s">
        <v>2</v>
      </c>
      <c r="J30" s="23">
        <v>1.6836078753774535</v>
      </c>
      <c r="K30" s="20"/>
      <c r="L30" s="24"/>
      <c r="M30" s="20"/>
      <c r="N30" s="24"/>
      <c r="O30" s="20"/>
      <c r="P30" s="25"/>
      <c r="Q30" s="20" t="s">
        <v>19</v>
      </c>
      <c r="R30" s="24">
        <v>1.0037959640479514E-2</v>
      </c>
      <c r="T30" s="19">
        <v>22</v>
      </c>
      <c r="U30" s="20" t="s">
        <v>19</v>
      </c>
      <c r="V30" s="21">
        <v>87</v>
      </c>
      <c r="W30" s="20" t="s">
        <v>19</v>
      </c>
      <c r="X30" s="21">
        <v>0</v>
      </c>
      <c r="Y30" s="20" t="s">
        <v>19</v>
      </c>
      <c r="Z30" s="22">
        <v>0</v>
      </c>
      <c r="AA30" s="20" t="s">
        <v>2</v>
      </c>
      <c r="AB30" s="23">
        <v>1.565402654883314</v>
      </c>
      <c r="AC30" s="20"/>
      <c r="AD30" s="24"/>
      <c r="AE30" s="20"/>
      <c r="AF30" s="24"/>
      <c r="AG30" s="20" t="s">
        <v>8</v>
      </c>
      <c r="AH30" s="25">
        <v>0.17281147904797248</v>
      </c>
      <c r="AI30" s="20" t="s">
        <v>19</v>
      </c>
      <c r="AJ30" s="24">
        <v>1.0037959640479514E-2</v>
      </c>
    </row>
    <row r="31" spans="2:36" ht="15" thickBot="1" x14ac:dyDescent="0.4">
      <c r="B31" s="318"/>
      <c r="C31" s="319" t="s">
        <v>61</v>
      </c>
      <c r="D31" s="320">
        <f>SUM(D8:D30)</f>
        <v>817098.81900000002</v>
      </c>
      <c r="E31" s="319"/>
      <c r="F31" s="320">
        <f>SUM(F8:F30)</f>
        <v>78503.42</v>
      </c>
      <c r="G31" s="321"/>
      <c r="H31" s="321"/>
      <c r="I31" s="321"/>
      <c r="J31" s="321"/>
      <c r="K31" s="322"/>
      <c r="L31" s="321"/>
      <c r="M31" s="322"/>
      <c r="N31" s="321"/>
      <c r="O31" s="322"/>
      <c r="P31" s="321"/>
      <c r="Q31" s="321"/>
      <c r="R31" s="323"/>
      <c r="S31" s="16"/>
      <c r="T31" s="318"/>
      <c r="U31" s="326" t="s">
        <v>61</v>
      </c>
      <c r="V31" s="327">
        <v>748623.38400000019</v>
      </c>
      <c r="W31" s="326"/>
      <c r="X31" s="327">
        <v>83523.090000000011</v>
      </c>
      <c r="Y31" s="328"/>
      <c r="Z31" s="328"/>
      <c r="AA31" s="328"/>
      <c r="AB31" s="328"/>
      <c r="AC31" s="329"/>
      <c r="AD31" s="328"/>
      <c r="AE31" s="329"/>
      <c r="AF31" s="328"/>
      <c r="AG31" s="329"/>
      <c r="AH31" s="328"/>
      <c r="AI31" s="328"/>
      <c r="AJ31" s="330"/>
    </row>
    <row r="32" spans="2:36" ht="28.75" customHeight="1" thickBot="1" x14ac:dyDescent="0.4">
      <c r="B32" s="442" t="s">
        <v>279</v>
      </c>
      <c r="C32" s="443"/>
      <c r="D32" s="443"/>
      <c r="E32" s="443"/>
      <c r="F32" s="443"/>
      <c r="G32" s="443"/>
      <c r="H32" s="443"/>
      <c r="I32" s="443"/>
      <c r="J32" s="443"/>
      <c r="K32" s="443"/>
      <c r="L32" s="443"/>
      <c r="M32" s="443"/>
      <c r="N32" s="443"/>
      <c r="O32" s="443"/>
      <c r="P32" s="443"/>
      <c r="Q32" s="443"/>
      <c r="R32" s="444"/>
      <c r="S32" s="16"/>
      <c r="T32" s="442" t="s">
        <v>279</v>
      </c>
      <c r="U32" s="443"/>
      <c r="V32" s="443"/>
      <c r="W32" s="443"/>
      <c r="X32" s="443"/>
      <c r="Y32" s="443"/>
      <c r="Z32" s="443"/>
      <c r="AA32" s="443"/>
      <c r="AB32" s="443"/>
      <c r="AC32" s="443"/>
      <c r="AD32" s="443"/>
      <c r="AE32" s="443"/>
      <c r="AF32" s="443"/>
      <c r="AG32" s="443"/>
      <c r="AH32" s="443"/>
      <c r="AI32" s="443"/>
      <c r="AJ32" s="444"/>
    </row>
    <row r="33" spans="2:29" x14ac:dyDescent="0.35">
      <c r="K33" s="2"/>
      <c r="S33" s="16"/>
      <c r="AC33" s="2"/>
    </row>
    <row r="34" spans="2:29" x14ac:dyDescent="0.35">
      <c r="F34" s="26"/>
      <c r="S34" s="16"/>
      <c r="X34" s="7"/>
    </row>
    <row r="35" spans="2:29" x14ac:dyDescent="0.35">
      <c r="F35" s="26"/>
      <c r="S35" s="16"/>
      <c r="X35" s="7"/>
    </row>
    <row r="36" spans="2:29" x14ac:dyDescent="0.35">
      <c r="F36" s="26"/>
      <c r="S36" s="16"/>
      <c r="X36" s="7"/>
    </row>
    <row r="37" spans="2:29" x14ac:dyDescent="0.35">
      <c r="F37" s="26"/>
      <c r="S37" s="16"/>
      <c r="X37" s="7"/>
    </row>
    <row r="38" spans="2:29" x14ac:dyDescent="0.35">
      <c r="B38" s="16"/>
    </row>
    <row r="50" ht="14.4" customHeight="1" x14ac:dyDescent="0.35"/>
  </sheetData>
  <mergeCells count="22">
    <mergeCell ref="B32:R32"/>
    <mergeCell ref="T32:AJ32"/>
    <mergeCell ref="C6:D7"/>
    <mergeCell ref="T6:T7"/>
    <mergeCell ref="Y6:Z7"/>
    <mergeCell ref="AG6:AH7"/>
    <mergeCell ref="AI6:AJ7"/>
    <mergeCell ref="B6:B7"/>
    <mergeCell ref="G6:H7"/>
    <mergeCell ref="T5:AJ5"/>
    <mergeCell ref="O6:P7"/>
    <mergeCell ref="K6:L7"/>
    <mergeCell ref="I6:J7"/>
    <mergeCell ref="E6:F7"/>
    <mergeCell ref="Q6:R7"/>
    <mergeCell ref="M6:N7"/>
    <mergeCell ref="U6:V7"/>
    <mergeCell ref="W6:X7"/>
    <mergeCell ref="AA6:AB7"/>
    <mergeCell ref="AC6:AD7"/>
    <mergeCell ref="AE6:AF7"/>
    <mergeCell ref="B5:P5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320338-BCB8-4A71-BD3F-0A5507AE4744}">
  <dimension ref="B1:AQ30"/>
  <sheetViews>
    <sheetView zoomScale="127" zoomScaleNormal="130" workbookViewId="0">
      <selection activeCell="F17" sqref="F17"/>
    </sheetView>
  </sheetViews>
  <sheetFormatPr defaultRowHeight="14.5" x14ac:dyDescent="0.35"/>
  <cols>
    <col min="2" max="2" width="22.90625" customWidth="1"/>
    <col min="9" max="9" width="18" customWidth="1"/>
    <col min="16" max="16" width="17.81640625" customWidth="1"/>
    <col min="23" max="23" width="17.6328125" customWidth="1"/>
    <col min="30" max="30" width="17.1796875" customWidth="1"/>
    <col min="37" max="37" width="16.36328125" customWidth="1"/>
  </cols>
  <sheetData>
    <row r="1" spans="2:43" x14ac:dyDescent="0.35">
      <c r="K1" s="14"/>
      <c r="M1" s="14"/>
      <c r="N1" s="14"/>
      <c r="AQ1" s="2"/>
    </row>
    <row r="2" spans="2:43" ht="15" thickBot="1" x14ac:dyDescent="0.4">
      <c r="B2" s="8"/>
      <c r="C2" s="2"/>
      <c r="AQ2" s="2"/>
    </row>
    <row r="3" spans="2:43" ht="31.25" customHeight="1" thickBot="1" x14ac:dyDescent="0.4">
      <c r="B3" s="464" t="s">
        <v>280</v>
      </c>
      <c r="C3" s="465"/>
      <c r="D3" s="465"/>
      <c r="E3" s="465"/>
      <c r="F3" s="465"/>
      <c r="G3" s="466"/>
      <c r="AQ3" s="2"/>
    </row>
    <row r="4" spans="2:43" x14ac:dyDescent="0.35">
      <c r="B4" s="457" t="s">
        <v>25</v>
      </c>
      <c r="C4" s="457" t="s">
        <v>46</v>
      </c>
      <c r="D4" s="458"/>
      <c r="E4" s="457" t="s">
        <v>47</v>
      </c>
      <c r="F4" s="458"/>
      <c r="G4" s="458" t="s">
        <v>48</v>
      </c>
      <c r="AQ4" s="2"/>
    </row>
    <row r="5" spans="2:43" x14ac:dyDescent="0.35">
      <c r="B5" s="455"/>
      <c r="C5" s="455" t="s">
        <v>248</v>
      </c>
      <c r="D5" s="456"/>
      <c r="E5" s="455" t="s">
        <v>249</v>
      </c>
      <c r="F5" s="456"/>
      <c r="G5" s="456"/>
      <c r="AQ5" s="2"/>
    </row>
    <row r="6" spans="2:43" ht="23.5" thickBot="1" x14ac:dyDescent="0.4">
      <c r="B6" s="460"/>
      <c r="C6" s="333" t="s">
        <v>49</v>
      </c>
      <c r="D6" s="334" t="s">
        <v>50</v>
      </c>
      <c r="E6" s="333" t="s">
        <v>49</v>
      </c>
      <c r="F6" s="334" t="s">
        <v>50</v>
      </c>
      <c r="G6" s="459"/>
    </row>
    <row r="7" spans="2:43" ht="15" thickBot="1" x14ac:dyDescent="0.4">
      <c r="B7" s="335" t="s">
        <v>0</v>
      </c>
      <c r="C7" s="331" t="s">
        <v>57</v>
      </c>
      <c r="D7" s="331" t="s">
        <v>57</v>
      </c>
      <c r="E7" s="331" t="s">
        <v>57</v>
      </c>
      <c r="F7" s="331" t="s">
        <v>57</v>
      </c>
      <c r="G7" s="332" t="s">
        <v>57</v>
      </c>
    </row>
    <row r="8" spans="2:43" ht="15" customHeight="1" thickBot="1" x14ac:dyDescent="0.4">
      <c r="B8" s="335" t="s">
        <v>51</v>
      </c>
      <c r="C8" s="331">
        <v>3100</v>
      </c>
      <c r="D8" s="331" t="s">
        <v>57</v>
      </c>
      <c r="E8" s="331" t="s">
        <v>57</v>
      </c>
      <c r="F8" s="331" t="s">
        <v>57</v>
      </c>
      <c r="G8" s="332">
        <v>3100</v>
      </c>
    </row>
    <row r="9" spans="2:43" ht="15" thickBot="1" x14ac:dyDescent="0.4">
      <c r="B9" s="335" t="s">
        <v>52</v>
      </c>
      <c r="C9" s="331" t="s">
        <v>57</v>
      </c>
      <c r="D9" s="331" t="s">
        <v>57</v>
      </c>
      <c r="E9" s="331" t="s">
        <v>57</v>
      </c>
      <c r="F9" s="331" t="s">
        <v>57</v>
      </c>
      <c r="G9" s="332" t="s">
        <v>57</v>
      </c>
    </row>
    <row r="10" spans="2:43" ht="15" thickBot="1" x14ac:dyDescent="0.4">
      <c r="B10" s="335" t="s">
        <v>5</v>
      </c>
      <c r="C10" s="331">
        <v>3454</v>
      </c>
      <c r="D10" s="331">
        <v>400</v>
      </c>
      <c r="E10" s="331">
        <v>3065</v>
      </c>
      <c r="F10" s="331" t="s">
        <v>57</v>
      </c>
      <c r="G10" s="332">
        <v>6919</v>
      </c>
    </row>
    <row r="11" spans="2:43" ht="15" thickBot="1" x14ac:dyDescent="0.4">
      <c r="B11" s="335" t="s">
        <v>6</v>
      </c>
      <c r="C11" s="331">
        <v>2200</v>
      </c>
      <c r="D11" s="331">
        <v>2530</v>
      </c>
      <c r="E11" s="331" t="s">
        <v>57</v>
      </c>
      <c r="F11" s="331" t="s">
        <v>57</v>
      </c>
      <c r="G11" s="332">
        <v>4730</v>
      </c>
    </row>
    <row r="12" spans="2:43" ht="15" thickBot="1" x14ac:dyDescent="0.4">
      <c r="B12" s="335" t="s">
        <v>53</v>
      </c>
      <c r="C12" s="331">
        <v>4243</v>
      </c>
      <c r="D12" s="331">
        <v>5630</v>
      </c>
      <c r="E12" s="331" t="s">
        <v>57</v>
      </c>
      <c r="F12" s="331">
        <v>86</v>
      </c>
      <c r="G12" s="332">
        <v>9959</v>
      </c>
    </row>
    <row r="13" spans="2:43" ht="15" thickBot="1" x14ac:dyDescent="0.4">
      <c r="B13" s="335" t="s">
        <v>9</v>
      </c>
      <c r="C13" s="331" t="s">
        <v>57</v>
      </c>
      <c r="D13" s="331" t="s">
        <v>57</v>
      </c>
      <c r="E13" s="331" t="s">
        <v>57</v>
      </c>
      <c r="F13" s="331" t="s">
        <v>57</v>
      </c>
      <c r="G13" s="332" t="s">
        <v>57</v>
      </c>
    </row>
    <row r="14" spans="2:43" ht="15" thickBot="1" x14ac:dyDescent="0.4">
      <c r="B14" s="335" t="s">
        <v>10</v>
      </c>
      <c r="C14" s="331" t="s">
        <v>57</v>
      </c>
      <c r="D14" s="331" t="s">
        <v>57</v>
      </c>
      <c r="E14" s="331" t="s">
        <v>57</v>
      </c>
      <c r="F14" s="331" t="s">
        <v>57</v>
      </c>
      <c r="G14" s="332" t="s">
        <v>57</v>
      </c>
    </row>
    <row r="15" spans="2:43" ht="15" customHeight="1" thickBot="1" x14ac:dyDescent="0.4">
      <c r="B15" s="335" t="s">
        <v>12</v>
      </c>
      <c r="C15" s="331">
        <v>10454</v>
      </c>
      <c r="D15" s="331">
        <v>21274</v>
      </c>
      <c r="E15" s="331">
        <v>485</v>
      </c>
      <c r="F15" s="331">
        <v>100</v>
      </c>
      <c r="G15" s="332">
        <v>32313</v>
      </c>
    </row>
    <row r="16" spans="2:43" ht="15" customHeight="1" thickBot="1" x14ac:dyDescent="0.4">
      <c r="B16" s="335" t="s">
        <v>14</v>
      </c>
      <c r="C16" s="331">
        <v>376</v>
      </c>
      <c r="D16" s="331">
        <v>2300</v>
      </c>
      <c r="E16" s="331">
        <v>687</v>
      </c>
      <c r="F16" s="331">
        <v>2100</v>
      </c>
      <c r="G16" s="332">
        <v>5463</v>
      </c>
    </row>
    <row r="17" spans="2:7" ht="15" customHeight="1" thickBot="1" x14ac:dyDescent="0.4">
      <c r="B17" s="335" t="s">
        <v>15</v>
      </c>
      <c r="C17" s="331">
        <v>297</v>
      </c>
      <c r="D17" s="331" t="s">
        <v>57</v>
      </c>
      <c r="E17" s="331" t="s">
        <v>57</v>
      </c>
      <c r="F17" s="331" t="s">
        <v>57</v>
      </c>
      <c r="G17" s="332">
        <v>297</v>
      </c>
    </row>
    <row r="18" spans="2:7" ht="15" customHeight="1" thickBot="1" x14ac:dyDescent="0.4">
      <c r="B18" s="335" t="s">
        <v>17</v>
      </c>
      <c r="C18" s="331">
        <v>2797</v>
      </c>
      <c r="D18" s="331" t="s">
        <v>57</v>
      </c>
      <c r="E18" s="331" t="s">
        <v>57</v>
      </c>
      <c r="F18" s="331" t="s">
        <v>57</v>
      </c>
      <c r="G18" s="332">
        <v>2797</v>
      </c>
    </row>
    <row r="19" spans="2:7" ht="15" customHeight="1" thickBot="1" x14ac:dyDescent="0.4">
      <c r="B19" s="336" t="s">
        <v>18</v>
      </c>
      <c r="C19" s="331">
        <v>5093</v>
      </c>
      <c r="D19" s="331">
        <v>639</v>
      </c>
      <c r="E19" s="331">
        <v>4279</v>
      </c>
      <c r="F19" s="331" t="s">
        <v>57</v>
      </c>
      <c r="G19" s="332">
        <v>10011</v>
      </c>
    </row>
    <row r="20" spans="2:7" ht="15" customHeight="1" thickBot="1" x14ac:dyDescent="0.4">
      <c r="B20" s="337" t="s">
        <v>32</v>
      </c>
      <c r="C20" s="331">
        <v>6497</v>
      </c>
      <c r="D20" s="331">
        <v>16618</v>
      </c>
      <c r="E20" s="331">
        <v>1276</v>
      </c>
      <c r="F20" s="331">
        <v>2723</v>
      </c>
      <c r="G20" s="332">
        <v>27114</v>
      </c>
    </row>
    <row r="21" spans="2:7" ht="15" customHeight="1" thickBot="1" x14ac:dyDescent="0.4">
      <c r="B21" s="335" t="s">
        <v>33</v>
      </c>
      <c r="C21" s="331" t="s">
        <v>57</v>
      </c>
      <c r="D21" s="331" t="s">
        <v>57</v>
      </c>
      <c r="E21" s="331">
        <v>8511</v>
      </c>
      <c r="F21" s="331" t="s">
        <v>57</v>
      </c>
      <c r="G21" s="332">
        <v>8511</v>
      </c>
    </row>
    <row r="22" spans="2:7" ht="15" customHeight="1" x14ac:dyDescent="0.35">
      <c r="B22" s="449" t="s">
        <v>54</v>
      </c>
      <c r="C22" s="450"/>
      <c r="D22" s="450"/>
      <c r="E22" s="450"/>
      <c r="F22" s="450"/>
      <c r="G22" s="451"/>
    </row>
    <row r="23" spans="2:7" ht="15" customHeight="1" x14ac:dyDescent="0.35">
      <c r="B23" s="452" t="s">
        <v>55</v>
      </c>
      <c r="C23" s="453"/>
      <c r="D23" s="453"/>
      <c r="E23" s="453"/>
      <c r="F23" s="453"/>
      <c r="G23" s="454"/>
    </row>
    <row r="24" spans="2:7" ht="14.4" customHeight="1" thickBot="1" x14ac:dyDescent="0.4">
      <c r="B24" s="461" t="s">
        <v>56</v>
      </c>
      <c r="C24" s="462"/>
      <c r="D24" s="462"/>
      <c r="E24" s="462"/>
      <c r="F24" s="462"/>
      <c r="G24" s="463"/>
    </row>
    <row r="27" spans="2:7" ht="15" thickBot="1" x14ac:dyDescent="0.4"/>
    <row r="28" spans="2:7" ht="29" x14ac:dyDescent="0.35">
      <c r="B28" s="345" t="s">
        <v>250</v>
      </c>
      <c r="C28" s="344">
        <f>COUNT(C7:C21)</f>
        <v>10</v>
      </c>
      <c r="D28" s="342">
        <f>COUNT(D7:D21)</f>
        <v>7</v>
      </c>
      <c r="E28" s="342">
        <f>COUNT(E7:E21)</f>
        <v>6</v>
      </c>
      <c r="F28" s="342">
        <f>COUNT(F7:F21)</f>
        <v>4</v>
      </c>
      <c r="G28" s="343">
        <f>COUNT(G7:G21)</f>
        <v>11</v>
      </c>
    </row>
    <row r="29" spans="2:7" x14ac:dyDescent="0.35">
      <c r="B29" s="346" t="s">
        <v>251</v>
      </c>
      <c r="C29" s="348">
        <f>SUM(C7:C21)</f>
        <v>38511</v>
      </c>
      <c r="D29" s="349">
        <f>SUM(D7:D21)</f>
        <v>49391</v>
      </c>
      <c r="E29" s="349">
        <f>SUM(E7:E21)</f>
        <v>18303</v>
      </c>
      <c r="F29" s="349">
        <f>SUM(F7:F21)</f>
        <v>5009</v>
      </c>
      <c r="G29" s="350">
        <f>SUM(G7:G21)</f>
        <v>111214</v>
      </c>
    </row>
    <row r="30" spans="2:7" ht="15" thickBot="1" x14ac:dyDescent="0.4">
      <c r="B30" s="347" t="s">
        <v>252</v>
      </c>
      <c r="C30" s="351"/>
      <c r="D30" s="352">
        <f>C29+D29</f>
        <v>87902</v>
      </c>
      <c r="E30" s="353"/>
      <c r="F30" s="352">
        <f>E29+F29</f>
        <v>23312</v>
      </c>
      <c r="G30" s="354">
        <f>D30+F30</f>
        <v>111214</v>
      </c>
    </row>
  </sheetData>
  <mergeCells count="10">
    <mergeCell ref="B24:G24"/>
    <mergeCell ref="C4:D4"/>
    <mergeCell ref="B3:G3"/>
    <mergeCell ref="B22:G22"/>
    <mergeCell ref="B23:G23"/>
    <mergeCell ref="C5:D5"/>
    <mergeCell ref="E5:F5"/>
    <mergeCell ref="E4:F4"/>
    <mergeCell ref="G4:G6"/>
    <mergeCell ref="B4:B6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535F42-BE96-4650-B17E-4BEDFCD4EF85}">
  <dimension ref="A1:Z90"/>
  <sheetViews>
    <sheetView zoomScale="84" workbookViewId="0">
      <selection activeCell="H28" sqref="H28"/>
    </sheetView>
  </sheetViews>
  <sheetFormatPr defaultRowHeight="14.5" x14ac:dyDescent="0.35"/>
  <cols>
    <col min="2" max="2" width="13.6328125" customWidth="1"/>
    <col min="5" max="5" width="12.90625" customWidth="1"/>
    <col min="8" max="8" width="13.81640625" customWidth="1"/>
    <col min="14" max="14" width="13.6328125" customWidth="1"/>
    <col min="20" max="20" width="13.6328125" customWidth="1"/>
    <col min="22" max="22" width="8.1796875" customWidth="1"/>
  </cols>
  <sheetData>
    <row r="1" spans="1:10" x14ac:dyDescent="0.35">
      <c r="B1" s="2"/>
      <c r="I1" s="2"/>
      <c r="J1" s="2"/>
    </row>
    <row r="2" spans="1:10" x14ac:dyDescent="0.35">
      <c r="B2" s="2"/>
      <c r="D2" s="2"/>
      <c r="E2" s="2"/>
      <c r="F2" s="2"/>
      <c r="G2" s="2"/>
      <c r="H2" s="2"/>
      <c r="I2" s="2"/>
      <c r="J2" s="2"/>
    </row>
    <row r="3" spans="1:10" ht="15" thickBot="1" x14ac:dyDescent="0.4">
      <c r="B3" s="8"/>
    </row>
    <row r="4" spans="1:10" ht="26.4" customHeight="1" thickBot="1" x14ac:dyDescent="0.4">
      <c r="B4" s="475" t="s">
        <v>254</v>
      </c>
      <c r="C4" s="476"/>
      <c r="D4" s="476"/>
      <c r="E4" s="477"/>
    </row>
    <row r="5" spans="1:10" ht="38.4" customHeight="1" x14ac:dyDescent="0.35">
      <c r="B5" s="355"/>
      <c r="C5" s="473" t="s">
        <v>65</v>
      </c>
      <c r="D5" s="473" t="s">
        <v>58</v>
      </c>
      <c r="E5" s="473" t="s">
        <v>66</v>
      </c>
    </row>
    <row r="6" spans="1:10" ht="15" thickBot="1" x14ac:dyDescent="0.4">
      <c r="B6" s="356"/>
      <c r="C6" s="474"/>
      <c r="D6" s="474"/>
      <c r="E6" s="474"/>
    </row>
    <row r="7" spans="1:10" ht="15" thickBot="1" x14ac:dyDescent="0.4">
      <c r="B7" s="301" t="s">
        <v>3</v>
      </c>
      <c r="C7" s="331">
        <v>387215.5</v>
      </c>
      <c r="D7" s="331">
        <v>610000</v>
      </c>
      <c r="E7" s="331" t="s">
        <v>57</v>
      </c>
    </row>
    <row r="8" spans="1:10" ht="15" thickBot="1" x14ac:dyDescent="0.4">
      <c r="B8" s="301" t="s">
        <v>33</v>
      </c>
      <c r="C8" s="331">
        <v>144173</v>
      </c>
      <c r="D8" s="331">
        <v>125164</v>
      </c>
      <c r="E8" s="331">
        <v>13000</v>
      </c>
    </row>
    <row r="9" spans="1:10" ht="15" thickBot="1" x14ac:dyDescent="0.4">
      <c r="B9" s="301" t="s">
        <v>7</v>
      </c>
      <c r="C9" s="331">
        <v>66344</v>
      </c>
      <c r="D9" s="331" t="s">
        <v>57</v>
      </c>
      <c r="E9" s="331">
        <v>8359</v>
      </c>
      <c r="F9" s="2"/>
    </row>
    <row r="10" spans="1:10" ht="15" thickBot="1" x14ac:dyDescent="0.4">
      <c r="B10" s="301" t="s">
        <v>17</v>
      </c>
      <c r="C10" s="331">
        <v>29827.8</v>
      </c>
      <c r="D10" s="331" t="s">
        <v>57</v>
      </c>
      <c r="E10" s="331" t="s">
        <v>57</v>
      </c>
    </row>
    <row r="11" spans="1:10" ht="15" thickBot="1" x14ac:dyDescent="0.4">
      <c r="B11" s="301" t="s">
        <v>32</v>
      </c>
      <c r="C11" s="331">
        <v>28738</v>
      </c>
      <c r="D11" s="331" t="s">
        <v>57</v>
      </c>
      <c r="E11" s="331" t="s">
        <v>57</v>
      </c>
    </row>
    <row r="12" spans="1:10" ht="15" thickBot="1" x14ac:dyDescent="0.4">
      <c r="B12" s="301" t="s">
        <v>6</v>
      </c>
      <c r="C12" s="331">
        <v>20917</v>
      </c>
      <c r="D12" s="331">
        <v>25500</v>
      </c>
      <c r="E12" s="331" t="s">
        <v>57</v>
      </c>
    </row>
    <row r="13" spans="1:10" ht="15" thickBot="1" x14ac:dyDescent="0.4">
      <c r="B13" s="301" t="s">
        <v>2</v>
      </c>
      <c r="C13" s="331">
        <v>15309.9</v>
      </c>
      <c r="D13" s="331">
        <v>4462</v>
      </c>
      <c r="E13" s="331" t="s">
        <v>57</v>
      </c>
    </row>
    <row r="14" spans="1:10" ht="15" thickBot="1" x14ac:dyDescent="0.4">
      <c r="A14" s="32"/>
      <c r="B14" s="301" t="s">
        <v>18</v>
      </c>
      <c r="C14" s="331">
        <v>14279</v>
      </c>
      <c r="D14" s="331" t="s">
        <v>57</v>
      </c>
      <c r="E14" s="331" t="s">
        <v>57</v>
      </c>
    </row>
    <row r="15" spans="1:10" ht="15" thickBot="1" x14ac:dyDescent="0.4">
      <c r="B15" s="357" t="s">
        <v>10</v>
      </c>
      <c r="C15" s="331">
        <v>11521</v>
      </c>
      <c r="D15" s="331">
        <v>16000</v>
      </c>
      <c r="E15" s="331">
        <v>4523.5</v>
      </c>
      <c r="F15" s="2"/>
    </row>
    <row r="16" spans="1:10" ht="15" thickBot="1" x14ac:dyDescent="0.4">
      <c r="B16" s="358" t="s">
        <v>14</v>
      </c>
      <c r="C16" s="331">
        <v>8747</v>
      </c>
      <c r="D16" s="331" t="s">
        <v>57</v>
      </c>
      <c r="E16" s="331" t="s">
        <v>57</v>
      </c>
    </row>
    <row r="17" spans="2:5" ht="15" thickBot="1" x14ac:dyDescent="0.4">
      <c r="B17" s="301" t="s">
        <v>4</v>
      </c>
      <c r="C17" s="331">
        <v>7026</v>
      </c>
      <c r="D17" s="331">
        <v>32721</v>
      </c>
      <c r="E17" s="331">
        <v>13923</v>
      </c>
    </row>
    <row r="18" spans="2:5" ht="15" thickBot="1" x14ac:dyDescent="0.4">
      <c r="B18" s="301" t="s">
        <v>5</v>
      </c>
      <c r="C18" s="331">
        <v>5678</v>
      </c>
      <c r="D18" s="331" t="s">
        <v>57</v>
      </c>
      <c r="E18" s="331" t="s">
        <v>57</v>
      </c>
    </row>
    <row r="19" spans="2:5" ht="15" thickBot="1" x14ac:dyDescent="0.4">
      <c r="B19" s="301" t="s">
        <v>16</v>
      </c>
      <c r="C19" s="331">
        <v>5671</v>
      </c>
      <c r="D19" s="331">
        <v>3250</v>
      </c>
      <c r="E19" s="331" t="s">
        <v>57</v>
      </c>
    </row>
    <row r="20" spans="2:5" ht="15" thickBot="1" x14ac:dyDescent="0.4">
      <c r="B20" s="359" t="s">
        <v>1</v>
      </c>
      <c r="C20" s="331">
        <v>5236.3999999999996</v>
      </c>
      <c r="D20" s="331" t="s">
        <v>57</v>
      </c>
      <c r="E20" s="331" t="s">
        <v>57</v>
      </c>
    </row>
    <row r="21" spans="2:5" ht="15" thickBot="1" x14ac:dyDescent="0.4">
      <c r="B21" s="301" t="s">
        <v>15</v>
      </c>
      <c r="C21" s="331">
        <v>5073</v>
      </c>
      <c r="D21" s="331" t="s">
        <v>57</v>
      </c>
      <c r="E21" s="331" t="s">
        <v>57</v>
      </c>
    </row>
    <row r="22" spans="2:5" ht="15" thickBot="1" x14ac:dyDescent="0.4">
      <c r="B22" s="360" t="s">
        <v>11</v>
      </c>
      <c r="C22" s="331">
        <v>4802</v>
      </c>
      <c r="D22" s="331" t="s">
        <v>57</v>
      </c>
      <c r="E22" s="331" t="s">
        <v>57</v>
      </c>
    </row>
    <row r="23" spans="2:5" ht="15" thickBot="1" x14ac:dyDescent="0.4">
      <c r="B23" s="301" t="s">
        <v>22</v>
      </c>
      <c r="C23" s="331">
        <v>4681</v>
      </c>
      <c r="D23" s="331">
        <v>6300</v>
      </c>
      <c r="E23" s="331" t="s">
        <v>57</v>
      </c>
    </row>
    <row r="24" spans="2:5" ht="15" thickBot="1" x14ac:dyDescent="0.4">
      <c r="B24" s="357" t="s">
        <v>9</v>
      </c>
      <c r="C24" s="331">
        <v>4473</v>
      </c>
      <c r="D24" s="331" t="s">
        <v>57</v>
      </c>
      <c r="E24" s="331" t="s">
        <v>57</v>
      </c>
    </row>
    <row r="25" spans="2:5" ht="15" thickBot="1" x14ac:dyDescent="0.4">
      <c r="B25" s="301" t="s">
        <v>59</v>
      </c>
      <c r="C25" s="331">
        <v>3560</v>
      </c>
      <c r="D25" s="331">
        <v>5950</v>
      </c>
      <c r="E25" s="331" t="s">
        <v>57</v>
      </c>
    </row>
    <row r="26" spans="2:5" ht="15" thickBot="1" x14ac:dyDescent="0.4">
      <c r="B26" s="301" t="s">
        <v>60</v>
      </c>
      <c r="C26" s="331">
        <v>1809.3</v>
      </c>
      <c r="D26" s="331">
        <v>1800</v>
      </c>
      <c r="E26" s="331">
        <v>820</v>
      </c>
    </row>
    <row r="27" spans="2:5" ht="15" thickBot="1" x14ac:dyDescent="0.4">
      <c r="B27" s="301" t="s">
        <v>19</v>
      </c>
      <c r="C27" s="331">
        <v>87</v>
      </c>
      <c r="D27" s="331" t="s">
        <v>57</v>
      </c>
      <c r="E27" s="331" t="s">
        <v>57</v>
      </c>
    </row>
    <row r="28" spans="2:5" ht="15" thickBot="1" x14ac:dyDescent="0.4">
      <c r="B28" s="301" t="s">
        <v>61</v>
      </c>
      <c r="C28" s="331">
        <v>775168.90000000014</v>
      </c>
      <c r="D28" s="331">
        <v>831147</v>
      </c>
      <c r="E28" s="331">
        <v>40625.5</v>
      </c>
    </row>
    <row r="29" spans="2:5" ht="15" thickBot="1" x14ac:dyDescent="0.4">
      <c r="B29" s="361" t="s">
        <v>62</v>
      </c>
      <c r="C29" s="362"/>
      <c r="D29" s="362"/>
      <c r="E29" s="363"/>
    </row>
    <row r="30" spans="2:5" ht="15" thickBot="1" x14ac:dyDescent="0.4">
      <c r="B30" s="364" t="s">
        <v>63</v>
      </c>
      <c r="C30" s="365"/>
      <c r="D30" s="365"/>
      <c r="E30" s="366"/>
    </row>
    <row r="31" spans="2:5" ht="15" thickBot="1" x14ac:dyDescent="0.4">
      <c r="B31" s="367" t="s">
        <v>64</v>
      </c>
      <c r="C31" s="368"/>
      <c r="D31" s="368"/>
      <c r="E31" s="369"/>
    </row>
    <row r="32" spans="2:5" x14ac:dyDescent="0.35">
      <c r="B32" s="467" t="s">
        <v>253</v>
      </c>
      <c r="C32" s="468"/>
      <c r="D32" s="468"/>
      <c r="E32" s="469"/>
    </row>
    <row r="33" spans="2:18" ht="15" thickBot="1" x14ac:dyDescent="0.4">
      <c r="B33" s="470"/>
      <c r="C33" s="471"/>
      <c r="D33" s="471"/>
      <c r="E33" s="472"/>
    </row>
    <row r="34" spans="2:18" x14ac:dyDescent="0.35">
      <c r="B34" s="2"/>
    </row>
    <row r="35" spans="2:18" x14ac:dyDescent="0.35">
      <c r="Q35" s="14"/>
      <c r="R35" s="14"/>
    </row>
    <row r="37" spans="2:18" ht="25.75" customHeight="1" x14ac:dyDescent="0.35"/>
    <row r="38" spans="2:18" ht="36" customHeight="1" x14ac:dyDescent="0.35"/>
    <row r="65" spans="19:19" x14ac:dyDescent="0.35">
      <c r="S65" s="14"/>
    </row>
    <row r="90" spans="25:26" x14ac:dyDescent="0.35">
      <c r="Y90" s="14"/>
      <c r="Z90" s="14"/>
    </row>
  </sheetData>
  <mergeCells count="5">
    <mergeCell ref="B32:E33"/>
    <mergeCell ref="D5:D6"/>
    <mergeCell ref="C5:C6"/>
    <mergeCell ref="E5:E6"/>
    <mergeCell ref="B4:E4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E78F10-EA8E-4407-B1BC-9EB5A300885B}">
  <dimension ref="B1:P35"/>
  <sheetViews>
    <sheetView zoomScale="84" workbookViewId="0">
      <selection activeCell="G7" sqref="G7"/>
    </sheetView>
  </sheetViews>
  <sheetFormatPr defaultRowHeight="14.5" x14ac:dyDescent="0.35"/>
  <cols>
    <col min="2" max="2" width="19.81640625" customWidth="1"/>
    <col min="16" max="16" width="18" customWidth="1"/>
  </cols>
  <sheetData>
    <row r="1" spans="2:16" ht="15" thickBot="1" x14ac:dyDescent="0.4"/>
    <row r="2" spans="2:16" ht="19.75" customHeight="1" thickBot="1" x14ac:dyDescent="0.4">
      <c r="B2" s="475" t="s">
        <v>255</v>
      </c>
      <c r="C2" s="476"/>
      <c r="D2" s="476"/>
      <c r="E2" s="476"/>
      <c r="F2" s="476"/>
      <c r="G2" s="476"/>
      <c r="H2" s="476"/>
      <c r="I2" s="476"/>
      <c r="J2" s="476"/>
      <c r="K2" s="476"/>
      <c r="L2" s="476"/>
      <c r="M2" s="476"/>
      <c r="N2" s="476"/>
      <c r="O2" s="477"/>
      <c r="P2" t="s">
        <v>216</v>
      </c>
    </row>
    <row r="3" spans="2:16" ht="23" x14ac:dyDescent="0.35">
      <c r="B3" s="481" t="s">
        <v>25</v>
      </c>
      <c r="C3" s="370" t="s">
        <v>67</v>
      </c>
      <c r="D3" s="370" t="s">
        <v>68</v>
      </c>
      <c r="E3" s="370" t="s">
        <v>69</v>
      </c>
      <c r="F3" s="370" t="s">
        <v>70</v>
      </c>
      <c r="G3" s="370" t="s">
        <v>71</v>
      </c>
      <c r="H3" s="370" t="s">
        <v>72</v>
      </c>
      <c r="I3" s="370" t="s">
        <v>73</v>
      </c>
      <c r="J3" s="370" t="s">
        <v>74</v>
      </c>
      <c r="K3" s="370" t="s">
        <v>75</v>
      </c>
      <c r="L3" s="370" t="s">
        <v>76</v>
      </c>
      <c r="M3" s="370" t="s">
        <v>77</v>
      </c>
      <c r="N3" s="370" t="s">
        <v>78</v>
      </c>
      <c r="O3" s="370" t="s">
        <v>79</v>
      </c>
    </row>
    <row r="4" spans="2:16" ht="23.5" thickBot="1" x14ac:dyDescent="0.4">
      <c r="B4" s="482"/>
      <c r="C4" s="371" t="s">
        <v>80</v>
      </c>
      <c r="D4" s="371" t="s">
        <v>80</v>
      </c>
      <c r="E4" s="371" t="s">
        <v>80</v>
      </c>
      <c r="F4" s="371" t="s">
        <v>80</v>
      </c>
      <c r="G4" s="371" t="s">
        <v>80</v>
      </c>
      <c r="H4" s="371" t="s">
        <v>80</v>
      </c>
      <c r="I4" s="371" t="s">
        <v>80</v>
      </c>
      <c r="J4" s="371" t="s">
        <v>80</v>
      </c>
      <c r="K4" s="371" t="s">
        <v>80</v>
      </c>
      <c r="L4" s="371" t="s">
        <v>80</v>
      </c>
      <c r="M4" s="371" t="s">
        <v>80</v>
      </c>
      <c r="N4" s="371" t="s">
        <v>80</v>
      </c>
      <c r="O4" s="371" t="s">
        <v>80</v>
      </c>
    </row>
    <row r="5" spans="2:16" ht="15" thickBot="1" x14ac:dyDescent="0.4">
      <c r="B5" s="380" t="s">
        <v>0</v>
      </c>
      <c r="C5" s="372" t="s">
        <v>57</v>
      </c>
      <c r="D5" s="372" t="s">
        <v>57</v>
      </c>
      <c r="E5" s="372" t="s">
        <v>57</v>
      </c>
      <c r="F5" s="372" t="s">
        <v>57</v>
      </c>
      <c r="G5" s="372" t="s">
        <v>57</v>
      </c>
      <c r="H5" s="372" t="s">
        <v>57</v>
      </c>
      <c r="I5" s="372" t="s">
        <v>57</v>
      </c>
      <c r="J5" s="373" t="s">
        <v>57</v>
      </c>
      <c r="K5" s="373" t="s">
        <v>57</v>
      </c>
      <c r="L5" s="373" t="s">
        <v>57</v>
      </c>
      <c r="M5" s="373" t="s">
        <v>57</v>
      </c>
      <c r="N5" s="373" t="s">
        <v>57</v>
      </c>
      <c r="O5" s="373" t="s">
        <v>57</v>
      </c>
      <c r="P5" s="75"/>
    </row>
    <row r="6" spans="2:16" ht="15" thickBot="1" x14ac:dyDescent="0.4">
      <c r="B6" s="380" t="s">
        <v>1</v>
      </c>
      <c r="C6" s="372" t="s">
        <v>57</v>
      </c>
      <c r="D6" s="372" t="s">
        <v>57</v>
      </c>
      <c r="E6" s="372" t="s">
        <v>57</v>
      </c>
      <c r="F6" s="372" t="s">
        <v>57</v>
      </c>
      <c r="G6" s="372" t="s">
        <v>57</v>
      </c>
      <c r="H6" s="374">
        <v>4.74</v>
      </c>
      <c r="I6" s="374" t="s">
        <v>81</v>
      </c>
      <c r="J6" s="373" t="s">
        <v>57</v>
      </c>
      <c r="K6" s="373" t="s">
        <v>57</v>
      </c>
      <c r="L6" s="373" t="s">
        <v>57</v>
      </c>
      <c r="M6" s="373" t="s">
        <v>57</v>
      </c>
      <c r="N6" s="373" t="s">
        <v>57</v>
      </c>
      <c r="O6" s="373" t="s">
        <v>57</v>
      </c>
      <c r="P6" s="75"/>
    </row>
    <row r="7" spans="2:16" ht="15" thickBot="1" x14ac:dyDescent="0.4">
      <c r="B7" s="380" t="s">
        <v>2</v>
      </c>
      <c r="C7" s="375"/>
      <c r="D7" s="374">
        <v>7.76</v>
      </c>
      <c r="E7" s="374">
        <v>5.84</v>
      </c>
      <c r="F7" s="374">
        <v>4.99</v>
      </c>
      <c r="G7" s="376">
        <v>4.71</v>
      </c>
      <c r="H7" s="374">
        <v>2.34</v>
      </c>
      <c r="I7" s="374">
        <v>3.4</v>
      </c>
      <c r="J7" s="373">
        <v>3.3</v>
      </c>
      <c r="K7" s="373">
        <v>2.9</v>
      </c>
      <c r="L7" s="373">
        <v>3.1</v>
      </c>
      <c r="M7" s="373">
        <v>6.2</v>
      </c>
      <c r="N7" s="373">
        <v>6.7</v>
      </c>
      <c r="O7" s="373">
        <v>9.6999999999999993</v>
      </c>
      <c r="P7" s="75"/>
    </row>
    <row r="8" spans="2:16" ht="15" thickBot="1" x14ac:dyDescent="0.4">
      <c r="B8" s="380" t="s">
        <v>3</v>
      </c>
      <c r="C8" s="372" t="s">
        <v>57</v>
      </c>
      <c r="D8" s="372" t="s">
        <v>57</v>
      </c>
      <c r="E8" s="372" t="s">
        <v>57</v>
      </c>
      <c r="F8" s="372" t="s">
        <v>57</v>
      </c>
      <c r="G8" s="372" t="s">
        <v>57</v>
      </c>
      <c r="H8" s="374">
        <v>11.7</v>
      </c>
      <c r="I8" s="374">
        <v>1.44</v>
      </c>
      <c r="J8" s="373" t="s">
        <v>57</v>
      </c>
      <c r="K8" s="373">
        <v>8.8000000000000007</v>
      </c>
      <c r="L8" s="373">
        <v>9.4</v>
      </c>
      <c r="M8" s="373">
        <v>9.4</v>
      </c>
      <c r="N8" s="373">
        <v>9.4</v>
      </c>
      <c r="O8" s="373">
        <v>9.4</v>
      </c>
      <c r="P8" s="75"/>
    </row>
    <row r="9" spans="2:16" ht="15" customHeight="1" thickBot="1" x14ac:dyDescent="0.4">
      <c r="B9" s="380" t="s">
        <v>283</v>
      </c>
      <c r="C9" s="374">
        <v>24.2</v>
      </c>
      <c r="D9" s="374">
        <v>1</v>
      </c>
      <c r="E9" s="374">
        <v>11.5</v>
      </c>
      <c r="F9" s="374">
        <v>24.2</v>
      </c>
      <c r="G9" s="372" t="s">
        <v>57</v>
      </c>
      <c r="H9" s="374" t="s">
        <v>57</v>
      </c>
      <c r="I9" s="374">
        <v>15.4</v>
      </c>
      <c r="J9" s="373" t="s">
        <v>57</v>
      </c>
      <c r="K9" s="373">
        <v>26.8</v>
      </c>
      <c r="L9" s="373">
        <v>22.2</v>
      </c>
      <c r="M9" s="373">
        <v>18.600000000000001</v>
      </c>
      <c r="N9" s="373">
        <v>18.2</v>
      </c>
      <c r="O9" s="373">
        <v>18.2</v>
      </c>
      <c r="P9" s="75"/>
    </row>
    <row r="10" spans="2:16" ht="15" customHeight="1" thickBot="1" x14ac:dyDescent="0.4">
      <c r="B10" s="380" t="s">
        <v>82</v>
      </c>
      <c r="C10" s="374">
        <v>47</v>
      </c>
      <c r="D10" s="374">
        <v>36.71</v>
      </c>
      <c r="E10" s="374">
        <v>80.94</v>
      </c>
      <c r="F10" s="374">
        <v>90.46</v>
      </c>
      <c r="G10" s="374">
        <v>29.92</v>
      </c>
      <c r="H10" s="374">
        <v>315</v>
      </c>
      <c r="I10" s="374">
        <v>68.5</v>
      </c>
      <c r="J10" s="373">
        <v>32.700000000000003</v>
      </c>
      <c r="K10" s="373">
        <v>81.099999999999994</v>
      </c>
      <c r="L10" s="373">
        <v>62.1</v>
      </c>
      <c r="M10" s="373">
        <v>41.6</v>
      </c>
      <c r="N10" s="373">
        <v>33.6</v>
      </c>
      <c r="O10" s="373">
        <v>72.599999999999994</v>
      </c>
      <c r="P10" s="76" t="s">
        <v>83</v>
      </c>
    </row>
    <row r="11" spans="2:16" ht="15" thickBot="1" x14ac:dyDescent="0.4">
      <c r="B11" s="337" t="s">
        <v>5</v>
      </c>
      <c r="C11" s="374">
        <v>5.2</v>
      </c>
      <c r="D11" s="374">
        <v>12.9</v>
      </c>
      <c r="E11" s="374">
        <v>2.75</v>
      </c>
      <c r="F11" s="374">
        <v>4.3</v>
      </c>
      <c r="G11" s="374">
        <v>1.2</v>
      </c>
      <c r="H11" s="374">
        <v>1.85</v>
      </c>
      <c r="I11" s="374">
        <v>1.85</v>
      </c>
      <c r="J11" s="373">
        <v>0</v>
      </c>
      <c r="K11" s="373">
        <v>1.7</v>
      </c>
      <c r="L11" s="373">
        <v>0.4</v>
      </c>
      <c r="M11" s="373">
        <v>3.2</v>
      </c>
      <c r="N11" s="373">
        <v>0.7</v>
      </c>
      <c r="O11" s="373">
        <v>1</v>
      </c>
      <c r="P11" s="76" t="s">
        <v>83</v>
      </c>
    </row>
    <row r="12" spans="2:16" ht="15" thickBot="1" x14ac:dyDescent="0.4">
      <c r="B12" s="337" t="s">
        <v>6</v>
      </c>
      <c r="C12" s="374" t="s">
        <v>57</v>
      </c>
      <c r="D12" s="374" t="s">
        <v>57</v>
      </c>
      <c r="E12" s="374" t="s">
        <v>57</v>
      </c>
      <c r="F12" s="374" t="s">
        <v>57</v>
      </c>
      <c r="G12" s="372" t="s">
        <v>57</v>
      </c>
      <c r="H12" s="374" t="s">
        <v>57</v>
      </c>
      <c r="I12" s="374" t="s">
        <v>57</v>
      </c>
      <c r="J12" s="373" t="s">
        <v>57</v>
      </c>
      <c r="K12" s="373" t="s">
        <v>57</v>
      </c>
      <c r="L12" s="373"/>
      <c r="M12" s="373" t="s">
        <v>57</v>
      </c>
      <c r="N12" s="373">
        <v>17.100000000000001</v>
      </c>
      <c r="O12" s="373" t="s">
        <v>57</v>
      </c>
      <c r="P12" s="75"/>
    </row>
    <row r="13" spans="2:16" ht="15" thickBot="1" x14ac:dyDescent="0.4">
      <c r="B13" s="381" t="s">
        <v>7</v>
      </c>
      <c r="C13" s="374">
        <v>71.180000000000007</v>
      </c>
      <c r="D13" s="374">
        <v>105.09</v>
      </c>
      <c r="E13" s="374">
        <v>103.21</v>
      </c>
      <c r="F13" s="374">
        <v>50.64</v>
      </c>
      <c r="G13" s="374">
        <v>46.64</v>
      </c>
      <c r="H13" s="374">
        <v>99.12</v>
      </c>
      <c r="I13" s="374">
        <v>93.37</v>
      </c>
      <c r="J13" s="373">
        <v>110</v>
      </c>
      <c r="K13" s="373">
        <v>103.8</v>
      </c>
      <c r="L13" s="373">
        <v>90.7</v>
      </c>
      <c r="M13" s="373">
        <v>79.900000000000006</v>
      </c>
      <c r="N13" s="373">
        <v>61.5</v>
      </c>
      <c r="O13" s="373">
        <v>68.7</v>
      </c>
      <c r="P13" s="75"/>
    </row>
    <row r="14" spans="2:16" ht="15" thickBot="1" x14ac:dyDescent="0.4">
      <c r="B14" s="380" t="s">
        <v>22</v>
      </c>
      <c r="C14" s="374" t="s">
        <v>57</v>
      </c>
      <c r="D14" s="374" t="s">
        <v>57</v>
      </c>
      <c r="E14" s="374" t="s">
        <v>57</v>
      </c>
      <c r="F14" s="374" t="s">
        <v>57</v>
      </c>
      <c r="G14" s="372" t="s">
        <v>57</v>
      </c>
      <c r="H14" s="374" t="s">
        <v>57</v>
      </c>
      <c r="I14" s="374" t="s">
        <v>57</v>
      </c>
      <c r="J14" s="373" t="s">
        <v>57</v>
      </c>
      <c r="K14" s="373" t="s">
        <v>57</v>
      </c>
      <c r="L14" s="373">
        <v>2.1</v>
      </c>
      <c r="M14" s="373" t="s">
        <v>57</v>
      </c>
      <c r="N14" s="373">
        <v>2.1</v>
      </c>
      <c r="O14" s="373" t="s">
        <v>57</v>
      </c>
      <c r="P14" s="75"/>
    </row>
    <row r="15" spans="2:16" ht="15" thickBot="1" x14ac:dyDescent="0.4">
      <c r="B15" s="380" t="s">
        <v>9</v>
      </c>
      <c r="C15" s="374">
        <v>0.4</v>
      </c>
      <c r="D15" s="374">
        <v>0.4</v>
      </c>
      <c r="E15" s="374">
        <v>1.07</v>
      </c>
      <c r="F15" s="374" t="s">
        <v>57</v>
      </c>
      <c r="G15" s="372" t="s">
        <v>57</v>
      </c>
      <c r="H15" s="374" t="s">
        <v>57</v>
      </c>
      <c r="I15" s="374" t="s">
        <v>57</v>
      </c>
      <c r="J15" s="373" t="s">
        <v>57</v>
      </c>
      <c r="K15" s="373" t="s">
        <v>57</v>
      </c>
      <c r="L15" s="373" t="s">
        <v>57</v>
      </c>
      <c r="M15" s="373" t="s">
        <v>57</v>
      </c>
      <c r="N15" s="373">
        <v>10.1</v>
      </c>
      <c r="O15" s="373">
        <v>10.1</v>
      </c>
      <c r="P15" s="76" t="s">
        <v>84</v>
      </c>
    </row>
    <row r="16" spans="2:16" ht="15" thickBot="1" x14ac:dyDescent="0.4">
      <c r="B16" s="380" t="s">
        <v>10</v>
      </c>
      <c r="C16" s="374">
        <v>3.96</v>
      </c>
      <c r="D16" s="374">
        <v>3.96</v>
      </c>
      <c r="E16" s="374">
        <v>3.89</v>
      </c>
      <c r="F16" s="374">
        <v>4.13</v>
      </c>
      <c r="G16" s="376">
        <v>3.63</v>
      </c>
      <c r="H16" s="374">
        <v>2.7</v>
      </c>
      <c r="I16" s="374"/>
      <c r="J16" s="373" t="s">
        <v>57</v>
      </c>
      <c r="K16" s="373" t="s">
        <v>57</v>
      </c>
      <c r="L16" s="373" t="s">
        <v>57</v>
      </c>
      <c r="M16" s="373" t="s">
        <v>57</v>
      </c>
      <c r="N16" s="373" t="s">
        <v>57</v>
      </c>
      <c r="O16" s="373" t="s">
        <v>57</v>
      </c>
      <c r="P16" s="75"/>
    </row>
    <row r="17" spans="2:16" ht="15" thickBot="1" x14ac:dyDescent="0.4">
      <c r="B17" s="336" t="s">
        <v>11</v>
      </c>
      <c r="C17" s="374">
        <v>24.58</v>
      </c>
      <c r="D17" s="374">
        <v>42.91</v>
      </c>
      <c r="E17" s="374">
        <v>55.26</v>
      </c>
      <c r="F17" s="374">
        <v>47.5</v>
      </c>
      <c r="G17" s="374">
        <v>63.84</v>
      </c>
      <c r="H17" s="374">
        <v>127.94</v>
      </c>
      <c r="I17" s="374">
        <v>72.239999999999995</v>
      </c>
      <c r="J17" s="373">
        <v>62.3</v>
      </c>
      <c r="K17" s="373">
        <v>69.599999999999994</v>
      </c>
      <c r="L17" s="373">
        <v>66</v>
      </c>
      <c r="M17" s="373">
        <v>76.5</v>
      </c>
      <c r="N17" s="373">
        <v>62.1</v>
      </c>
      <c r="O17" s="373">
        <v>55.2</v>
      </c>
      <c r="P17" s="75"/>
    </row>
    <row r="18" spans="2:16" ht="15" customHeight="1" thickBot="1" x14ac:dyDescent="0.4">
      <c r="B18" s="380" t="s">
        <v>12</v>
      </c>
      <c r="C18" s="374">
        <v>38.119999999999997</v>
      </c>
      <c r="D18" s="374">
        <v>37.659999999999997</v>
      </c>
      <c r="E18" s="374">
        <v>44.69</v>
      </c>
      <c r="F18" s="374">
        <v>49.06</v>
      </c>
      <c r="G18" s="374" t="s">
        <v>57</v>
      </c>
      <c r="H18" s="374" t="s">
        <v>57</v>
      </c>
      <c r="I18" s="374">
        <v>30</v>
      </c>
      <c r="J18" s="373" t="s">
        <v>57</v>
      </c>
      <c r="K18" s="373">
        <v>40</v>
      </c>
      <c r="L18" s="373">
        <v>36</v>
      </c>
      <c r="M18" s="373">
        <v>43</v>
      </c>
      <c r="N18" s="373">
        <v>45</v>
      </c>
      <c r="O18" s="373">
        <v>45</v>
      </c>
      <c r="P18" s="75"/>
    </row>
    <row r="19" spans="2:16" ht="15" customHeight="1" thickBot="1" x14ac:dyDescent="0.4">
      <c r="B19" s="380" t="s">
        <v>31</v>
      </c>
      <c r="C19" s="374" t="s">
        <v>57</v>
      </c>
      <c r="D19" s="374" t="s">
        <v>57</v>
      </c>
      <c r="E19" s="374" t="s">
        <v>57</v>
      </c>
      <c r="F19" s="374" t="s">
        <v>57</v>
      </c>
      <c r="G19" s="374">
        <v>2.1</v>
      </c>
      <c r="H19" s="374" t="s">
        <v>57</v>
      </c>
      <c r="I19" s="374" t="s">
        <v>57</v>
      </c>
      <c r="J19" s="373">
        <v>2</v>
      </c>
      <c r="K19" s="373" t="s">
        <v>57</v>
      </c>
      <c r="L19" s="373">
        <v>0.3</v>
      </c>
      <c r="M19" s="373" t="s">
        <v>57</v>
      </c>
      <c r="N19" s="373" t="s">
        <v>57</v>
      </c>
      <c r="O19" s="373" t="s">
        <v>57</v>
      </c>
      <c r="P19" s="75"/>
    </row>
    <row r="20" spans="2:16" ht="15" customHeight="1" thickBot="1" x14ac:dyDescent="0.4">
      <c r="B20" s="380" t="s">
        <v>14</v>
      </c>
      <c r="C20" s="374">
        <v>51.07</v>
      </c>
      <c r="D20" s="374">
        <v>9.15</v>
      </c>
      <c r="E20" s="374">
        <v>11.6</v>
      </c>
      <c r="F20" s="374">
        <v>7</v>
      </c>
      <c r="G20" s="374">
        <v>4.51</v>
      </c>
      <c r="H20" s="374"/>
      <c r="I20" s="374"/>
      <c r="J20" s="373">
        <v>14.7</v>
      </c>
      <c r="K20" s="373">
        <v>33.799999999999997</v>
      </c>
      <c r="L20" s="373">
        <v>40.4</v>
      </c>
      <c r="M20" s="373">
        <v>25.7</v>
      </c>
      <c r="N20" s="373">
        <v>23.9</v>
      </c>
      <c r="O20" s="373">
        <v>32.200000000000003</v>
      </c>
      <c r="P20" s="76" t="s">
        <v>83</v>
      </c>
    </row>
    <row r="21" spans="2:16" ht="15" customHeight="1" thickBot="1" x14ac:dyDescent="0.4">
      <c r="B21" s="337" t="s">
        <v>15</v>
      </c>
      <c r="C21" s="374">
        <v>16.72</v>
      </c>
      <c r="D21" s="374">
        <v>19.690000000000001</v>
      </c>
      <c r="E21" s="374">
        <v>22.68</v>
      </c>
      <c r="F21" s="374">
        <v>18.190000000000001</v>
      </c>
      <c r="G21" s="374">
        <v>15</v>
      </c>
      <c r="H21" s="374">
        <v>10.199999999999999</v>
      </c>
      <c r="I21" s="374">
        <v>10.8</v>
      </c>
      <c r="J21" s="373">
        <v>7.3</v>
      </c>
      <c r="K21" s="373">
        <v>6.4</v>
      </c>
      <c r="L21" s="373">
        <v>5.0999999999999996</v>
      </c>
      <c r="M21" s="373">
        <v>5.0999999999999996</v>
      </c>
      <c r="N21" s="373">
        <v>9.6</v>
      </c>
      <c r="O21" s="373">
        <v>12</v>
      </c>
      <c r="P21" s="75"/>
    </row>
    <row r="22" spans="2:16" ht="15" customHeight="1" thickBot="1" x14ac:dyDescent="0.4">
      <c r="B22" s="335" t="s">
        <v>16</v>
      </c>
      <c r="C22" s="374" t="s">
        <v>57</v>
      </c>
      <c r="D22" s="374" t="s">
        <v>57</v>
      </c>
      <c r="E22" s="374" t="s">
        <v>57</v>
      </c>
      <c r="F22" s="374" t="s">
        <v>57</v>
      </c>
      <c r="G22" s="374" t="s">
        <v>57</v>
      </c>
      <c r="H22" s="374" t="s">
        <v>57</v>
      </c>
      <c r="I22" s="374" t="s">
        <v>81</v>
      </c>
      <c r="J22" s="374" t="s">
        <v>81</v>
      </c>
      <c r="K22" s="373" t="s">
        <v>57</v>
      </c>
      <c r="L22" s="373" t="s">
        <v>57</v>
      </c>
      <c r="M22" s="373" t="s">
        <v>57</v>
      </c>
      <c r="N22" s="373" t="s">
        <v>57</v>
      </c>
      <c r="O22" s="373" t="s">
        <v>57</v>
      </c>
      <c r="P22" s="75"/>
    </row>
    <row r="23" spans="2:16" ht="15" customHeight="1" thickBot="1" x14ac:dyDescent="0.4">
      <c r="B23" s="336" t="s">
        <v>17</v>
      </c>
      <c r="C23" s="374">
        <v>115.91</v>
      </c>
      <c r="D23" s="374">
        <v>115.91</v>
      </c>
      <c r="E23" s="374">
        <v>158.16</v>
      </c>
      <c r="F23" s="374">
        <v>117.82</v>
      </c>
      <c r="G23" s="374"/>
      <c r="H23" s="374">
        <v>94</v>
      </c>
      <c r="I23" s="374">
        <v>85.5</v>
      </c>
      <c r="J23" s="373">
        <v>11</v>
      </c>
      <c r="K23" s="373">
        <v>17.2</v>
      </c>
      <c r="L23" s="373">
        <v>26.3</v>
      </c>
      <c r="M23" s="373">
        <v>132</v>
      </c>
      <c r="N23" s="373">
        <v>16.600000000000001</v>
      </c>
      <c r="O23" s="373" t="s">
        <v>57</v>
      </c>
      <c r="P23" s="75"/>
    </row>
    <row r="24" spans="2:16" ht="15" customHeight="1" thickBot="1" x14ac:dyDescent="0.4">
      <c r="B24" s="380" t="s">
        <v>18</v>
      </c>
      <c r="C24" s="374">
        <v>14.47</v>
      </c>
      <c r="D24" s="374">
        <v>14.47</v>
      </c>
      <c r="E24" s="374">
        <v>14.23</v>
      </c>
      <c r="F24" s="374">
        <v>14.88</v>
      </c>
      <c r="G24" s="374">
        <v>7.81</v>
      </c>
      <c r="H24" s="374">
        <v>7.7</v>
      </c>
      <c r="I24" s="374">
        <v>7.7</v>
      </c>
      <c r="J24" s="373">
        <v>5.5</v>
      </c>
      <c r="K24" s="373">
        <v>6.3</v>
      </c>
      <c r="L24" s="373">
        <v>5.9</v>
      </c>
      <c r="M24" s="373">
        <v>5.9</v>
      </c>
      <c r="N24" s="373">
        <v>5.9</v>
      </c>
      <c r="O24" s="373">
        <v>3.8</v>
      </c>
      <c r="P24" s="75"/>
    </row>
    <row r="25" spans="2:16" ht="15" customHeight="1" thickBot="1" x14ac:dyDescent="0.4">
      <c r="B25" s="380" t="s">
        <v>19</v>
      </c>
      <c r="C25" s="374">
        <v>0.53</v>
      </c>
      <c r="D25" s="374">
        <v>0.53</v>
      </c>
      <c r="E25" s="374">
        <v>0.53</v>
      </c>
      <c r="F25" s="374">
        <v>0.53</v>
      </c>
      <c r="G25" s="374">
        <v>0.47</v>
      </c>
      <c r="H25" s="374">
        <v>0.55000000000000004</v>
      </c>
      <c r="I25" s="374">
        <v>0.65300000000000002</v>
      </c>
      <c r="J25" s="373">
        <v>0.8</v>
      </c>
      <c r="K25" s="373">
        <v>0.8</v>
      </c>
      <c r="L25" s="373">
        <v>5.4</v>
      </c>
      <c r="M25" s="373">
        <v>6.3</v>
      </c>
      <c r="N25" s="373">
        <v>8.1999999999999993</v>
      </c>
      <c r="O25" s="373">
        <v>8.1999999999999993</v>
      </c>
      <c r="P25" s="76" t="s">
        <v>84</v>
      </c>
    </row>
    <row r="26" spans="2:16" ht="15" customHeight="1" thickBot="1" x14ac:dyDescent="0.4">
      <c r="B26" s="337" t="s">
        <v>32</v>
      </c>
      <c r="C26" s="374" t="s">
        <v>57</v>
      </c>
      <c r="D26" s="374" t="s">
        <v>57</v>
      </c>
      <c r="E26" s="374" t="s">
        <v>57</v>
      </c>
      <c r="F26" s="374" t="s">
        <v>57</v>
      </c>
      <c r="G26" s="374" t="s">
        <v>57</v>
      </c>
      <c r="H26" s="374" t="s">
        <v>57</v>
      </c>
      <c r="I26" s="374" t="s">
        <v>81</v>
      </c>
      <c r="J26" s="373" t="s">
        <v>57</v>
      </c>
      <c r="K26" s="373" t="s">
        <v>57</v>
      </c>
      <c r="L26" s="373" t="s">
        <v>57</v>
      </c>
      <c r="M26" s="373" t="s">
        <v>57</v>
      </c>
      <c r="N26" s="373" t="s">
        <v>57</v>
      </c>
      <c r="O26" s="373" t="s">
        <v>57</v>
      </c>
      <c r="P26" s="75"/>
    </row>
    <row r="27" spans="2:16" ht="15" customHeight="1" thickBot="1" x14ac:dyDescent="0.4">
      <c r="B27" s="336" t="s">
        <v>33</v>
      </c>
      <c r="C27" s="377">
        <v>79</v>
      </c>
      <c r="D27" s="377">
        <v>79</v>
      </c>
      <c r="E27" s="377">
        <v>91.8</v>
      </c>
      <c r="F27" s="377">
        <v>86</v>
      </c>
      <c r="G27" s="377">
        <v>87</v>
      </c>
      <c r="H27" s="377">
        <v>106</v>
      </c>
      <c r="I27" s="377">
        <v>95.5</v>
      </c>
      <c r="J27" s="373">
        <v>90</v>
      </c>
      <c r="K27" s="373">
        <v>92</v>
      </c>
      <c r="L27" s="373">
        <v>92</v>
      </c>
      <c r="M27" s="373">
        <v>104</v>
      </c>
      <c r="N27" s="373">
        <v>110</v>
      </c>
      <c r="O27" s="373">
        <v>114</v>
      </c>
      <c r="P27" s="75"/>
    </row>
    <row r="28" spans="2:16" x14ac:dyDescent="0.35">
      <c r="B28" s="449" t="s">
        <v>85</v>
      </c>
      <c r="C28" s="450"/>
      <c r="D28" s="450"/>
      <c r="E28" s="450"/>
      <c r="F28" s="450"/>
      <c r="G28" s="450"/>
      <c r="H28" s="450"/>
      <c r="I28" s="450"/>
      <c r="J28" s="450"/>
      <c r="K28" s="450"/>
      <c r="L28" s="450"/>
      <c r="M28" s="450"/>
      <c r="N28" s="450"/>
      <c r="O28" s="451"/>
      <c r="P28" s="75"/>
    </row>
    <row r="29" spans="2:16" x14ac:dyDescent="0.35">
      <c r="B29" s="483" t="s">
        <v>86</v>
      </c>
      <c r="C29" s="484"/>
      <c r="D29" s="484"/>
      <c r="E29" s="484"/>
      <c r="F29" s="484"/>
      <c r="G29" s="484"/>
      <c r="H29" s="484"/>
      <c r="I29" s="484"/>
      <c r="J29" s="484"/>
      <c r="K29" s="484"/>
      <c r="L29" s="484"/>
      <c r="M29" s="484"/>
      <c r="N29" s="484"/>
      <c r="O29" s="485"/>
      <c r="P29" s="75"/>
    </row>
    <row r="30" spans="2:16" x14ac:dyDescent="0.35">
      <c r="B30" s="452" t="s">
        <v>87</v>
      </c>
      <c r="C30" s="453"/>
      <c r="D30" s="453"/>
      <c r="E30" s="453"/>
      <c r="F30" s="453"/>
      <c r="G30" s="453"/>
      <c r="H30" s="453"/>
      <c r="I30" s="453"/>
      <c r="J30" s="453"/>
      <c r="K30" s="453"/>
      <c r="L30" s="453"/>
      <c r="M30" s="453"/>
      <c r="N30" s="453"/>
      <c r="O30" s="454"/>
    </row>
    <row r="31" spans="2:16" ht="15" thickBot="1" x14ac:dyDescent="0.4">
      <c r="B31" s="478" t="s">
        <v>88</v>
      </c>
      <c r="C31" s="479"/>
      <c r="D31" s="479"/>
      <c r="E31" s="479"/>
      <c r="F31" s="479"/>
      <c r="G31" s="479"/>
      <c r="H31" s="479"/>
      <c r="I31" s="479"/>
      <c r="J31" s="479"/>
      <c r="K31" s="479"/>
      <c r="L31" s="479"/>
      <c r="M31" s="479"/>
      <c r="N31" s="479"/>
      <c r="O31" s="480"/>
    </row>
    <row r="33" spans="2:7" ht="15" thickBot="1" x14ac:dyDescent="0.4"/>
    <row r="34" spans="2:7" x14ac:dyDescent="0.35">
      <c r="B34" s="378"/>
      <c r="C34" s="338"/>
      <c r="D34" s="338">
        <v>2019</v>
      </c>
      <c r="E34" s="338">
        <v>2020</v>
      </c>
      <c r="F34" s="338">
        <v>2021</v>
      </c>
      <c r="G34" s="339">
        <v>2022</v>
      </c>
    </row>
    <row r="35" spans="2:7" ht="15" thickBot="1" x14ac:dyDescent="0.4">
      <c r="B35" s="340" t="s">
        <v>256</v>
      </c>
      <c r="C35" s="341"/>
      <c r="D35" s="341">
        <v>1.123</v>
      </c>
      <c r="E35" s="341">
        <v>1.2230000000000001</v>
      </c>
      <c r="F35" s="341">
        <v>1.1379999999999999</v>
      </c>
      <c r="G35" s="379">
        <v>1.073</v>
      </c>
    </row>
  </sheetData>
  <mergeCells count="6">
    <mergeCell ref="B31:O31"/>
    <mergeCell ref="B2:O2"/>
    <mergeCell ref="B3:B4"/>
    <mergeCell ref="B28:O28"/>
    <mergeCell ref="B29:O29"/>
    <mergeCell ref="B30:O30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486F84-B3F9-45CD-83DC-0A10CB1BFC8A}">
  <dimension ref="A2:X24"/>
  <sheetViews>
    <sheetView topLeftCell="C6" zoomScale="88" workbookViewId="0">
      <selection activeCell="F4" sqref="F4"/>
    </sheetView>
  </sheetViews>
  <sheetFormatPr defaultRowHeight="14.5" x14ac:dyDescent="0.35"/>
  <cols>
    <col min="2" max="2" width="43.36328125" customWidth="1"/>
  </cols>
  <sheetData>
    <row r="2" spans="1:24" ht="15" thickBot="1" x14ac:dyDescent="0.4"/>
    <row r="3" spans="1:24" ht="16" thickBot="1" x14ac:dyDescent="0.4">
      <c r="B3" s="486" t="s">
        <v>257</v>
      </c>
      <c r="C3" s="487"/>
      <c r="D3" s="487"/>
      <c r="E3" s="487"/>
      <c r="F3" s="487"/>
      <c r="G3" s="487"/>
      <c r="H3" s="487"/>
      <c r="I3" s="487"/>
      <c r="J3" s="487"/>
      <c r="K3" s="487"/>
      <c r="L3" s="487"/>
      <c r="M3" s="487"/>
      <c r="N3" s="487"/>
      <c r="O3" s="487"/>
      <c r="P3" s="487"/>
      <c r="Q3" s="487"/>
      <c r="R3" s="487"/>
      <c r="S3" s="487"/>
      <c r="T3" s="487"/>
      <c r="U3" s="487"/>
      <c r="V3" s="488"/>
      <c r="W3" s="141"/>
      <c r="X3" s="141"/>
    </row>
    <row r="4" spans="1:24" x14ac:dyDescent="0.35">
      <c r="B4" s="382"/>
      <c r="C4" s="383" t="s">
        <v>0</v>
      </c>
      <c r="D4" s="383" t="s">
        <v>2</v>
      </c>
      <c r="E4" s="383" t="s">
        <v>3</v>
      </c>
      <c r="F4" s="384" t="s">
        <v>4</v>
      </c>
      <c r="G4" s="385" t="s">
        <v>5</v>
      </c>
      <c r="H4" s="385" t="s">
        <v>6</v>
      </c>
      <c r="I4" s="385" t="s">
        <v>7</v>
      </c>
      <c r="J4" s="385" t="s">
        <v>9</v>
      </c>
      <c r="K4" s="385" t="s">
        <v>10</v>
      </c>
      <c r="L4" s="385" t="s">
        <v>11</v>
      </c>
      <c r="M4" s="385" t="s">
        <v>12</v>
      </c>
      <c r="N4" s="385" t="s">
        <v>14</v>
      </c>
      <c r="O4" s="385" t="s">
        <v>15</v>
      </c>
      <c r="P4" s="385" t="s">
        <v>16</v>
      </c>
      <c r="Q4" s="385" t="s">
        <v>17</v>
      </c>
      <c r="R4" s="385" t="s">
        <v>18</v>
      </c>
      <c r="S4" s="385" t="s">
        <v>19</v>
      </c>
      <c r="T4" s="385" t="s">
        <v>20</v>
      </c>
      <c r="U4" s="385" t="s">
        <v>21</v>
      </c>
      <c r="V4" s="385" t="s">
        <v>22</v>
      </c>
      <c r="W4" s="141"/>
      <c r="X4" s="141"/>
    </row>
    <row r="5" spans="1:24" ht="15" thickBot="1" x14ac:dyDescent="0.4">
      <c r="A5" s="141"/>
      <c r="B5" s="386"/>
      <c r="C5" s="387">
        <v>2022</v>
      </c>
      <c r="D5" s="388">
        <v>2022</v>
      </c>
      <c r="E5" s="388">
        <v>2019</v>
      </c>
      <c r="F5" s="389">
        <v>2021</v>
      </c>
      <c r="G5" s="390">
        <v>2022</v>
      </c>
      <c r="H5" s="391">
        <v>2018</v>
      </c>
      <c r="I5" s="390">
        <v>2022</v>
      </c>
      <c r="J5" s="391">
        <v>2019</v>
      </c>
      <c r="K5" s="390">
        <v>2022</v>
      </c>
      <c r="L5" s="390">
        <v>2022</v>
      </c>
      <c r="M5" s="390">
        <v>2022</v>
      </c>
      <c r="N5" s="391">
        <v>2021</v>
      </c>
      <c r="O5" s="390">
        <v>2022</v>
      </c>
      <c r="P5" s="390">
        <v>2021</v>
      </c>
      <c r="Q5" s="391">
        <v>2022</v>
      </c>
      <c r="R5" s="390">
        <v>2022</v>
      </c>
      <c r="S5" s="391">
        <v>2020</v>
      </c>
      <c r="T5" s="391">
        <v>2022</v>
      </c>
      <c r="U5" s="391">
        <v>2022</v>
      </c>
      <c r="V5" s="391">
        <v>2022</v>
      </c>
      <c r="W5" s="141"/>
      <c r="X5" s="141"/>
    </row>
    <row r="6" spans="1:24" x14ac:dyDescent="0.35">
      <c r="A6" s="141"/>
      <c r="B6" s="392" t="s">
        <v>199</v>
      </c>
      <c r="C6" s="395" t="s">
        <v>200</v>
      </c>
      <c r="D6" s="395" t="s">
        <v>201</v>
      </c>
      <c r="E6" s="396" t="s">
        <v>201</v>
      </c>
      <c r="F6" s="397" t="s">
        <v>200</v>
      </c>
      <c r="G6" s="398"/>
      <c r="H6" s="398"/>
      <c r="I6" s="398" t="s">
        <v>201</v>
      </c>
      <c r="J6" s="398"/>
      <c r="K6" s="398" t="s">
        <v>200</v>
      </c>
      <c r="L6" s="398"/>
      <c r="M6" s="398" t="s">
        <v>201</v>
      </c>
      <c r="N6" s="398"/>
      <c r="O6" s="398"/>
      <c r="P6" s="398"/>
      <c r="Q6" s="399" t="s">
        <v>201</v>
      </c>
      <c r="R6" s="398"/>
      <c r="S6" s="398"/>
      <c r="T6" s="398" t="s">
        <v>201</v>
      </c>
      <c r="U6" s="398"/>
      <c r="V6" s="398" t="s">
        <v>201</v>
      </c>
      <c r="W6" s="141"/>
      <c r="X6" s="141"/>
    </row>
    <row r="7" spans="1:24" x14ac:dyDescent="0.35">
      <c r="A7" s="141"/>
      <c r="B7" s="393" t="s">
        <v>202</v>
      </c>
      <c r="C7" s="400" t="s">
        <v>201</v>
      </c>
      <c r="D7" s="400"/>
      <c r="E7" s="400"/>
      <c r="F7" s="401" t="s">
        <v>201</v>
      </c>
      <c r="G7" s="402"/>
      <c r="H7" s="402"/>
      <c r="I7" s="402"/>
      <c r="J7" s="402"/>
      <c r="K7" s="402"/>
      <c r="L7" s="402"/>
      <c r="M7" s="402"/>
      <c r="N7" s="402"/>
      <c r="O7" s="402"/>
      <c r="P7" s="402"/>
      <c r="Q7" s="402"/>
      <c r="R7" s="402"/>
      <c r="S7" s="402"/>
      <c r="T7" s="402"/>
      <c r="U7" s="402" t="s">
        <v>201</v>
      </c>
      <c r="V7" s="402"/>
      <c r="W7" s="141"/>
      <c r="X7" s="141"/>
    </row>
    <row r="8" spans="1:24" x14ac:dyDescent="0.35">
      <c r="A8" s="141"/>
      <c r="B8" s="393" t="s">
        <v>203</v>
      </c>
      <c r="C8" s="403" t="s">
        <v>200</v>
      </c>
      <c r="D8" s="404" t="s">
        <v>201</v>
      </c>
      <c r="E8" s="404"/>
      <c r="F8" s="405" t="s">
        <v>200</v>
      </c>
      <c r="G8" s="406"/>
      <c r="H8" s="407"/>
      <c r="I8" s="406"/>
      <c r="J8" s="407"/>
      <c r="K8" s="406"/>
      <c r="L8" s="406"/>
      <c r="M8" s="406"/>
      <c r="N8" s="407"/>
      <c r="O8" s="406"/>
      <c r="P8" s="406"/>
      <c r="Q8" s="407"/>
      <c r="R8" s="406"/>
      <c r="S8" s="407"/>
      <c r="T8" s="407"/>
      <c r="U8" s="407"/>
      <c r="V8" s="407"/>
      <c r="W8" s="138"/>
      <c r="X8" s="138"/>
    </row>
    <row r="9" spans="1:24" x14ac:dyDescent="0.35">
      <c r="A9" s="141"/>
      <c r="B9" s="393" t="s">
        <v>204</v>
      </c>
      <c r="C9" s="400" t="s">
        <v>200</v>
      </c>
      <c r="D9" s="400"/>
      <c r="E9" s="400" t="s">
        <v>201</v>
      </c>
      <c r="F9" s="401" t="s">
        <v>200</v>
      </c>
      <c r="G9" s="402"/>
      <c r="H9" s="402"/>
      <c r="I9" s="402"/>
      <c r="J9" s="402" t="s">
        <v>201</v>
      </c>
      <c r="K9" s="402" t="s">
        <v>201</v>
      </c>
      <c r="L9" s="402" t="s">
        <v>201</v>
      </c>
      <c r="M9" s="402" t="s">
        <v>201</v>
      </c>
      <c r="N9" s="402"/>
      <c r="O9" s="402"/>
      <c r="P9" s="402" t="s">
        <v>201</v>
      </c>
      <c r="Q9" s="402"/>
      <c r="R9" s="402"/>
      <c r="S9" s="402" t="s">
        <v>201</v>
      </c>
      <c r="T9" s="402" t="s">
        <v>201</v>
      </c>
      <c r="U9" s="402" t="s">
        <v>201</v>
      </c>
      <c r="V9" s="402" t="s">
        <v>201</v>
      </c>
      <c r="W9" s="138"/>
      <c r="X9" s="138"/>
    </row>
    <row r="10" spans="1:24" x14ac:dyDescent="0.35">
      <c r="A10" s="141"/>
      <c r="B10" s="393" t="s">
        <v>205</v>
      </c>
      <c r="C10" s="400" t="s">
        <v>201</v>
      </c>
      <c r="D10" s="400"/>
      <c r="E10" s="400"/>
      <c r="F10" s="401" t="s">
        <v>200</v>
      </c>
      <c r="G10" s="402" t="s">
        <v>201</v>
      </c>
      <c r="H10" s="402" t="s">
        <v>201</v>
      </c>
      <c r="I10" s="402"/>
      <c r="J10" s="402"/>
      <c r="K10" s="402"/>
      <c r="L10" s="402"/>
      <c r="M10" s="402"/>
      <c r="N10" s="402"/>
      <c r="O10" s="402"/>
      <c r="P10" s="402"/>
      <c r="Q10" s="402"/>
      <c r="R10" s="402"/>
      <c r="S10" s="402" t="s">
        <v>201</v>
      </c>
      <c r="T10" s="402" t="s">
        <v>201</v>
      </c>
      <c r="U10" s="402"/>
      <c r="V10" s="402"/>
      <c r="W10" s="138"/>
      <c r="X10" s="138"/>
    </row>
    <row r="11" spans="1:24" x14ac:dyDescent="0.35">
      <c r="A11" s="141"/>
      <c r="B11" s="393" t="s">
        <v>206</v>
      </c>
      <c r="C11" s="400" t="s">
        <v>200</v>
      </c>
      <c r="D11" s="400"/>
      <c r="E11" s="400"/>
      <c r="F11" s="401" t="s">
        <v>200</v>
      </c>
      <c r="G11" s="402"/>
      <c r="H11" s="402" t="s">
        <v>200</v>
      </c>
      <c r="I11" s="402"/>
      <c r="J11" s="402"/>
      <c r="K11" s="402"/>
      <c r="L11" s="402"/>
      <c r="M11" s="402"/>
      <c r="N11" s="402"/>
      <c r="O11" s="402"/>
      <c r="P11" s="402"/>
      <c r="Q11" s="402"/>
      <c r="R11" s="402"/>
      <c r="S11" s="402"/>
      <c r="T11" s="402"/>
      <c r="U11" s="402"/>
      <c r="V11" s="402"/>
      <c r="W11" s="138"/>
      <c r="X11" s="138"/>
    </row>
    <row r="12" spans="1:24" x14ac:dyDescent="0.35">
      <c r="A12" s="141"/>
      <c r="B12" s="393" t="s">
        <v>207</v>
      </c>
      <c r="C12" s="400" t="s">
        <v>200</v>
      </c>
      <c r="D12" s="400" t="s">
        <v>201</v>
      </c>
      <c r="E12" s="408" t="s">
        <v>201</v>
      </c>
      <c r="F12" s="401" t="s">
        <v>200</v>
      </c>
      <c r="G12" s="402"/>
      <c r="H12" s="402"/>
      <c r="I12" s="402"/>
      <c r="J12" s="402"/>
      <c r="K12" s="402"/>
      <c r="L12" s="402"/>
      <c r="M12" s="402"/>
      <c r="N12" s="402"/>
      <c r="O12" s="402"/>
      <c r="P12" s="402"/>
      <c r="Q12" s="402"/>
      <c r="R12" s="402"/>
      <c r="S12" s="402"/>
      <c r="T12" s="402"/>
      <c r="U12" s="402" t="s">
        <v>201</v>
      </c>
      <c r="V12" s="402"/>
      <c r="W12" s="138"/>
      <c r="X12" s="138"/>
    </row>
    <row r="13" spans="1:24" x14ac:dyDescent="0.35">
      <c r="A13" s="141"/>
      <c r="B13" s="393" t="s">
        <v>208</v>
      </c>
      <c r="C13" s="400" t="s">
        <v>200</v>
      </c>
      <c r="D13" s="400"/>
      <c r="E13" s="408" t="s">
        <v>201</v>
      </c>
      <c r="F13" s="401" t="s">
        <v>200</v>
      </c>
      <c r="G13" s="402"/>
      <c r="H13" s="402"/>
      <c r="I13" s="402"/>
      <c r="J13" s="402"/>
      <c r="K13" s="402"/>
      <c r="L13" s="402"/>
      <c r="M13" s="402"/>
      <c r="N13" s="402"/>
      <c r="O13" s="402"/>
      <c r="P13" s="402"/>
      <c r="Q13" s="402"/>
      <c r="R13" s="402"/>
      <c r="S13" s="402"/>
      <c r="T13" s="402"/>
      <c r="U13" s="402"/>
      <c r="V13" s="402"/>
      <c r="W13" s="138"/>
      <c r="X13" s="138"/>
    </row>
    <row r="14" spans="1:24" x14ac:dyDescent="0.35">
      <c r="A14" s="141"/>
      <c r="B14" s="393" t="s">
        <v>209</v>
      </c>
      <c r="C14" s="400" t="s">
        <v>200</v>
      </c>
      <c r="D14" s="400" t="s">
        <v>201</v>
      </c>
      <c r="E14" s="400"/>
      <c r="F14" s="401" t="s">
        <v>200</v>
      </c>
      <c r="G14" s="402"/>
      <c r="H14" s="402"/>
      <c r="I14" s="402"/>
      <c r="J14" s="402"/>
      <c r="K14" s="402" t="s">
        <v>201</v>
      </c>
      <c r="L14" s="402"/>
      <c r="M14" s="402" t="s">
        <v>201</v>
      </c>
      <c r="N14" s="402"/>
      <c r="O14" s="402" t="s">
        <v>201</v>
      </c>
      <c r="P14" s="402"/>
      <c r="Q14" s="402"/>
      <c r="R14" s="402"/>
      <c r="S14" s="402"/>
      <c r="T14" s="402" t="s">
        <v>200</v>
      </c>
      <c r="U14" s="402" t="s">
        <v>201</v>
      </c>
      <c r="V14" s="402"/>
      <c r="W14" s="138"/>
      <c r="X14" s="138"/>
    </row>
    <row r="15" spans="1:24" x14ac:dyDescent="0.35">
      <c r="A15" s="141"/>
      <c r="B15" s="393" t="s">
        <v>210</v>
      </c>
      <c r="C15" s="400" t="s">
        <v>200</v>
      </c>
      <c r="D15" s="400"/>
      <c r="E15" s="408" t="s">
        <v>201</v>
      </c>
      <c r="F15" s="401" t="s">
        <v>200</v>
      </c>
      <c r="G15" s="402"/>
      <c r="H15" s="402"/>
      <c r="I15" s="402"/>
      <c r="J15" s="402"/>
      <c r="K15" s="402" t="s">
        <v>201</v>
      </c>
      <c r="L15" s="402"/>
      <c r="M15" s="402"/>
      <c r="N15" s="402"/>
      <c r="O15" s="402" t="s">
        <v>200</v>
      </c>
      <c r="P15" s="402"/>
      <c r="Q15" s="402"/>
      <c r="R15" s="402" t="s">
        <v>200</v>
      </c>
      <c r="S15" s="402"/>
      <c r="T15" s="402"/>
      <c r="U15" s="402" t="s">
        <v>201</v>
      </c>
      <c r="V15" s="402" t="s">
        <v>201</v>
      </c>
      <c r="W15" s="138"/>
      <c r="X15" s="138"/>
    </row>
    <row r="16" spans="1:24" x14ac:dyDescent="0.35">
      <c r="A16" s="141"/>
      <c r="B16" s="393" t="s">
        <v>211</v>
      </c>
      <c r="C16" s="400" t="s">
        <v>201</v>
      </c>
      <c r="D16" s="400"/>
      <c r="E16" s="400"/>
      <c r="F16" s="401" t="s">
        <v>201</v>
      </c>
      <c r="G16" s="402" t="s">
        <v>201</v>
      </c>
      <c r="H16" s="402"/>
      <c r="I16" s="402"/>
      <c r="J16" s="402" t="s">
        <v>201</v>
      </c>
      <c r="K16" s="402"/>
      <c r="L16" s="402"/>
      <c r="M16" s="402"/>
      <c r="N16" s="402" t="s">
        <v>201</v>
      </c>
      <c r="O16" s="402" t="s">
        <v>200</v>
      </c>
      <c r="P16" s="402"/>
      <c r="Q16" s="402"/>
      <c r="R16" s="402" t="s">
        <v>200</v>
      </c>
      <c r="S16" s="402"/>
      <c r="T16" s="402"/>
      <c r="U16" s="402" t="s">
        <v>201</v>
      </c>
      <c r="V16" s="402"/>
      <c r="W16" s="138"/>
      <c r="X16" s="138"/>
    </row>
    <row r="17" spans="1:24" x14ac:dyDescent="0.35">
      <c r="A17" s="141"/>
      <c r="B17" s="393" t="s">
        <v>212</v>
      </c>
      <c r="C17" s="400" t="s">
        <v>201</v>
      </c>
      <c r="D17" s="400" t="s">
        <v>201</v>
      </c>
      <c r="E17" s="400"/>
      <c r="F17" s="401" t="s">
        <v>200</v>
      </c>
      <c r="G17" s="402"/>
      <c r="H17" s="402"/>
      <c r="I17" s="402"/>
      <c r="J17" s="402" t="s">
        <v>201</v>
      </c>
      <c r="K17" s="402"/>
      <c r="L17" s="402"/>
      <c r="M17" s="402"/>
      <c r="N17" s="402"/>
      <c r="O17" s="402" t="s">
        <v>201</v>
      </c>
      <c r="P17" s="402"/>
      <c r="Q17" s="402" t="s">
        <v>201</v>
      </c>
      <c r="R17" s="402" t="s">
        <v>201</v>
      </c>
      <c r="S17" s="402"/>
      <c r="T17" s="402" t="s">
        <v>201</v>
      </c>
      <c r="U17" s="402"/>
      <c r="V17" s="402"/>
      <c r="W17" s="138"/>
      <c r="X17" s="138"/>
    </row>
    <row r="18" spans="1:24" x14ac:dyDescent="0.35">
      <c r="A18" s="141"/>
      <c r="B18" s="393" t="s">
        <v>213</v>
      </c>
      <c r="C18" s="400" t="s">
        <v>200</v>
      </c>
      <c r="D18" s="400"/>
      <c r="E18" s="400"/>
      <c r="F18" s="401" t="s">
        <v>200</v>
      </c>
      <c r="G18" s="402"/>
      <c r="H18" s="402"/>
      <c r="I18" s="402"/>
      <c r="J18" s="402" t="s">
        <v>201</v>
      </c>
      <c r="K18" s="402"/>
      <c r="L18" s="402"/>
      <c r="M18" s="402"/>
      <c r="N18" s="402"/>
      <c r="O18" s="402"/>
      <c r="P18" s="402"/>
      <c r="Q18" s="402"/>
      <c r="R18" s="402" t="s">
        <v>200</v>
      </c>
      <c r="S18" s="402"/>
      <c r="T18" s="402" t="s">
        <v>201</v>
      </c>
      <c r="U18" s="402" t="s">
        <v>201</v>
      </c>
      <c r="V18" s="402"/>
      <c r="W18" s="138"/>
      <c r="X18" s="138"/>
    </row>
    <row r="19" spans="1:24" x14ac:dyDescent="0.35">
      <c r="A19" s="141"/>
      <c r="B19" s="393" t="s">
        <v>214</v>
      </c>
      <c r="C19" s="400" t="s">
        <v>201</v>
      </c>
      <c r="D19" s="400"/>
      <c r="E19" s="408" t="s">
        <v>201</v>
      </c>
      <c r="F19" s="401" t="s">
        <v>201</v>
      </c>
      <c r="G19" s="402" t="s">
        <v>201</v>
      </c>
      <c r="H19" s="409" t="s">
        <v>201</v>
      </c>
      <c r="I19" s="402"/>
      <c r="J19" s="402" t="s">
        <v>201</v>
      </c>
      <c r="K19" s="402"/>
      <c r="L19" s="402"/>
      <c r="M19" s="402" t="s">
        <v>201</v>
      </c>
      <c r="N19" s="402" t="s">
        <v>201</v>
      </c>
      <c r="O19" s="402"/>
      <c r="P19" s="402" t="s">
        <v>201</v>
      </c>
      <c r="Q19" s="402" t="s">
        <v>201</v>
      </c>
      <c r="R19" s="402" t="s">
        <v>201</v>
      </c>
      <c r="S19" s="402" t="s">
        <v>201</v>
      </c>
      <c r="T19" s="402" t="s">
        <v>201</v>
      </c>
      <c r="U19" s="402" t="s">
        <v>201</v>
      </c>
      <c r="V19" s="402" t="s">
        <v>201</v>
      </c>
      <c r="W19" s="138"/>
      <c r="X19" s="138"/>
    </row>
    <row r="20" spans="1:24" x14ac:dyDescent="0.35">
      <c r="A20" s="141"/>
      <c r="B20" s="393" t="s">
        <v>215</v>
      </c>
      <c r="C20" s="400" t="s">
        <v>200</v>
      </c>
      <c r="D20" s="400" t="s">
        <v>201</v>
      </c>
      <c r="E20" s="400"/>
      <c r="F20" s="401" t="s">
        <v>200</v>
      </c>
      <c r="G20" s="402"/>
      <c r="H20" s="402"/>
      <c r="I20" s="402"/>
      <c r="J20" s="402" t="s">
        <v>201</v>
      </c>
      <c r="K20" s="402" t="s">
        <v>201</v>
      </c>
      <c r="L20" s="402"/>
      <c r="M20" s="402" t="s">
        <v>200</v>
      </c>
      <c r="N20" s="402"/>
      <c r="O20" s="402"/>
      <c r="P20" s="402" t="s">
        <v>201</v>
      </c>
      <c r="Q20" s="402" t="s">
        <v>201</v>
      </c>
      <c r="R20" s="402" t="s">
        <v>200</v>
      </c>
      <c r="S20" s="402"/>
      <c r="T20" s="402" t="s">
        <v>201</v>
      </c>
      <c r="U20" s="402" t="s">
        <v>201</v>
      </c>
      <c r="V20" s="402" t="s">
        <v>201</v>
      </c>
      <c r="W20" s="138"/>
      <c r="X20" s="138"/>
    </row>
    <row r="21" spans="1:24" ht="15" thickBot="1" x14ac:dyDescent="0.4">
      <c r="A21" s="141"/>
      <c r="B21" s="394" t="s">
        <v>122</v>
      </c>
      <c r="C21" s="410" t="s">
        <v>201</v>
      </c>
      <c r="D21" s="410"/>
      <c r="E21" s="410"/>
      <c r="F21" s="411"/>
      <c r="G21" s="412"/>
      <c r="H21" s="412"/>
      <c r="I21" s="412" t="s">
        <v>201</v>
      </c>
      <c r="J21" s="412"/>
      <c r="K21" s="412"/>
      <c r="L21" s="412"/>
      <c r="M21" s="412"/>
      <c r="N21" s="412"/>
      <c r="O21" s="412"/>
      <c r="P21" s="412"/>
      <c r="Q21" s="412"/>
      <c r="R21" s="412"/>
      <c r="S21" s="412"/>
      <c r="T21" s="412"/>
      <c r="U21" s="412" t="s">
        <v>201</v>
      </c>
      <c r="V21" s="412"/>
      <c r="W21" s="138"/>
      <c r="X21" s="138"/>
    </row>
    <row r="22" spans="1:24" ht="15" thickBot="1" x14ac:dyDescent="0.4">
      <c r="A22" s="141"/>
      <c r="B22" s="489" t="s">
        <v>258</v>
      </c>
      <c r="C22" s="490"/>
      <c r="D22" s="490"/>
      <c r="E22" s="490"/>
      <c r="F22" s="490"/>
      <c r="G22" s="490"/>
      <c r="H22" s="490"/>
      <c r="I22" s="490"/>
      <c r="J22" s="490"/>
      <c r="K22" s="490"/>
      <c r="L22" s="490"/>
      <c r="M22" s="490"/>
      <c r="N22" s="490"/>
      <c r="O22" s="490"/>
      <c r="P22" s="490"/>
      <c r="Q22" s="490"/>
      <c r="R22" s="490"/>
      <c r="S22" s="490"/>
      <c r="T22" s="490"/>
      <c r="U22" s="490"/>
      <c r="V22" s="491"/>
      <c r="W22" s="138"/>
      <c r="X22" s="138"/>
    </row>
    <row r="23" spans="1:24" x14ac:dyDescent="0.35">
      <c r="W23" s="138"/>
      <c r="X23" s="138"/>
    </row>
    <row r="24" spans="1:24" x14ac:dyDescent="0.35">
      <c r="W24" s="138"/>
      <c r="X24" s="138"/>
    </row>
  </sheetData>
  <protectedRanges>
    <protectedRange sqref="E9" name="DataFor2016_1_1_7"/>
    <protectedRange sqref="L16:L21" name="DataFor2016_1_13"/>
    <protectedRange sqref="J6:J21" name="DataFor2016_1_1"/>
    <protectedRange sqref="F21" name="DataFor2016_1_2"/>
    <protectedRange sqref="V6:V21" name="DataFor2016_1_4"/>
    <protectedRange sqref="I6:I21" name="DataFor2016_1_8"/>
    <protectedRange sqref="D7:D11 D13 D15:D16 D18:D19 D21" name="DataFor2016_1_9"/>
    <protectedRange sqref="D12" name="DataFor2016_1_1_1"/>
    <protectedRange sqref="D14" name="DataFor2016_1_3_1"/>
    <protectedRange sqref="D17" name="DataFor2016_1_5_1"/>
    <protectedRange sqref="D20" name="DataFor2016_1_6_1"/>
    <protectedRange sqref="D6" name="DataFor2016_1_8_1"/>
    <protectedRange sqref="F6:F20" name="DataFor2016_1_7"/>
    <protectedRange sqref="G6:G21" name="DataFor2016_1_12"/>
    <protectedRange sqref="K7:K8 K10:K13 K16:K19 K21" name="DataFor2016_1_19"/>
    <protectedRange sqref="K6 K9 K14:K15 K20" name="DataFor2016_1_7_1"/>
    <protectedRange sqref="L6:L15" name="DataFor2016_1_20"/>
    <protectedRange sqref="M6:M21" name="DataFor2016_1_11"/>
    <protectedRange sqref="O6:O13 O18:O21" name="DataFor2016_1_14"/>
    <protectedRange sqref="O14:O17" name="DataFor2016_1_7_2"/>
    <protectedRange sqref="P6:P21" name="DataFor2016_1_22"/>
    <protectedRange sqref="R6:R14 R18:R21" name="DataFor2016_1_23"/>
    <protectedRange sqref="R15:R17" name="DataFor2016_1_1_3"/>
    <protectedRange sqref="S6:S21" name="DataFor2016_1_25"/>
    <protectedRange sqref="T7:T8 T21 T15:T16 T11:T13" name="DataFor2016_1_16"/>
    <protectedRange sqref="T6 T17:T20 T14 T9:T10" name="DataFor2016_1_7_3"/>
    <protectedRange sqref="N6:N21" name="DataFor2016_1_1_2"/>
    <protectedRange sqref="U7:U21" name="DataFor2016_1_5"/>
    <protectedRange sqref="U6" name="DataFor2016_1_1_4"/>
  </protectedRanges>
  <mergeCells count="2">
    <mergeCell ref="B3:V3"/>
    <mergeCell ref="B22:V22"/>
  </mergeCells>
  <dataValidations count="1">
    <dataValidation type="list" allowBlank="1" showInputMessage="1" showErrorMessage="1" sqref="Q6:Q21 H6:H21 E6:E21" xr:uid="{CB13F3FE-5B63-4C48-8BDF-9EAEFE0BD3F7}"/>
  </dataValidation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65ACBF-38B8-48EC-8C81-145B7AFCA8B3}">
  <sheetPr>
    <tabColor theme="9"/>
  </sheetPr>
  <dimension ref="A1:V44"/>
  <sheetViews>
    <sheetView topLeftCell="A17" zoomScale="75" zoomScaleNormal="69" workbookViewId="0">
      <selection activeCell="Q31" sqref="Q31"/>
    </sheetView>
  </sheetViews>
  <sheetFormatPr defaultColWidth="9.08984375" defaultRowHeight="14.5" x14ac:dyDescent="0.35"/>
  <cols>
    <col min="1" max="1" width="27" customWidth="1"/>
    <col min="2" max="10" width="9.6328125" customWidth="1"/>
    <col min="11" max="12" width="12.453125" bestFit="1" customWidth="1"/>
    <col min="18" max="18" width="11.08984375" customWidth="1"/>
  </cols>
  <sheetData>
    <row r="1" spans="1:22" x14ac:dyDescent="0.35">
      <c r="A1" s="16" t="s">
        <v>217</v>
      </c>
    </row>
    <row r="2" spans="1:22" x14ac:dyDescent="0.35">
      <c r="R2" s="2"/>
    </row>
    <row r="6" spans="1:22" x14ac:dyDescent="0.35">
      <c r="V6" s="78"/>
    </row>
    <row r="30" spans="1:19" x14ac:dyDescent="0.35">
      <c r="A30" t="s">
        <v>260</v>
      </c>
    </row>
    <row r="31" spans="1:19" x14ac:dyDescent="0.35">
      <c r="B31" s="1">
        <v>2005</v>
      </c>
      <c r="C31" s="1">
        <v>2006</v>
      </c>
      <c r="D31" s="1">
        <v>2007</v>
      </c>
      <c r="E31" s="1">
        <v>2008</v>
      </c>
      <c r="F31" s="1">
        <v>2009</v>
      </c>
      <c r="G31" s="1">
        <v>2010</v>
      </c>
      <c r="H31" s="1">
        <v>2011</v>
      </c>
      <c r="I31" s="1">
        <v>2012</v>
      </c>
      <c r="J31" s="1">
        <v>2013</v>
      </c>
      <c r="K31" s="1">
        <v>2014</v>
      </c>
      <c r="L31" s="1">
        <v>2015</v>
      </c>
      <c r="M31" s="1">
        <v>2016</v>
      </c>
      <c r="N31" s="1">
        <v>2017</v>
      </c>
      <c r="O31" s="1">
        <v>2018</v>
      </c>
      <c r="P31" s="1">
        <v>2019</v>
      </c>
      <c r="Q31" s="1">
        <v>2020</v>
      </c>
      <c r="R31" s="1">
        <v>2021</v>
      </c>
      <c r="S31" s="1">
        <v>2022</v>
      </c>
    </row>
    <row r="32" spans="1:19" x14ac:dyDescent="0.35">
      <c r="A32" s="75" t="s">
        <v>89</v>
      </c>
      <c r="B32" s="144">
        <v>107.50223376098566</v>
      </c>
      <c r="C32" s="144">
        <v>129.50051143922909</v>
      </c>
      <c r="D32" s="144">
        <v>169.28996504366012</v>
      </c>
      <c r="E32" s="144">
        <v>210.76493022861504</v>
      </c>
      <c r="F32" s="144">
        <v>226.00235650097494</v>
      </c>
      <c r="G32" s="144">
        <v>326.65220142990358</v>
      </c>
      <c r="H32" s="144">
        <v>412.07173388532505</v>
      </c>
      <c r="I32" s="144">
        <v>487.81665699268103</v>
      </c>
      <c r="J32" s="144">
        <v>586.41600825161777</v>
      </c>
      <c r="K32" s="144">
        <v>641.79378367762195</v>
      </c>
      <c r="L32" s="144">
        <v>748.70558699522439</v>
      </c>
      <c r="M32" s="144">
        <v>849.42016491932077</v>
      </c>
      <c r="N32" s="144">
        <v>1001.141387</v>
      </c>
      <c r="O32" s="144">
        <v>1105.2830245443645</v>
      </c>
      <c r="P32" s="144">
        <v>1224.3134669383644</v>
      </c>
      <c r="Q32" s="144">
        <v>1374.1008315259598</v>
      </c>
      <c r="R32" s="144">
        <v>1571.1255279999998</v>
      </c>
      <c r="S32" s="144">
        <v>1794.3929787411889</v>
      </c>
    </row>
    <row r="33" spans="1:19" x14ac:dyDescent="0.35">
      <c r="A33" s="75" t="s">
        <v>90</v>
      </c>
      <c r="B33" s="144">
        <v>46.073529000000008</v>
      </c>
      <c r="C33" s="144">
        <v>56.746739999999988</v>
      </c>
      <c r="D33" s="144">
        <v>68.628899999999987</v>
      </c>
      <c r="E33" s="144">
        <v>83.528699999999986</v>
      </c>
      <c r="F33" s="144">
        <v>101.20400000000001</v>
      </c>
      <c r="G33" s="144">
        <v>154.35300000000001</v>
      </c>
      <c r="H33" s="144">
        <v>189.035</v>
      </c>
      <c r="I33" s="144">
        <v>226.09110000000001</v>
      </c>
      <c r="J33" s="144">
        <v>265.02299999999997</v>
      </c>
      <c r="K33" s="144">
        <v>296.97199999999998</v>
      </c>
      <c r="L33" s="144">
        <v>340.35300000000001</v>
      </c>
      <c r="M33" s="144">
        <v>395.71599999999995</v>
      </c>
      <c r="N33" s="144">
        <v>445.88958500000001</v>
      </c>
      <c r="O33" s="144">
        <v>488.92340000000002</v>
      </c>
      <c r="P33" s="144">
        <v>530.47060199999999</v>
      </c>
      <c r="Q33" s="144">
        <v>588.69115499999998</v>
      </c>
      <c r="R33" s="144">
        <v>665.10029400000008</v>
      </c>
      <c r="S33" s="144">
        <v>738.59539900000016</v>
      </c>
    </row>
    <row r="34" spans="1:19" x14ac:dyDescent="0.35">
      <c r="A34" s="75" t="s">
        <v>91</v>
      </c>
      <c r="B34" s="144">
        <v>56.716750000000005</v>
      </c>
      <c r="C34" s="144">
        <v>68.95013999999999</v>
      </c>
      <c r="D34" s="144">
        <v>83.603199999999987</v>
      </c>
      <c r="E34" s="144">
        <v>102.014</v>
      </c>
      <c r="F34" s="144">
        <v>123.339</v>
      </c>
      <c r="G34" s="144">
        <v>188.86300000000003</v>
      </c>
      <c r="H34" s="144">
        <v>225.976</v>
      </c>
      <c r="I34" s="144">
        <v>265.05700000000002</v>
      </c>
      <c r="J34" s="144">
        <v>296.73299999999995</v>
      </c>
      <c r="K34" s="144">
        <v>340.09799999999996</v>
      </c>
      <c r="L34" s="144">
        <v>395.31</v>
      </c>
      <c r="M34" s="144">
        <v>444.86299999999994</v>
      </c>
      <c r="N34" s="144">
        <v>490.03471999999999</v>
      </c>
      <c r="O34" s="144">
        <v>532.75543000000005</v>
      </c>
      <c r="P34" s="144">
        <v>584.75630200000001</v>
      </c>
      <c r="Q34" s="144">
        <v>670.14390500000002</v>
      </c>
      <c r="R34" s="144">
        <v>748.6233840000001</v>
      </c>
      <c r="S34" s="144">
        <v>817.09881900000016</v>
      </c>
    </row>
    <row r="35" spans="1:19" x14ac:dyDescent="0.35">
      <c r="A35" s="75" t="s">
        <v>92</v>
      </c>
      <c r="B35" s="144">
        <v>10.643221</v>
      </c>
      <c r="C35" s="144">
        <v>12.203400000000002</v>
      </c>
      <c r="D35" s="144">
        <v>14.974299999999999</v>
      </c>
      <c r="E35" s="144">
        <v>18.485300000000002</v>
      </c>
      <c r="F35" s="144">
        <v>22.134999999999998</v>
      </c>
      <c r="G35" s="144">
        <v>34.510000000000005</v>
      </c>
      <c r="H35" s="144">
        <v>36.941000000000003</v>
      </c>
      <c r="I35" s="144">
        <v>38.965900000000005</v>
      </c>
      <c r="J35" s="144">
        <v>31.71</v>
      </c>
      <c r="K35" s="144">
        <v>43.126000000000005</v>
      </c>
      <c r="L35" s="144">
        <v>54.956999999999994</v>
      </c>
      <c r="M35" s="144">
        <v>49.146999999999991</v>
      </c>
      <c r="N35" s="144">
        <v>44.145135000000003</v>
      </c>
      <c r="O35" s="144">
        <v>43.832030000000003</v>
      </c>
      <c r="P35" s="144">
        <v>54.285700000000006</v>
      </c>
      <c r="Q35" s="144">
        <v>81.452749999999995</v>
      </c>
      <c r="R35" s="144">
        <v>83.52309000000001</v>
      </c>
      <c r="S35" s="144">
        <v>78.50342000000002</v>
      </c>
    </row>
    <row r="36" spans="1:19" x14ac:dyDescent="0.35">
      <c r="A36" s="75" t="s">
        <v>261</v>
      </c>
      <c r="B36" s="144">
        <v>1.1904964576631669</v>
      </c>
      <c r="C36" s="144">
        <v>1.4237083645322575</v>
      </c>
      <c r="D36" s="144">
        <v>1.6435405176071276</v>
      </c>
      <c r="E36" s="144">
        <v>2.2766928764229553</v>
      </c>
      <c r="F36" s="144">
        <v>2.4692940009797244</v>
      </c>
      <c r="G36" s="144">
        <v>2.3052687665541818</v>
      </c>
      <c r="H36" s="144">
        <v>2.7784540474741326</v>
      </c>
      <c r="I36" s="144">
        <v>3.2756760696843794</v>
      </c>
      <c r="J36" s="144">
        <v>3.8560997328584143</v>
      </c>
      <c r="K36" s="144">
        <v>4.0572289974739935</v>
      </c>
      <c r="L36" s="144">
        <v>4.79</v>
      </c>
      <c r="M36" s="144">
        <v>4.8</v>
      </c>
      <c r="N36" s="144">
        <v>6.0781722864902497</v>
      </c>
      <c r="O36" s="144">
        <v>6.3631243523191285</v>
      </c>
      <c r="P36" s="144">
        <v>7.1986497525420567</v>
      </c>
      <c r="Q36" s="144">
        <v>7.7990403543816855</v>
      </c>
      <c r="R36" s="144">
        <v>8.4474924308702981</v>
      </c>
      <c r="S36" s="144">
        <v>9.5553359462133347</v>
      </c>
    </row>
    <row r="37" spans="1:19" x14ac:dyDescent="0.35">
      <c r="Q37" t="s">
        <v>93</v>
      </c>
    </row>
    <row r="38" spans="1:19" x14ac:dyDescent="0.35">
      <c r="A38" s="143" t="s">
        <v>259</v>
      </c>
      <c r="R38" s="2"/>
    </row>
    <row r="39" spans="1:19" x14ac:dyDescent="0.35">
      <c r="A39" t="s">
        <v>94</v>
      </c>
      <c r="H39" s="6">
        <v>238</v>
      </c>
      <c r="I39" s="6">
        <v>283</v>
      </c>
      <c r="J39" s="6">
        <v>319</v>
      </c>
      <c r="K39" s="6">
        <v>370</v>
      </c>
      <c r="L39" s="6">
        <v>432.68</v>
      </c>
      <c r="M39" s="6">
        <v>487.279</v>
      </c>
      <c r="N39">
        <v>539.12300000000005</v>
      </c>
      <c r="O39">
        <f>O40+O41</f>
        <v>591.54899999999998</v>
      </c>
      <c r="P39">
        <f>P40+P41</f>
        <v>679.2</v>
      </c>
      <c r="Q39">
        <f>Q40+Q41</f>
        <v>777.98199999999997</v>
      </c>
      <c r="R39">
        <v>845</v>
      </c>
      <c r="S39">
        <v>906</v>
      </c>
    </row>
    <row r="40" spans="1:19" x14ac:dyDescent="0.35">
      <c r="A40" t="s">
        <v>95</v>
      </c>
      <c r="O40">
        <v>568.40899999999999</v>
      </c>
      <c r="P40">
        <v>650.1</v>
      </c>
      <c r="Q40">
        <v>742.68899999999996</v>
      </c>
    </row>
    <row r="41" spans="1:19" x14ac:dyDescent="0.35">
      <c r="A41" t="s">
        <v>96</v>
      </c>
      <c r="O41">
        <v>23.14</v>
      </c>
      <c r="P41">
        <f>29.1</f>
        <v>29.1</v>
      </c>
      <c r="Q41">
        <v>35.292999999999999</v>
      </c>
    </row>
    <row r="44" spans="1:19" x14ac:dyDescent="0.35">
      <c r="R44" s="2"/>
    </row>
  </sheetData>
  <hyperlinks>
    <hyperlink ref="A1" location="CONTENTS!A1" display="TO CONTENTS" xr:uid="{AF32B458-B56D-487D-9F33-E23255CA6CBD}"/>
    <hyperlink ref="A38" r:id="rId1" display="GWEC" xr:uid="{F7908690-3012-4924-B871-FF38CBD219C4}"/>
  </hyperlinks>
  <pageMargins left="0.7" right="0.7" top="0.75" bottom="0.75" header="0.3" footer="0.3"/>
  <drawing r:id="rId2"/>
  <legacyDrawing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547B32-226F-4BDF-92BB-91EF900A38C2}">
  <sheetPr>
    <tabColor theme="9"/>
  </sheetPr>
  <dimension ref="B1:S93"/>
  <sheetViews>
    <sheetView topLeftCell="A25" zoomScale="79" zoomScaleNormal="100" workbookViewId="0">
      <selection activeCell="L36" sqref="L36"/>
    </sheetView>
  </sheetViews>
  <sheetFormatPr defaultColWidth="9.08984375" defaultRowHeight="14.5" x14ac:dyDescent="0.35"/>
  <cols>
    <col min="2" max="2" width="16.36328125" customWidth="1"/>
  </cols>
  <sheetData>
    <row r="1" spans="2:18" x14ac:dyDescent="0.35">
      <c r="B1" s="16" t="s">
        <v>217</v>
      </c>
      <c r="J1" s="2"/>
    </row>
    <row r="6" spans="2:18" x14ac:dyDescent="0.35">
      <c r="O6" s="2"/>
    </row>
    <row r="12" spans="2:18" x14ac:dyDescent="0.35">
      <c r="O12" s="2"/>
    </row>
    <row r="13" spans="2:18" ht="15" customHeight="1" x14ac:dyDescent="0.35"/>
    <row r="15" spans="2:18" x14ac:dyDescent="0.35">
      <c r="R15" s="2"/>
    </row>
    <row r="20" spans="2:19" x14ac:dyDescent="0.35">
      <c r="Q20" s="2"/>
    </row>
    <row r="25" spans="2:19" x14ac:dyDescent="0.35">
      <c r="S25" s="2"/>
    </row>
    <row r="26" spans="2:19" x14ac:dyDescent="0.35">
      <c r="O26" s="2"/>
      <c r="P26" s="2"/>
    </row>
    <row r="27" spans="2:19" x14ac:dyDescent="0.35">
      <c r="O27" s="2"/>
      <c r="P27" s="2"/>
    </row>
    <row r="28" spans="2:19" x14ac:dyDescent="0.35">
      <c r="O28" s="2"/>
      <c r="P28" s="2"/>
    </row>
    <row r="29" spans="2:19" x14ac:dyDescent="0.35">
      <c r="O29" s="2"/>
      <c r="P29" s="2"/>
    </row>
    <row r="30" spans="2:19" ht="15" thickBot="1" x14ac:dyDescent="0.4">
      <c r="O30" s="2"/>
      <c r="P30" s="2"/>
    </row>
    <row r="31" spans="2:19" x14ac:dyDescent="0.35">
      <c r="B31" s="493" t="s">
        <v>97</v>
      </c>
      <c r="C31" s="494"/>
      <c r="D31" s="494"/>
      <c r="E31" s="494"/>
      <c r="F31" s="494"/>
      <c r="G31" s="494"/>
      <c r="H31" s="494"/>
      <c r="I31" s="494"/>
      <c r="J31" s="494"/>
      <c r="K31" s="494"/>
      <c r="L31" s="494"/>
      <c r="M31" s="494"/>
      <c r="N31" s="495"/>
      <c r="O31" s="2"/>
      <c r="P31" s="2"/>
    </row>
    <row r="32" spans="2:19" ht="43.5" x14ac:dyDescent="0.35">
      <c r="B32" s="157" t="s">
        <v>25</v>
      </c>
      <c r="C32" s="152" t="s">
        <v>98</v>
      </c>
      <c r="D32" s="152" t="s">
        <v>99</v>
      </c>
      <c r="E32" s="152" t="s">
        <v>100</v>
      </c>
      <c r="F32" s="152" t="s">
        <v>101</v>
      </c>
      <c r="G32" s="152" t="s">
        <v>102</v>
      </c>
      <c r="H32" s="152" t="s">
        <v>103</v>
      </c>
      <c r="I32" s="152" t="s">
        <v>104</v>
      </c>
      <c r="J32" s="152" t="s">
        <v>105</v>
      </c>
      <c r="K32" s="152" t="s">
        <v>106</v>
      </c>
      <c r="L32" s="153" t="s">
        <v>107</v>
      </c>
      <c r="M32" s="153" t="s">
        <v>108</v>
      </c>
      <c r="N32" s="158" t="s">
        <v>109</v>
      </c>
      <c r="O32" s="2"/>
      <c r="P32" s="2"/>
    </row>
    <row r="33" spans="2:16" x14ac:dyDescent="0.35">
      <c r="B33" s="147" t="s">
        <v>32</v>
      </c>
      <c r="C33" s="36">
        <v>1838</v>
      </c>
      <c r="D33" s="36">
        <v>2679</v>
      </c>
      <c r="E33" s="36">
        <v>3653</v>
      </c>
      <c r="F33" s="36">
        <v>4502</v>
      </c>
      <c r="G33" s="36">
        <v>5098</v>
      </c>
      <c r="H33" s="164">
        <v>5293</v>
      </c>
      <c r="I33" s="164">
        <v>6988</v>
      </c>
      <c r="J33" s="164">
        <v>8181</v>
      </c>
      <c r="K33" s="164">
        <v>9888</v>
      </c>
      <c r="L33" s="418">
        <v>10383</v>
      </c>
      <c r="M33" s="162">
        <v>11256</v>
      </c>
      <c r="N33" s="163">
        <v>13928</v>
      </c>
      <c r="O33" s="2"/>
      <c r="P33" s="2"/>
    </row>
    <row r="34" spans="2:16" x14ac:dyDescent="0.35">
      <c r="B34" s="147" t="s">
        <v>7</v>
      </c>
      <c r="C34" s="36">
        <v>188</v>
      </c>
      <c r="D34" s="36">
        <v>268</v>
      </c>
      <c r="E34" s="36">
        <v>508</v>
      </c>
      <c r="F34" s="36">
        <v>1037</v>
      </c>
      <c r="G34" s="36">
        <v>3295</v>
      </c>
      <c r="H34" s="164">
        <v>4132</v>
      </c>
      <c r="I34" s="164">
        <v>5406</v>
      </c>
      <c r="J34" s="164">
        <v>6393</v>
      </c>
      <c r="K34" s="164">
        <v>7528</v>
      </c>
      <c r="L34" s="418">
        <v>7747</v>
      </c>
      <c r="M34" s="162">
        <v>7798</v>
      </c>
      <c r="N34" s="163">
        <v>8116</v>
      </c>
      <c r="O34" s="2"/>
      <c r="P34" s="2"/>
    </row>
    <row r="35" spans="2:16" x14ac:dyDescent="0.35">
      <c r="B35" s="147" t="s">
        <v>3</v>
      </c>
      <c r="C35" s="36">
        <v>263</v>
      </c>
      <c r="D35" s="36">
        <v>390</v>
      </c>
      <c r="E35" s="36">
        <v>428</v>
      </c>
      <c r="F35" s="36">
        <v>658</v>
      </c>
      <c r="G35" s="36">
        <v>1015</v>
      </c>
      <c r="H35" s="164">
        <v>1630</v>
      </c>
      <c r="I35" s="164">
        <v>2788</v>
      </c>
      <c r="J35" s="164">
        <v>4443</v>
      </c>
      <c r="K35" s="164">
        <v>7026</v>
      </c>
      <c r="L35" s="418">
        <v>11000</v>
      </c>
      <c r="M35" s="162">
        <v>25352.5</v>
      </c>
      <c r="N35" s="163">
        <v>30508.799999999999</v>
      </c>
      <c r="O35" s="2"/>
      <c r="P35" s="2"/>
    </row>
    <row r="36" spans="2:16" x14ac:dyDescent="0.35">
      <c r="B36" s="147" t="s">
        <v>4</v>
      </c>
      <c r="C36" s="36">
        <v>871</v>
      </c>
      <c r="D36" s="36">
        <v>920</v>
      </c>
      <c r="E36" s="36">
        <v>1271</v>
      </c>
      <c r="F36" s="36">
        <v>1271</v>
      </c>
      <c r="G36" s="36">
        <v>1271</v>
      </c>
      <c r="H36" s="164">
        <v>1271</v>
      </c>
      <c r="I36" s="164">
        <v>1291</v>
      </c>
      <c r="J36" s="164">
        <v>1700</v>
      </c>
      <c r="K36" s="164">
        <v>1700</v>
      </c>
      <c r="L36" s="418">
        <v>1700.8</v>
      </c>
      <c r="M36" s="162">
        <v>2305.6</v>
      </c>
      <c r="N36" s="163">
        <v>2305.6</v>
      </c>
      <c r="O36" s="2"/>
      <c r="P36" s="2"/>
    </row>
    <row r="37" spans="2:16" x14ac:dyDescent="0.35">
      <c r="B37" s="147" t="s">
        <v>14</v>
      </c>
      <c r="C37" s="36">
        <v>228</v>
      </c>
      <c r="D37" s="36">
        <v>228</v>
      </c>
      <c r="E37" s="36">
        <v>228</v>
      </c>
      <c r="F37" s="36">
        <v>228</v>
      </c>
      <c r="G37" s="36">
        <v>357</v>
      </c>
      <c r="H37" s="164">
        <v>957</v>
      </c>
      <c r="I37" s="164">
        <v>957</v>
      </c>
      <c r="J37" s="164">
        <v>957</v>
      </c>
      <c r="K37" s="164">
        <v>957</v>
      </c>
      <c r="L37" s="418">
        <v>2500</v>
      </c>
      <c r="M37" s="162">
        <v>2500</v>
      </c>
      <c r="N37" s="163">
        <v>2571</v>
      </c>
      <c r="P37" s="2"/>
    </row>
    <row r="38" spans="2:16" x14ac:dyDescent="0.35">
      <c r="B38" s="147" t="s">
        <v>1</v>
      </c>
      <c r="C38" s="36">
        <v>197</v>
      </c>
      <c r="D38" s="36">
        <v>381</v>
      </c>
      <c r="E38" s="36">
        <v>708</v>
      </c>
      <c r="F38" s="36">
        <v>712</v>
      </c>
      <c r="G38" s="36">
        <v>712</v>
      </c>
      <c r="H38" s="164">
        <v>712</v>
      </c>
      <c r="I38" s="164">
        <v>877.2</v>
      </c>
      <c r="J38" s="164">
        <v>1185.9000000000001</v>
      </c>
      <c r="K38" s="164">
        <v>1555.5</v>
      </c>
      <c r="L38" s="418">
        <v>2261.8000000000002</v>
      </c>
      <c r="M38" s="162">
        <v>2261.8000000000002</v>
      </c>
      <c r="N38" s="163">
        <v>2261.8000000000002</v>
      </c>
    </row>
    <row r="39" spans="2:16" x14ac:dyDescent="0.35">
      <c r="B39" s="147" t="s">
        <v>18</v>
      </c>
      <c r="C39" s="36">
        <v>163</v>
      </c>
      <c r="D39" s="36">
        <v>163</v>
      </c>
      <c r="E39" s="36">
        <v>211</v>
      </c>
      <c r="F39" s="36">
        <v>211</v>
      </c>
      <c r="G39" s="36">
        <v>211</v>
      </c>
      <c r="H39" s="164">
        <v>202</v>
      </c>
      <c r="I39" s="164">
        <v>203</v>
      </c>
      <c r="J39" s="164">
        <v>190</v>
      </c>
      <c r="K39" s="164">
        <v>203</v>
      </c>
      <c r="L39" s="418">
        <v>203</v>
      </c>
      <c r="M39" s="162">
        <v>193</v>
      </c>
      <c r="N39" s="163">
        <v>193</v>
      </c>
    </row>
    <row r="40" spans="2:16" x14ac:dyDescent="0.35">
      <c r="B40" s="147" t="s">
        <v>11</v>
      </c>
      <c r="C40" s="36">
        <v>25</v>
      </c>
      <c r="D40" s="36">
        <v>25</v>
      </c>
      <c r="E40" s="36">
        <v>50</v>
      </c>
      <c r="F40" s="36">
        <v>50</v>
      </c>
      <c r="G40" s="36">
        <v>53</v>
      </c>
      <c r="H40" s="164">
        <v>60</v>
      </c>
      <c r="I40" s="164">
        <v>64.599999999999994</v>
      </c>
      <c r="J40" s="164">
        <v>61.6</v>
      </c>
      <c r="K40" s="164">
        <v>61.6</v>
      </c>
      <c r="L40" s="418">
        <v>58.6</v>
      </c>
      <c r="M40" s="162">
        <v>51.6</v>
      </c>
      <c r="N40" s="163">
        <v>135</v>
      </c>
    </row>
    <row r="41" spans="2:16" x14ac:dyDescent="0.35">
      <c r="B41" s="147" t="s">
        <v>33</v>
      </c>
      <c r="C41" s="36">
        <v>0</v>
      </c>
      <c r="D41" s="36">
        <v>0</v>
      </c>
      <c r="E41" s="36">
        <v>0</v>
      </c>
      <c r="F41" s="36">
        <v>0</v>
      </c>
      <c r="G41" s="36">
        <v>0</v>
      </c>
      <c r="H41" s="164">
        <v>30</v>
      </c>
      <c r="I41" s="164">
        <v>30</v>
      </c>
      <c r="J41" s="164">
        <v>30</v>
      </c>
      <c r="K41" s="164">
        <v>30</v>
      </c>
      <c r="L41" s="418">
        <v>42</v>
      </c>
      <c r="M41" s="162">
        <v>42</v>
      </c>
      <c r="N41" s="163">
        <v>42</v>
      </c>
    </row>
    <row r="42" spans="2:16" x14ac:dyDescent="0.35">
      <c r="B42" s="147" t="s">
        <v>9</v>
      </c>
      <c r="C42" s="36">
        <v>25</v>
      </c>
      <c r="D42" s="36">
        <v>25</v>
      </c>
      <c r="E42" s="36">
        <v>25</v>
      </c>
      <c r="F42" s="36">
        <v>25</v>
      </c>
      <c r="G42" s="36">
        <v>25</v>
      </c>
      <c r="H42" s="164">
        <v>25</v>
      </c>
      <c r="I42" s="164">
        <v>25.2</v>
      </c>
      <c r="J42" s="164">
        <v>25.2</v>
      </c>
      <c r="K42" s="164">
        <v>25.2</v>
      </c>
      <c r="L42" s="418">
        <v>25.2</v>
      </c>
      <c r="M42" s="162">
        <v>25.2</v>
      </c>
      <c r="N42" s="163">
        <v>25.2</v>
      </c>
    </row>
    <row r="43" spans="2:16" x14ac:dyDescent="0.35">
      <c r="B43" s="147" t="s">
        <v>5</v>
      </c>
      <c r="C43" s="36">
        <v>26</v>
      </c>
      <c r="D43" s="36">
        <v>26</v>
      </c>
      <c r="E43" s="36">
        <v>26</v>
      </c>
      <c r="F43" s="36">
        <v>27</v>
      </c>
      <c r="G43" s="36">
        <v>27</v>
      </c>
      <c r="H43" s="36">
        <v>14</v>
      </c>
      <c r="I43" s="36">
        <v>72.7</v>
      </c>
      <c r="J43" s="36">
        <v>72.7</v>
      </c>
      <c r="K43" s="36">
        <v>72.7</v>
      </c>
      <c r="L43" s="162">
        <v>72.7</v>
      </c>
      <c r="M43" s="162">
        <v>72.7</v>
      </c>
      <c r="N43" s="163">
        <v>72.7</v>
      </c>
    </row>
    <row r="44" spans="2:16" x14ac:dyDescent="0.35">
      <c r="B44" s="147" t="s">
        <v>17</v>
      </c>
      <c r="C44" s="36">
        <v>0</v>
      </c>
      <c r="D44" s="36">
        <v>0</v>
      </c>
      <c r="E44" s="36">
        <v>0</v>
      </c>
      <c r="F44" s="36">
        <v>5</v>
      </c>
      <c r="G44" s="36">
        <v>5</v>
      </c>
      <c r="H44" s="36">
        <v>5</v>
      </c>
      <c r="I44" s="36">
        <v>5</v>
      </c>
      <c r="J44" s="36">
        <v>10</v>
      </c>
      <c r="K44" s="36">
        <v>5</v>
      </c>
      <c r="L44" s="162">
        <v>5</v>
      </c>
      <c r="M44" s="162">
        <v>5</v>
      </c>
      <c r="N44" s="163">
        <v>5</v>
      </c>
    </row>
    <row r="45" spans="2:16" x14ac:dyDescent="0.35">
      <c r="B45" s="147" t="s">
        <v>12</v>
      </c>
      <c r="C45" s="36">
        <v>0</v>
      </c>
      <c r="D45" s="36">
        <v>2</v>
      </c>
      <c r="E45" s="36">
        <v>2</v>
      </c>
      <c r="F45" s="36">
        <v>5</v>
      </c>
      <c r="G45" s="36">
        <v>5</v>
      </c>
      <c r="H45" s="36">
        <v>5</v>
      </c>
      <c r="I45" s="36">
        <v>38</v>
      </c>
      <c r="J45" s="36">
        <v>72</v>
      </c>
      <c r="K45" s="36">
        <v>72</v>
      </c>
      <c r="L45" s="162">
        <v>142</v>
      </c>
      <c r="M45" s="162">
        <v>142</v>
      </c>
      <c r="N45" s="163">
        <v>146.30000000000001</v>
      </c>
    </row>
    <row r="46" spans="2:16" x14ac:dyDescent="0.35">
      <c r="B46" s="147" t="s">
        <v>15</v>
      </c>
      <c r="C46" s="36">
        <v>2</v>
      </c>
      <c r="D46" s="36">
        <v>2</v>
      </c>
      <c r="E46" s="36">
        <v>2</v>
      </c>
      <c r="F46" s="36">
        <v>2</v>
      </c>
      <c r="G46" s="36">
        <v>2</v>
      </c>
      <c r="H46" s="36">
        <v>2</v>
      </c>
      <c r="I46" s="36">
        <v>3</v>
      </c>
      <c r="J46" s="36">
        <v>2.2999999999999998</v>
      </c>
      <c r="K46" s="36">
        <v>2.2999999999999998</v>
      </c>
      <c r="L46" s="162">
        <v>2.2999999999999998</v>
      </c>
      <c r="M46" s="162">
        <v>5.9</v>
      </c>
      <c r="N46" s="163">
        <v>5.9</v>
      </c>
    </row>
    <row r="47" spans="2:16" x14ac:dyDescent="0.35">
      <c r="B47" s="147" t="s">
        <v>16</v>
      </c>
      <c r="C47" s="36">
        <v>2</v>
      </c>
      <c r="D47" s="36">
        <v>2</v>
      </c>
      <c r="E47" s="36">
        <v>2</v>
      </c>
      <c r="F47" s="36">
        <v>2</v>
      </c>
      <c r="G47" s="36">
        <v>2</v>
      </c>
      <c r="H47" s="36">
        <v>0</v>
      </c>
      <c r="I47" s="36">
        <v>0</v>
      </c>
      <c r="J47" s="36">
        <v>0</v>
      </c>
      <c r="K47" s="36">
        <v>0</v>
      </c>
      <c r="L47" s="162">
        <v>25.2</v>
      </c>
      <c r="M47" s="162">
        <v>25.2</v>
      </c>
      <c r="N47" s="163">
        <v>25.2</v>
      </c>
    </row>
    <row r="48" spans="2:16" x14ac:dyDescent="0.35">
      <c r="B48" s="149" t="s">
        <v>61</v>
      </c>
      <c r="C48" s="145">
        <f t="shared" ref="C48:N48" si="0">SUM(C33:C47)</f>
        <v>3828</v>
      </c>
      <c r="D48" s="145">
        <f t="shared" si="0"/>
        <v>5111</v>
      </c>
      <c r="E48" s="145">
        <f t="shared" si="0"/>
        <v>7114</v>
      </c>
      <c r="F48" s="145">
        <f t="shared" si="0"/>
        <v>8735</v>
      </c>
      <c r="G48" s="145">
        <f t="shared" si="0"/>
        <v>12078</v>
      </c>
      <c r="H48" s="145">
        <f t="shared" si="0"/>
        <v>14338</v>
      </c>
      <c r="I48" s="145">
        <f t="shared" si="0"/>
        <v>18748.7</v>
      </c>
      <c r="J48" s="145">
        <f t="shared" si="0"/>
        <v>23323.7</v>
      </c>
      <c r="K48" s="145">
        <f t="shared" si="0"/>
        <v>29126.3</v>
      </c>
      <c r="L48" s="159">
        <f t="shared" si="0"/>
        <v>36168.6</v>
      </c>
      <c r="M48" s="159">
        <f t="shared" si="0"/>
        <v>52036.499999999993</v>
      </c>
      <c r="N48" s="160">
        <f t="shared" si="0"/>
        <v>60341.5</v>
      </c>
    </row>
    <row r="49" spans="2:14" ht="15" thickBot="1" x14ac:dyDescent="0.4">
      <c r="B49" s="150" t="s">
        <v>218</v>
      </c>
      <c r="C49" s="353">
        <f t="shared" ref="C49:N49" si="1">SUM(C39:C47)</f>
        <v>243</v>
      </c>
      <c r="D49" s="353">
        <f t="shared" si="1"/>
        <v>245</v>
      </c>
      <c r="E49" s="353">
        <f t="shared" si="1"/>
        <v>318</v>
      </c>
      <c r="F49" s="353">
        <f t="shared" si="1"/>
        <v>327</v>
      </c>
      <c r="G49" s="353">
        <f t="shared" si="1"/>
        <v>330</v>
      </c>
      <c r="H49" s="353">
        <f t="shared" si="1"/>
        <v>343</v>
      </c>
      <c r="I49" s="353">
        <f t="shared" si="1"/>
        <v>441.5</v>
      </c>
      <c r="J49" s="353">
        <f t="shared" si="1"/>
        <v>463.8</v>
      </c>
      <c r="K49" s="353">
        <f t="shared" si="1"/>
        <v>471.8</v>
      </c>
      <c r="L49" s="353">
        <f t="shared" si="1"/>
        <v>576</v>
      </c>
      <c r="M49" s="353">
        <f t="shared" si="1"/>
        <v>562.6</v>
      </c>
      <c r="N49" s="413">
        <f t="shared" si="1"/>
        <v>650.30000000000007</v>
      </c>
    </row>
    <row r="51" spans="2:14" ht="15" thickBot="1" x14ac:dyDescent="0.4"/>
    <row r="52" spans="2:14" ht="15" thickBot="1" x14ac:dyDescent="0.4">
      <c r="B52" s="493" t="s">
        <v>123</v>
      </c>
      <c r="C52" s="494"/>
      <c r="D52" s="494"/>
      <c r="E52" s="494"/>
      <c r="F52" s="494"/>
      <c r="G52" s="494"/>
      <c r="H52" s="494"/>
      <c r="I52" s="494"/>
      <c r="J52" s="494"/>
      <c r="K52" s="494"/>
      <c r="L52" s="494"/>
      <c r="M52" s="494"/>
      <c r="N52" s="495"/>
    </row>
    <row r="53" spans="2:14" ht="43.5" x14ac:dyDescent="0.35">
      <c r="B53" s="146" t="s">
        <v>25</v>
      </c>
      <c r="C53" s="154" t="s">
        <v>110</v>
      </c>
      <c r="D53" s="154" t="s">
        <v>111</v>
      </c>
      <c r="E53" s="154" t="s">
        <v>112</v>
      </c>
      <c r="F53" s="154" t="s">
        <v>113</v>
      </c>
      <c r="G53" s="154" t="s">
        <v>114</v>
      </c>
      <c r="H53" s="154" t="s">
        <v>115</v>
      </c>
      <c r="I53" s="154" t="s">
        <v>116</v>
      </c>
      <c r="J53" s="154" t="s">
        <v>117</v>
      </c>
      <c r="K53" s="154" t="s">
        <v>118</v>
      </c>
      <c r="L53" s="155" t="s">
        <v>119</v>
      </c>
      <c r="M53" s="155" t="s">
        <v>120</v>
      </c>
      <c r="N53" s="156" t="s">
        <v>121</v>
      </c>
    </row>
    <row r="54" spans="2:14" x14ac:dyDescent="0.35">
      <c r="B54" s="147" t="s">
        <v>32</v>
      </c>
      <c r="C54" s="164">
        <f t="shared" ref="C54:N54" si="2">C33/1000</f>
        <v>1.8380000000000001</v>
      </c>
      <c r="D54" s="164">
        <f t="shared" si="2"/>
        <v>2.6789999999999998</v>
      </c>
      <c r="E54" s="164">
        <f t="shared" si="2"/>
        <v>3.653</v>
      </c>
      <c r="F54" s="164">
        <f t="shared" si="2"/>
        <v>4.5019999999999998</v>
      </c>
      <c r="G54" s="164">
        <f t="shared" si="2"/>
        <v>5.0979999999999999</v>
      </c>
      <c r="H54" s="164">
        <f t="shared" si="2"/>
        <v>5.2930000000000001</v>
      </c>
      <c r="I54" s="164">
        <f t="shared" si="2"/>
        <v>6.9880000000000004</v>
      </c>
      <c r="J54" s="164">
        <f t="shared" si="2"/>
        <v>8.1809999999999992</v>
      </c>
      <c r="K54" s="165">
        <f t="shared" si="2"/>
        <v>9.8879999999999999</v>
      </c>
      <c r="L54" s="165">
        <f t="shared" si="2"/>
        <v>10.382999999999999</v>
      </c>
      <c r="M54" s="165">
        <f t="shared" si="2"/>
        <v>11.256</v>
      </c>
      <c r="N54" s="166">
        <f t="shared" si="2"/>
        <v>13.928000000000001</v>
      </c>
    </row>
    <row r="55" spans="2:14" x14ac:dyDescent="0.35">
      <c r="B55" s="147" t="s">
        <v>7</v>
      </c>
      <c r="C55" s="164">
        <f t="shared" ref="C55:N55" si="3">C34/1000</f>
        <v>0.188</v>
      </c>
      <c r="D55" s="164">
        <f t="shared" si="3"/>
        <v>0.26800000000000002</v>
      </c>
      <c r="E55" s="164">
        <f t="shared" si="3"/>
        <v>0.50800000000000001</v>
      </c>
      <c r="F55" s="164">
        <f t="shared" si="3"/>
        <v>1.0369999999999999</v>
      </c>
      <c r="G55" s="164">
        <f t="shared" si="3"/>
        <v>3.2949999999999999</v>
      </c>
      <c r="H55" s="164">
        <f t="shared" si="3"/>
        <v>4.1319999999999997</v>
      </c>
      <c r="I55" s="164">
        <f t="shared" si="3"/>
        <v>5.4059999999999997</v>
      </c>
      <c r="J55" s="164">
        <f t="shared" si="3"/>
        <v>6.3929999999999998</v>
      </c>
      <c r="K55" s="165">
        <f t="shared" si="3"/>
        <v>7.5279999999999996</v>
      </c>
      <c r="L55" s="165">
        <f t="shared" si="3"/>
        <v>7.7469999999999999</v>
      </c>
      <c r="M55" s="165">
        <f t="shared" si="3"/>
        <v>7.798</v>
      </c>
      <c r="N55" s="166">
        <f t="shared" si="3"/>
        <v>8.1159999999999997</v>
      </c>
    </row>
    <row r="56" spans="2:14" x14ac:dyDescent="0.35">
      <c r="B56" s="147" t="s">
        <v>3</v>
      </c>
      <c r="C56" s="164">
        <f t="shared" ref="C56:N56" si="4">C35/1000</f>
        <v>0.26300000000000001</v>
      </c>
      <c r="D56" s="164">
        <f t="shared" si="4"/>
        <v>0.39</v>
      </c>
      <c r="E56" s="164">
        <f t="shared" si="4"/>
        <v>0.42799999999999999</v>
      </c>
      <c r="F56" s="164">
        <f t="shared" si="4"/>
        <v>0.65800000000000003</v>
      </c>
      <c r="G56" s="164">
        <f t="shared" si="4"/>
        <v>1.0149999999999999</v>
      </c>
      <c r="H56" s="164">
        <f t="shared" si="4"/>
        <v>1.63</v>
      </c>
      <c r="I56" s="164">
        <f t="shared" si="4"/>
        <v>2.7879999999999998</v>
      </c>
      <c r="J56" s="164">
        <f t="shared" si="4"/>
        <v>4.4429999999999996</v>
      </c>
      <c r="K56" s="165">
        <f t="shared" si="4"/>
        <v>7.0259999999999998</v>
      </c>
      <c r="L56" s="165">
        <f t="shared" si="4"/>
        <v>11</v>
      </c>
      <c r="M56" s="165">
        <f t="shared" si="4"/>
        <v>25.352499999999999</v>
      </c>
      <c r="N56" s="166">
        <f t="shared" si="4"/>
        <v>30.508800000000001</v>
      </c>
    </row>
    <row r="57" spans="2:14" x14ac:dyDescent="0.35">
      <c r="B57" s="147" t="s">
        <v>4</v>
      </c>
      <c r="C57" s="164">
        <f t="shared" ref="C57:N57" si="5">C36/1000</f>
        <v>0.871</v>
      </c>
      <c r="D57" s="164">
        <f t="shared" si="5"/>
        <v>0.92</v>
      </c>
      <c r="E57" s="164">
        <f t="shared" si="5"/>
        <v>1.2709999999999999</v>
      </c>
      <c r="F57" s="164">
        <f t="shared" si="5"/>
        <v>1.2709999999999999</v>
      </c>
      <c r="G57" s="164">
        <f t="shared" si="5"/>
        <v>1.2709999999999999</v>
      </c>
      <c r="H57" s="164">
        <f t="shared" si="5"/>
        <v>1.2709999999999999</v>
      </c>
      <c r="I57" s="164">
        <f t="shared" si="5"/>
        <v>1.2909999999999999</v>
      </c>
      <c r="J57" s="164">
        <f t="shared" si="5"/>
        <v>1.7</v>
      </c>
      <c r="K57" s="165">
        <f t="shared" si="5"/>
        <v>1.7</v>
      </c>
      <c r="L57" s="165">
        <f t="shared" si="5"/>
        <v>1.7007999999999999</v>
      </c>
      <c r="M57" s="165">
        <f t="shared" si="5"/>
        <v>2.3056000000000001</v>
      </c>
      <c r="N57" s="166">
        <f t="shared" si="5"/>
        <v>2.3056000000000001</v>
      </c>
    </row>
    <row r="58" spans="2:14" x14ac:dyDescent="0.35">
      <c r="B58" s="147" t="s">
        <v>14</v>
      </c>
      <c r="C58" s="164">
        <f t="shared" ref="C58:N58" si="6">C37/1000</f>
        <v>0.22800000000000001</v>
      </c>
      <c r="D58" s="164">
        <f t="shared" si="6"/>
        <v>0.22800000000000001</v>
      </c>
      <c r="E58" s="164">
        <f t="shared" si="6"/>
        <v>0.22800000000000001</v>
      </c>
      <c r="F58" s="164">
        <f t="shared" si="6"/>
        <v>0.22800000000000001</v>
      </c>
      <c r="G58" s="164">
        <f t="shared" si="6"/>
        <v>0.35699999999999998</v>
      </c>
      <c r="H58" s="164">
        <f t="shared" si="6"/>
        <v>0.95699999999999996</v>
      </c>
      <c r="I58" s="164">
        <f t="shared" si="6"/>
        <v>0.95699999999999996</v>
      </c>
      <c r="J58" s="164">
        <f t="shared" si="6"/>
        <v>0.95699999999999996</v>
      </c>
      <c r="K58" s="165">
        <f t="shared" si="6"/>
        <v>0.95699999999999996</v>
      </c>
      <c r="L58" s="165">
        <f t="shared" si="6"/>
        <v>2.5</v>
      </c>
      <c r="M58" s="165">
        <f t="shared" si="6"/>
        <v>2.5</v>
      </c>
      <c r="N58" s="166">
        <f t="shared" si="6"/>
        <v>2.5710000000000002</v>
      </c>
    </row>
    <row r="59" spans="2:14" x14ac:dyDescent="0.35">
      <c r="B59" s="147" t="s">
        <v>1</v>
      </c>
      <c r="C59" s="164">
        <f t="shared" ref="C59:N59" si="7">C38/1000</f>
        <v>0.19700000000000001</v>
      </c>
      <c r="D59" s="164">
        <f t="shared" si="7"/>
        <v>0.38100000000000001</v>
      </c>
      <c r="E59" s="164">
        <f t="shared" si="7"/>
        <v>0.70799999999999996</v>
      </c>
      <c r="F59" s="164">
        <f t="shared" si="7"/>
        <v>0.71199999999999997</v>
      </c>
      <c r="G59" s="164">
        <f t="shared" si="7"/>
        <v>0.71199999999999997</v>
      </c>
      <c r="H59" s="164">
        <f t="shared" si="7"/>
        <v>0.71199999999999997</v>
      </c>
      <c r="I59" s="164">
        <f t="shared" si="7"/>
        <v>0.87720000000000009</v>
      </c>
      <c r="J59" s="164">
        <f t="shared" si="7"/>
        <v>1.1859000000000002</v>
      </c>
      <c r="K59" s="165">
        <f t="shared" si="7"/>
        <v>1.5555000000000001</v>
      </c>
      <c r="L59" s="165">
        <f t="shared" si="7"/>
        <v>2.2618</v>
      </c>
      <c r="M59" s="165">
        <f t="shared" si="7"/>
        <v>2.2618</v>
      </c>
      <c r="N59" s="166">
        <f t="shared" si="7"/>
        <v>2.2618</v>
      </c>
    </row>
    <row r="60" spans="2:14" x14ac:dyDescent="0.35">
      <c r="B60" s="147" t="s">
        <v>18</v>
      </c>
      <c r="C60" s="164">
        <f t="shared" ref="C60:N60" si="8">C39/1000</f>
        <v>0.16300000000000001</v>
      </c>
      <c r="D60" s="164">
        <f t="shared" si="8"/>
        <v>0.16300000000000001</v>
      </c>
      <c r="E60" s="164">
        <f t="shared" si="8"/>
        <v>0.21099999999999999</v>
      </c>
      <c r="F60" s="164">
        <f t="shared" si="8"/>
        <v>0.21099999999999999</v>
      </c>
      <c r="G60" s="164">
        <f t="shared" si="8"/>
        <v>0.21099999999999999</v>
      </c>
      <c r="H60" s="164">
        <f t="shared" si="8"/>
        <v>0.20200000000000001</v>
      </c>
      <c r="I60" s="164">
        <f t="shared" si="8"/>
        <v>0.20300000000000001</v>
      </c>
      <c r="J60" s="164">
        <f t="shared" si="8"/>
        <v>0.19</v>
      </c>
      <c r="K60" s="165">
        <f t="shared" si="8"/>
        <v>0.20300000000000001</v>
      </c>
      <c r="L60" s="165">
        <f t="shared" si="8"/>
        <v>0.20300000000000001</v>
      </c>
      <c r="M60" s="165">
        <f t="shared" si="8"/>
        <v>0.193</v>
      </c>
      <c r="N60" s="166">
        <f t="shared" si="8"/>
        <v>0.193</v>
      </c>
    </row>
    <row r="61" spans="2:14" x14ac:dyDescent="0.35">
      <c r="B61" s="147" t="s">
        <v>11</v>
      </c>
      <c r="C61" s="164">
        <f t="shared" ref="C61:N61" si="9">C40/1000</f>
        <v>2.5000000000000001E-2</v>
      </c>
      <c r="D61" s="164">
        <f t="shared" si="9"/>
        <v>2.5000000000000001E-2</v>
      </c>
      <c r="E61" s="164">
        <f t="shared" si="9"/>
        <v>0.05</v>
      </c>
      <c r="F61" s="164">
        <f t="shared" si="9"/>
        <v>0.05</v>
      </c>
      <c r="G61" s="164">
        <f t="shared" si="9"/>
        <v>5.2999999999999999E-2</v>
      </c>
      <c r="H61" s="164">
        <f t="shared" si="9"/>
        <v>0.06</v>
      </c>
      <c r="I61" s="164">
        <f t="shared" si="9"/>
        <v>6.4599999999999991E-2</v>
      </c>
      <c r="J61" s="164">
        <f t="shared" si="9"/>
        <v>6.1600000000000002E-2</v>
      </c>
      <c r="K61" s="165">
        <f t="shared" si="9"/>
        <v>6.1600000000000002E-2</v>
      </c>
      <c r="L61" s="165">
        <f t="shared" si="9"/>
        <v>5.8599999999999999E-2</v>
      </c>
      <c r="M61" s="165">
        <f t="shared" si="9"/>
        <v>5.16E-2</v>
      </c>
      <c r="N61" s="166">
        <f t="shared" si="9"/>
        <v>0.13500000000000001</v>
      </c>
    </row>
    <row r="62" spans="2:14" x14ac:dyDescent="0.35">
      <c r="B62" s="147" t="s">
        <v>33</v>
      </c>
      <c r="C62" s="164">
        <f t="shared" ref="C62:N62" si="10">C41/1000</f>
        <v>0</v>
      </c>
      <c r="D62" s="164">
        <f t="shared" si="10"/>
        <v>0</v>
      </c>
      <c r="E62" s="164">
        <f t="shared" si="10"/>
        <v>0</v>
      </c>
      <c r="F62" s="164">
        <f t="shared" si="10"/>
        <v>0</v>
      </c>
      <c r="G62" s="164">
        <f t="shared" si="10"/>
        <v>0</v>
      </c>
      <c r="H62" s="164">
        <f t="shared" si="10"/>
        <v>0.03</v>
      </c>
      <c r="I62" s="164">
        <f t="shared" si="10"/>
        <v>0.03</v>
      </c>
      <c r="J62" s="164">
        <f t="shared" si="10"/>
        <v>0.03</v>
      </c>
      <c r="K62" s="165">
        <f t="shared" si="10"/>
        <v>0.03</v>
      </c>
      <c r="L62" s="165">
        <f t="shared" si="10"/>
        <v>4.2000000000000003E-2</v>
      </c>
      <c r="M62" s="165">
        <f t="shared" si="10"/>
        <v>4.2000000000000003E-2</v>
      </c>
      <c r="N62" s="166">
        <f t="shared" si="10"/>
        <v>4.2000000000000003E-2</v>
      </c>
    </row>
    <row r="63" spans="2:14" x14ac:dyDescent="0.35">
      <c r="B63" s="147" t="s">
        <v>9</v>
      </c>
      <c r="C63" s="164">
        <f t="shared" ref="C63:N63" si="11">C42/1000</f>
        <v>2.5000000000000001E-2</v>
      </c>
      <c r="D63" s="164">
        <f t="shared" si="11"/>
        <v>2.5000000000000001E-2</v>
      </c>
      <c r="E63" s="164">
        <f t="shared" si="11"/>
        <v>2.5000000000000001E-2</v>
      </c>
      <c r="F63" s="164">
        <f t="shared" si="11"/>
        <v>2.5000000000000001E-2</v>
      </c>
      <c r="G63" s="164">
        <f t="shared" si="11"/>
        <v>2.5000000000000001E-2</v>
      </c>
      <c r="H63" s="164">
        <f t="shared" si="11"/>
        <v>2.5000000000000001E-2</v>
      </c>
      <c r="I63" s="164">
        <f t="shared" si="11"/>
        <v>2.52E-2</v>
      </c>
      <c r="J63" s="164">
        <f t="shared" si="11"/>
        <v>2.52E-2</v>
      </c>
      <c r="K63" s="165">
        <f t="shared" si="11"/>
        <v>2.52E-2</v>
      </c>
      <c r="L63" s="165">
        <f t="shared" si="11"/>
        <v>2.52E-2</v>
      </c>
      <c r="M63" s="165">
        <f t="shared" si="11"/>
        <v>2.52E-2</v>
      </c>
      <c r="N63" s="166">
        <f t="shared" si="11"/>
        <v>2.52E-2</v>
      </c>
    </row>
    <row r="64" spans="2:14" x14ac:dyDescent="0.35">
      <c r="B64" s="147" t="s">
        <v>5</v>
      </c>
      <c r="C64" s="164">
        <f t="shared" ref="C64:N64" si="12">C43/1000</f>
        <v>2.5999999999999999E-2</v>
      </c>
      <c r="D64" s="164">
        <f t="shared" si="12"/>
        <v>2.5999999999999999E-2</v>
      </c>
      <c r="E64" s="164">
        <f t="shared" si="12"/>
        <v>2.5999999999999999E-2</v>
      </c>
      <c r="F64" s="164">
        <f t="shared" si="12"/>
        <v>2.7E-2</v>
      </c>
      <c r="G64" s="164">
        <f t="shared" si="12"/>
        <v>2.7E-2</v>
      </c>
      <c r="H64" s="164">
        <f t="shared" si="12"/>
        <v>1.4E-2</v>
      </c>
      <c r="I64" s="164">
        <f t="shared" si="12"/>
        <v>7.2700000000000001E-2</v>
      </c>
      <c r="J64" s="164">
        <f t="shared" si="12"/>
        <v>7.2700000000000001E-2</v>
      </c>
      <c r="K64" s="165">
        <f t="shared" si="12"/>
        <v>7.2700000000000001E-2</v>
      </c>
      <c r="L64" s="165">
        <f t="shared" si="12"/>
        <v>7.2700000000000001E-2</v>
      </c>
      <c r="M64" s="165">
        <f t="shared" si="12"/>
        <v>7.2700000000000001E-2</v>
      </c>
      <c r="N64" s="166">
        <f t="shared" si="12"/>
        <v>7.2700000000000001E-2</v>
      </c>
    </row>
    <row r="65" spans="2:14" x14ac:dyDescent="0.35">
      <c r="B65" s="147" t="s">
        <v>17</v>
      </c>
      <c r="C65" s="164">
        <f t="shared" ref="C65:N65" si="13">C44/1000</f>
        <v>0</v>
      </c>
      <c r="D65" s="164">
        <f t="shared" si="13"/>
        <v>0</v>
      </c>
      <c r="E65" s="164">
        <f t="shared" si="13"/>
        <v>0</v>
      </c>
      <c r="F65" s="164">
        <f t="shared" si="13"/>
        <v>5.0000000000000001E-3</v>
      </c>
      <c r="G65" s="164">
        <f t="shared" si="13"/>
        <v>5.0000000000000001E-3</v>
      </c>
      <c r="H65" s="164">
        <f t="shared" si="13"/>
        <v>5.0000000000000001E-3</v>
      </c>
      <c r="I65" s="164">
        <f t="shared" si="13"/>
        <v>5.0000000000000001E-3</v>
      </c>
      <c r="J65" s="164">
        <f t="shared" si="13"/>
        <v>0.01</v>
      </c>
      <c r="K65" s="165">
        <f t="shared" si="13"/>
        <v>5.0000000000000001E-3</v>
      </c>
      <c r="L65" s="165">
        <f t="shared" si="13"/>
        <v>5.0000000000000001E-3</v>
      </c>
      <c r="M65" s="165">
        <f t="shared" si="13"/>
        <v>5.0000000000000001E-3</v>
      </c>
      <c r="N65" s="166">
        <f t="shared" si="13"/>
        <v>5.0000000000000001E-3</v>
      </c>
    </row>
    <row r="66" spans="2:14" x14ac:dyDescent="0.35">
      <c r="B66" s="147" t="s">
        <v>12</v>
      </c>
      <c r="C66" s="164">
        <f t="shared" ref="C66:N66" si="14">C45/1000</f>
        <v>0</v>
      </c>
      <c r="D66" s="164">
        <f t="shared" si="14"/>
        <v>2E-3</v>
      </c>
      <c r="E66" s="164">
        <f t="shared" si="14"/>
        <v>2E-3</v>
      </c>
      <c r="F66" s="164">
        <f t="shared" si="14"/>
        <v>5.0000000000000001E-3</v>
      </c>
      <c r="G66" s="164">
        <f t="shared" si="14"/>
        <v>5.0000000000000001E-3</v>
      </c>
      <c r="H66" s="164">
        <f t="shared" si="14"/>
        <v>5.0000000000000001E-3</v>
      </c>
      <c r="I66" s="164">
        <f t="shared" si="14"/>
        <v>3.7999999999999999E-2</v>
      </c>
      <c r="J66" s="164">
        <f t="shared" si="14"/>
        <v>7.1999999999999995E-2</v>
      </c>
      <c r="K66" s="165">
        <f t="shared" si="14"/>
        <v>7.1999999999999995E-2</v>
      </c>
      <c r="L66" s="165">
        <f t="shared" si="14"/>
        <v>0.14199999999999999</v>
      </c>
      <c r="M66" s="165">
        <f t="shared" si="14"/>
        <v>0.14199999999999999</v>
      </c>
      <c r="N66" s="166">
        <f t="shared" si="14"/>
        <v>0.14630000000000001</v>
      </c>
    </row>
    <row r="67" spans="2:14" x14ac:dyDescent="0.35">
      <c r="B67" s="147" t="s">
        <v>15</v>
      </c>
      <c r="C67" s="164">
        <f t="shared" ref="C67:N67" si="15">C46/1000</f>
        <v>2E-3</v>
      </c>
      <c r="D67" s="164">
        <f t="shared" si="15"/>
        <v>2E-3</v>
      </c>
      <c r="E67" s="164">
        <f t="shared" si="15"/>
        <v>2E-3</v>
      </c>
      <c r="F67" s="164">
        <f t="shared" si="15"/>
        <v>2E-3</v>
      </c>
      <c r="G67" s="164">
        <f t="shared" si="15"/>
        <v>2E-3</v>
      </c>
      <c r="H67" s="164">
        <f t="shared" si="15"/>
        <v>2E-3</v>
      </c>
      <c r="I67" s="164">
        <f t="shared" si="15"/>
        <v>3.0000000000000001E-3</v>
      </c>
      <c r="J67" s="164">
        <f t="shared" si="15"/>
        <v>2.3E-3</v>
      </c>
      <c r="K67" s="165">
        <f t="shared" si="15"/>
        <v>2.3E-3</v>
      </c>
      <c r="L67" s="165">
        <f t="shared" si="15"/>
        <v>2.3E-3</v>
      </c>
      <c r="M67" s="165">
        <f t="shared" si="15"/>
        <v>5.9000000000000007E-3</v>
      </c>
      <c r="N67" s="166">
        <f t="shared" si="15"/>
        <v>5.9000000000000007E-3</v>
      </c>
    </row>
    <row r="68" spans="2:14" x14ac:dyDescent="0.35">
      <c r="B68" s="148" t="s">
        <v>16</v>
      </c>
      <c r="C68" s="164">
        <f t="shared" ref="C68:N68" si="16">C47/1000</f>
        <v>2E-3</v>
      </c>
      <c r="D68" s="164">
        <f t="shared" si="16"/>
        <v>2E-3</v>
      </c>
      <c r="E68" s="164">
        <f t="shared" si="16"/>
        <v>2E-3</v>
      </c>
      <c r="F68" s="164">
        <f t="shared" si="16"/>
        <v>2E-3</v>
      </c>
      <c r="G68" s="164">
        <f t="shared" si="16"/>
        <v>2E-3</v>
      </c>
      <c r="H68" s="164">
        <f t="shared" si="16"/>
        <v>0</v>
      </c>
      <c r="I68" s="164">
        <f t="shared" si="16"/>
        <v>0</v>
      </c>
      <c r="J68" s="164">
        <f t="shared" si="16"/>
        <v>0</v>
      </c>
      <c r="K68" s="165">
        <f t="shared" si="16"/>
        <v>0</v>
      </c>
      <c r="L68" s="165">
        <f t="shared" si="16"/>
        <v>2.52E-2</v>
      </c>
      <c r="M68" s="165">
        <f t="shared" si="16"/>
        <v>2.52E-2</v>
      </c>
      <c r="N68" s="166">
        <f t="shared" si="16"/>
        <v>2.52E-2</v>
      </c>
    </row>
    <row r="69" spans="2:14" x14ac:dyDescent="0.35">
      <c r="B69" s="149" t="s">
        <v>61</v>
      </c>
      <c r="C69" s="145">
        <f t="shared" ref="C69:N69" si="17">C48/1000</f>
        <v>3.8279999999999998</v>
      </c>
      <c r="D69" s="145">
        <f t="shared" si="17"/>
        <v>5.1109999999999998</v>
      </c>
      <c r="E69" s="145">
        <f t="shared" si="17"/>
        <v>7.1139999999999999</v>
      </c>
      <c r="F69" s="145">
        <f t="shared" si="17"/>
        <v>8.7349999999999994</v>
      </c>
      <c r="G69" s="145">
        <f t="shared" si="17"/>
        <v>12.077999999999999</v>
      </c>
      <c r="H69" s="145">
        <f t="shared" si="17"/>
        <v>14.337999999999999</v>
      </c>
      <c r="I69" s="145">
        <f t="shared" si="17"/>
        <v>18.748699999999999</v>
      </c>
      <c r="J69" s="145">
        <f t="shared" si="17"/>
        <v>23.323700000000002</v>
      </c>
      <c r="K69" s="145">
        <f t="shared" si="17"/>
        <v>29.126300000000001</v>
      </c>
      <c r="L69" s="145">
        <f t="shared" si="17"/>
        <v>36.168599999999998</v>
      </c>
      <c r="M69" s="145">
        <f t="shared" si="17"/>
        <v>52.03649999999999</v>
      </c>
      <c r="N69" s="161">
        <f t="shared" si="17"/>
        <v>60.341500000000003</v>
      </c>
    </row>
    <row r="70" spans="2:14" ht="15" thickBot="1" x14ac:dyDescent="0.4">
      <c r="B70" s="150" t="s">
        <v>218</v>
      </c>
      <c r="C70" s="414">
        <f t="shared" ref="C70:N70" si="18">C49/1000</f>
        <v>0.24299999999999999</v>
      </c>
      <c r="D70" s="414">
        <f t="shared" si="18"/>
        <v>0.245</v>
      </c>
      <c r="E70" s="414">
        <f t="shared" si="18"/>
        <v>0.318</v>
      </c>
      <c r="F70" s="414">
        <f t="shared" si="18"/>
        <v>0.32700000000000001</v>
      </c>
      <c r="G70" s="414">
        <f t="shared" si="18"/>
        <v>0.33</v>
      </c>
      <c r="H70" s="414">
        <f t="shared" si="18"/>
        <v>0.34300000000000003</v>
      </c>
      <c r="I70" s="351">
        <f t="shared" si="18"/>
        <v>0.4415</v>
      </c>
      <c r="J70" s="351">
        <f t="shared" si="18"/>
        <v>0.46379999999999999</v>
      </c>
      <c r="K70" s="415">
        <f t="shared" si="18"/>
        <v>0.4718</v>
      </c>
      <c r="L70" s="416">
        <f t="shared" si="18"/>
        <v>0.57599999999999996</v>
      </c>
      <c r="M70" s="416">
        <f t="shared" si="18"/>
        <v>0.56259999999999999</v>
      </c>
      <c r="N70" s="417">
        <f t="shared" si="18"/>
        <v>0.6503000000000001</v>
      </c>
    </row>
    <row r="76" spans="2:14" x14ac:dyDescent="0.35">
      <c r="B76" t="s">
        <v>219</v>
      </c>
      <c r="C76">
        <v>2011</v>
      </c>
      <c r="D76">
        <v>2012</v>
      </c>
      <c r="E76">
        <v>2013</v>
      </c>
      <c r="F76">
        <v>2014</v>
      </c>
      <c r="G76">
        <v>2015</v>
      </c>
      <c r="H76">
        <v>2016</v>
      </c>
      <c r="I76">
        <v>2017</v>
      </c>
      <c r="J76">
        <v>2018</v>
      </c>
      <c r="K76">
        <v>2019</v>
      </c>
      <c r="L76">
        <v>2020</v>
      </c>
      <c r="M76">
        <v>2021</v>
      </c>
      <c r="N76">
        <v>2022</v>
      </c>
    </row>
    <row r="79" spans="2:14" x14ac:dyDescent="0.35">
      <c r="B79" t="s">
        <v>20</v>
      </c>
    </row>
    <row r="80" spans="2:14" x14ac:dyDescent="0.35">
      <c r="B80" t="s">
        <v>7</v>
      </c>
    </row>
    <row r="81" spans="2:3" x14ac:dyDescent="0.35">
      <c r="B81" t="s">
        <v>3</v>
      </c>
    </row>
    <row r="82" spans="2:3" x14ac:dyDescent="0.35">
      <c r="B82" t="s">
        <v>4</v>
      </c>
    </row>
    <row r="83" spans="2:3" x14ac:dyDescent="0.35">
      <c r="B83" t="s">
        <v>14</v>
      </c>
    </row>
    <row r="84" spans="2:3" x14ac:dyDescent="0.35">
      <c r="B84" t="s">
        <v>1</v>
      </c>
    </row>
    <row r="85" spans="2:3" x14ac:dyDescent="0.35">
      <c r="B85" t="s">
        <v>18</v>
      </c>
      <c r="C85" s="492" t="s">
        <v>122</v>
      </c>
    </row>
    <row r="86" spans="2:3" x14ac:dyDescent="0.35">
      <c r="B86" t="s">
        <v>11</v>
      </c>
      <c r="C86" s="492"/>
    </row>
    <row r="87" spans="2:3" x14ac:dyDescent="0.35">
      <c r="B87" t="s">
        <v>21</v>
      </c>
      <c r="C87" s="492"/>
    </row>
    <row r="88" spans="2:3" x14ac:dyDescent="0.35">
      <c r="B88" t="s">
        <v>9</v>
      </c>
      <c r="C88" s="492"/>
    </row>
    <row r="89" spans="2:3" x14ac:dyDescent="0.35">
      <c r="B89" t="s">
        <v>5</v>
      </c>
      <c r="C89" s="492"/>
    </row>
    <row r="90" spans="2:3" x14ac:dyDescent="0.35">
      <c r="B90" t="s">
        <v>17</v>
      </c>
      <c r="C90" s="492"/>
    </row>
    <row r="91" spans="2:3" x14ac:dyDescent="0.35">
      <c r="B91" t="s">
        <v>12</v>
      </c>
      <c r="C91" s="492"/>
    </row>
    <row r="92" spans="2:3" x14ac:dyDescent="0.35">
      <c r="B92" t="s">
        <v>15</v>
      </c>
      <c r="C92" s="492"/>
    </row>
    <row r="93" spans="2:3" x14ac:dyDescent="0.35">
      <c r="B93" t="s">
        <v>16</v>
      </c>
      <c r="C93" s="492"/>
    </row>
  </sheetData>
  <mergeCells count="3">
    <mergeCell ref="C85:C93"/>
    <mergeCell ref="B31:N31"/>
    <mergeCell ref="B52:N52"/>
  </mergeCells>
  <hyperlinks>
    <hyperlink ref="B1" location="CONTENTS!A1" display="TO CONTENTS" xr:uid="{F06AC1C1-A49C-4E84-87A0-5E807315B788}"/>
  </hyperlink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3</vt:i4>
      </vt:variant>
    </vt:vector>
  </HeadingPairs>
  <TitlesOfParts>
    <vt:vector size="13" baseType="lpstr">
      <vt:lpstr>CONTENTS</vt:lpstr>
      <vt:lpstr>T1 Stats</vt:lpstr>
      <vt:lpstr>T2 Ranking</vt:lpstr>
      <vt:lpstr>T3 Next term</vt:lpstr>
      <vt:lpstr>T4 Benefit</vt:lpstr>
      <vt:lpstr>T5 RDD</vt:lpstr>
      <vt:lpstr>T6. Subsidies</vt:lpstr>
      <vt:lpstr>Fig1 Capacity</vt:lpstr>
      <vt:lpstr>Fig2 Offshore</vt:lpstr>
      <vt:lpstr>Fig3 Wind share</vt:lpstr>
      <vt:lpstr>Fig4 Ave size of turbines</vt:lpstr>
      <vt:lpstr>Fig5 CF</vt:lpstr>
      <vt:lpstr>Fig6 Cos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min Slijepcevic</dc:creator>
  <cp:lastModifiedBy>Mads Gregor Jørgensen</cp:lastModifiedBy>
  <dcterms:created xsi:type="dcterms:W3CDTF">2023-12-13T11:58:36Z</dcterms:created>
  <dcterms:modified xsi:type="dcterms:W3CDTF">2023-12-19T10:10:07Z</dcterms:modified>
</cp:coreProperties>
</file>